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0\HP2510\"/>
    </mc:Choice>
  </mc:AlternateContent>
  <xr:revisionPtr revIDLastSave="0" documentId="13_ncr:1_{07B11B4E-6187-4567-BC4C-9F50566234B8}" xr6:coauthVersionLast="47" xr6:coauthVersionMax="47" xr10:uidLastSave="{00000000-0000-0000-0000-000000000000}"/>
  <bookViews>
    <workbookView xWindow="-120" yWindow="-120" windowWidth="29040" windowHeight="15720" xr2:uid="{537A8385-1069-4AB4-9C41-9C28DE511BD1}"/>
  </bookViews>
  <sheets>
    <sheet name="目次" sheetId="90" r:id="rId1"/>
    <sheet name="年齢別・性別人口(01総曲輪)" sheetId="1" r:id="rId2"/>
    <sheet name="年齢別・性別人口(02愛宕)" sheetId="2" r:id="rId3"/>
    <sheet name="年齢別・性別人口(03安野屋)" sheetId="3" r:id="rId4"/>
    <sheet name="年齢別・性別人口(04八人町)" sheetId="4" r:id="rId5"/>
    <sheet name="年齢別・性別人口(05五番町)" sheetId="5" r:id="rId6"/>
    <sheet name="年齢別・性別人口(06柳町)" sheetId="6" r:id="rId7"/>
    <sheet name="年齢別・性別人口(07清水町)" sheetId="7" r:id="rId8"/>
    <sheet name="年齢別・性別人口(08星井町)" sheetId="8" r:id="rId9"/>
    <sheet name="年齢別・性別人口(09西田地方)" sheetId="9" r:id="rId10"/>
    <sheet name="年齢別・性別人口(10堀川)" sheetId="10" r:id="rId11"/>
    <sheet name="年齢別・性別人口(11堀川南)" sheetId="11" r:id="rId12"/>
    <sheet name="年齢別・性別人口(12東部)" sheetId="12" r:id="rId13"/>
    <sheet name="年齢別・性別人口(13奥田)" sheetId="13" r:id="rId14"/>
    <sheet name="年齢別・性別人口(14奥田北)" sheetId="14" r:id="rId15"/>
    <sheet name="年齢別・性別人口(15桜谷)" sheetId="15" r:id="rId16"/>
    <sheet name="年齢別・性別人口(16五福)" sheetId="16" r:id="rId17"/>
    <sheet name="年齢別・性別人口(17神明)" sheetId="17" r:id="rId18"/>
    <sheet name="年齢別・性別人口(18岩瀬)" sheetId="18" r:id="rId19"/>
    <sheet name="年齢別・性別人口(19萩浦)" sheetId="19" r:id="rId20"/>
    <sheet name="年齢別・性別人口(20大広田)" sheetId="20" r:id="rId21"/>
    <sheet name="年齢別・性別人口(21浜黒崎)" sheetId="21" r:id="rId22"/>
    <sheet name="年齢別・性別人口(22針原)" sheetId="22" r:id="rId23"/>
    <sheet name="年齢別・性別人口(23豊田)" sheetId="23" r:id="rId24"/>
    <sheet name="年齢別・性別人口(24広田)" sheetId="24" r:id="rId25"/>
    <sheet name="年齢別・性別人口(25新庄)" sheetId="25" r:id="rId26"/>
    <sheet name="年齢別・性別人口(26藤ノ木)" sheetId="26" r:id="rId27"/>
    <sheet name="年齢別・性別人口(27山室)" sheetId="27" r:id="rId28"/>
    <sheet name="年齢別・性別人口(28山室中部)" sheetId="28" r:id="rId29"/>
    <sheet name="年齢別・性別人口(29太田)" sheetId="29" r:id="rId30"/>
    <sheet name="年齢別・性別人口(30蜷川)" sheetId="30" r:id="rId31"/>
    <sheet name="年齢別・性別人口(31新保)" sheetId="31" r:id="rId32"/>
    <sheet name="年齢別・性別人口(32熊野)" sheetId="32" r:id="rId33"/>
    <sheet name="年齢別・性別人口(33月岡)" sheetId="33" r:id="rId34"/>
    <sheet name="年齢別・性別人口(34四方)" sheetId="34" r:id="rId35"/>
    <sheet name="年齢別・性別人口(35八幡)" sheetId="35" r:id="rId36"/>
    <sheet name="年齢別・性別人口(36草島)" sheetId="36" r:id="rId37"/>
    <sheet name="年齢別・性別人口(37倉垣)" sheetId="37" r:id="rId38"/>
    <sheet name="年齢別・性別人口(38呉羽)" sheetId="38" r:id="rId39"/>
    <sheet name="年齢別・性別人口(39長岡)" sheetId="39" r:id="rId40"/>
    <sheet name="年齢別・性別人口(40寒江)" sheetId="40" r:id="rId41"/>
    <sheet name="年齢別・性別人口(41古沢)" sheetId="41" r:id="rId42"/>
    <sheet name="年齢別・性別人口(42老田)" sheetId="42" r:id="rId43"/>
    <sheet name="年齢別・性別人口(43池多)" sheetId="43" r:id="rId44"/>
    <sheet name="年齢別・性別人口(44水橋中部)" sheetId="44" r:id="rId45"/>
    <sheet name="年齢別・性別人口(45水橋西部)" sheetId="45" r:id="rId46"/>
    <sheet name="年齢別・性別人口(46水橋東部)" sheetId="46" r:id="rId47"/>
    <sheet name="年齢別・性別人口(47三郷)" sheetId="47" r:id="rId48"/>
    <sheet name="年齢別・性別人口(48上条)" sheetId="48" r:id="rId49"/>
    <sheet name="年齢別・性別人口(49光陽)" sheetId="49" r:id="rId50"/>
    <sheet name="年齢別・性別人口(50新庄北）" sheetId="50" r:id="rId51"/>
    <sheet name="年齢別・性別人口(0099富山地域)" sheetId="51" r:id="rId52"/>
    <sheet name="年齢別・性別人口0101下タ)" sheetId="52" r:id="rId53"/>
    <sheet name="年齢別・性別人口(0102小羽)" sheetId="53" r:id="rId54"/>
    <sheet name="年齢別・性別人口(0103船峅)" sheetId="54" r:id="rId55"/>
    <sheet name="年齢別・性別人口(0104大沢野)" sheetId="55" r:id="rId56"/>
    <sheet name="年齢別・性別人口(0105大久保)" sheetId="56" r:id="rId57"/>
    <sheet name="年齢別・性別人口(0199大沢野地域)" sheetId="57" r:id="rId58"/>
    <sheet name="年齢別・性別人口(0201上滝)" sheetId="58" r:id="rId59"/>
    <sheet name="年齢別・性別人口(0202大山)" sheetId="59" r:id="rId60"/>
    <sheet name="年齢別・性別人口(0203大庄)" sheetId="60" r:id="rId61"/>
    <sheet name="年齢別・性別人口(0204福沢)" sheetId="61" r:id="rId62"/>
    <sheet name="年齢別・性別人口(0299大山地域)" sheetId="62" r:id="rId63"/>
    <sheet name="年齢別・性別人口(0301八尾)" sheetId="63" r:id="rId64"/>
    <sheet name="年齢別・性別人口(0302保内)" sheetId="64" r:id="rId65"/>
    <sheet name="年齢別・性別人口(0303杉原)" sheetId="65" r:id="rId66"/>
    <sheet name="年齢別・性別人口(0304卯花)" sheetId="66" r:id="rId67"/>
    <sheet name="年齢別・性別人口(0305室牧)" sheetId="67" r:id="rId68"/>
    <sheet name="年齢別・性別人口(0306黒瀬谷)" sheetId="68" r:id="rId69"/>
    <sheet name="年齢別・性別人口(0307野積)" sheetId="69" r:id="rId70"/>
    <sheet name="年齢別・性別人口(0308仁歩)" sheetId="70" r:id="rId71"/>
    <sheet name="年齢別・性別人口(0309大長谷)" sheetId="71" r:id="rId72"/>
    <sheet name="年齢別・性別人口(0399八尾地域)" sheetId="72" r:id="rId73"/>
    <sheet name="年齢別・性別人口(0401速星)" sheetId="73" r:id="rId74"/>
    <sheet name="年齢別・性別人口(0402鵜坂)" sheetId="74" r:id="rId75"/>
    <sheet name="年齢別・性別人口(0403朝日)" sheetId="75" r:id="rId76"/>
    <sheet name="年齢別・性別人口(0404宮川)" sheetId="76" r:id="rId77"/>
    <sheet name="年齢別・性別人口(0405婦中熊野)" sheetId="77" r:id="rId78"/>
    <sheet name="年齢別・性別人口(0406古里)" sheetId="78" r:id="rId79"/>
    <sheet name="年齢別・性別人口(0407音川)" sheetId="79" r:id="rId80"/>
    <sheet name="年齢別・性別人口(0408神保)" sheetId="80" r:id="rId81"/>
    <sheet name="年齢別・性別人口(0499婦中地域)" sheetId="81" r:id="rId82"/>
    <sheet name="年齢別・性別人口(0501山田南部)" sheetId="82" r:id="rId83"/>
    <sheet name="年齢別・性別人口(0502山田中部)" sheetId="83" r:id="rId84"/>
    <sheet name="年齢別・性別人口(0503山田西部)" sheetId="84" r:id="rId85"/>
    <sheet name="年齢別・性別人口(0504山田東部)" sheetId="85" r:id="rId86"/>
    <sheet name="年齢別・性別人口(0599山田地域)" sheetId="86" r:id="rId87"/>
    <sheet name="年齢別・性別人口(0601細入北部)" sheetId="87" r:id="rId88"/>
    <sheet name="年齢別・性別人口(0602細入南部)" sheetId="88" r:id="rId89"/>
    <sheet name="年齢別・性別人口(0699細入地域)" sheetId="89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686" uniqueCount="221">
  <si>
    <t>【合計】</t>
    <rPh sb="1" eb="3">
      <t>ゴウケイ</t>
    </rPh>
    <phoneticPr fontId="3"/>
  </si>
  <si>
    <t>【65～】</t>
  </si>
  <si>
    <t>《100～》</t>
  </si>
  <si>
    <t>101～</t>
  </si>
  <si>
    <t>《95～99》</t>
  </si>
  <si>
    <t>《90～94》</t>
  </si>
  <si>
    <t>《85～89》</t>
  </si>
  <si>
    <t>《80～84》</t>
  </si>
  <si>
    <t>《75～79》</t>
  </si>
  <si>
    <t>《70～74》</t>
  </si>
  <si>
    <t>《65～69》</t>
  </si>
  <si>
    <t>【15～64】</t>
  </si>
  <si>
    <t>《60～64》</t>
  </si>
  <si>
    <t>《55～59》</t>
  </si>
  <si>
    <t>《50～54》</t>
  </si>
  <si>
    <t>《45～49》</t>
  </si>
  <si>
    <t>《40～44》</t>
  </si>
  <si>
    <t>《35～39》</t>
  </si>
  <si>
    <t>《30～34》</t>
  </si>
  <si>
    <t>《25～29》</t>
  </si>
  <si>
    <t>《20～24》</t>
  </si>
  <si>
    <t>《15～19》</t>
  </si>
  <si>
    <t>【0～14】</t>
  </si>
  <si>
    <t>《10～14》</t>
  </si>
  <si>
    <t>《5～9》</t>
  </si>
  <si>
    <t>《0～4》</t>
  </si>
  <si>
    <t>計</t>
    <rPh sb="0" eb="1">
      <t>ケイ</t>
    </rPh>
    <phoneticPr fontId="3"/>
  </si>
  <si>
    <t>女</t>
    <rPh sb="0" eb="1">
      <t>オンナ</t>
    </rPh>
    <phoneticPr fontId="3"/>
  </si>
  <si>
    <t>男</t>
    <rPh sb="0" eb="1">
      <t>オトコ</t>
    </rPh>
    <phoneticPr fontId="3"/>
  </si>
  <si>
    <t>年齢</t>
    <rPh sb="0" eb="2">
      <t>ネンレイ</t>
    </rPh>
    <phoneticPr fontId="3"/>
  </si>
  <si>
    <t>令和7年10月末</t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3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3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3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3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3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3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3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3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3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3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3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3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3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3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3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3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3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3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3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3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3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3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3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3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3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3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3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3"/>
  </si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3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3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3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3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3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3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3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3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3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3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3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3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3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3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3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3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3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3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3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3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3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3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3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3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3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3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3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3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3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3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3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3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3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3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3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3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3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3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3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3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3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3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3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3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3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3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3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3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3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3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3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3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3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3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3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3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3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3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3"/>
  </si>
  <si>
    <t>年齢別・性別人口（地区別）</t>
    <rPh sb="0" eb="3">
      <t>ネンレイベツ</t>
    </rPh>
    <rPh sb="4" eb="6">
      <t>セイベツ</t>
    </rPh>
    <rPh sb="6" eb="8">
      <t>ジンコウ</t>
    </rPh>
    <rPh sb="9" eb="12">
      <t>チクベツ</t>
    </rPh>
    <phoneticPr fontId="3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3"/>
  </si>
  <si>
    <t>富山地域</t>
    <rPh sb="0" eb="2">
      <t>トヤマ</t>
    </rPh>
    <rPh sb="2" eb="4">
      <t>チイキ</t>
    </rPh>
    <phoneticPr fontId="3"/>
  </si>
  <si>
    <t>大沢野地域</t>
    <rPh sb="0" eb="3">
      <t>オオサワノ</t>
    </rPh>
    <rPh sb="3" eb="5">
      <t>チイキ</t>
    </rPh>
    <phoneticPr fontId="3"/>
  </si>
  <si>
    <t>総曲輪</t>
    <rPh sb="0" eb="3">
      <t>ソウガワ</t>
    </rPh>
    <phoneticPr fontId="3"/>
  </si>
  <si>
    <t>下タ</t>
    <rPh sb="0" eb="1">
      <t>シタ</t>
    </rPh>
    <phoneticPr fontId="3"/>
  </si>
  <si>
    <t>愛宕</t>
    <rPh sb="0" eb="2">
      <t>アタゴ</t>
    </rPh>
    <phoneticPr fontId="3"/>
  </si>
  <si>
    <t>小羽</t>
    <rPh sb="0" eb="1">
      <t>チイ</t>
    </rPh>
    <rPh sb="1" eb="2">
      <t>ハネ</t>
    </rPh>
    <phoneticPr fontId="3"/>
  </si>
  <si>
    <t>安野屋</t>
    <rPh sb="0" eb="3">
      <t>ヤスノヤ</t>
    </rPh>
    <phoneticPr fontId="3"/>
  </si>
  <si>
    <t>船峅</t>
    <rPh sb="0" eb="2">
      <t>フナクラ</t>
    </rPh>
    <phoneticPr fontId="3"/>
  </si>
  <si>
    <t>八人町</t>
    <rPh sb="0" eb="3">
      <t>ハチニンマチ</t>
    </rPh>
    <phoneticPr fontId="3"/>
  </si>
  <si>
    <t>大沢野</t>
    <rPh sb="0" eb="3">
      <t>オオサワノ</t>
    </rPh>
    <phoneticPr fontId="3"/>
  </si>
  <si>
    <t>五番町</t>
    <rPh sb="0" eb="3">
      <t>ゴバンマチ</t>
    </rPh>
    <phoneticPr fontId="3"/>
  </si>
  <si>
    <t>大久保</t>
    <rPh sb="0" eb="3">
      <t>オオクボ</t>
    </rPh>
    <phoneticPr fontId="3"/>
  </si>
  <si>
    <t>柳町</t>
    <rPh sb="0" eb="2">
      <t>ヤナギマチ</t>
    </rPh>
    <phoneticPr fontId="3"/>
  </si>
  <si>
    <t>大沢野地域（合計）</t>
    <rPh sb="0" eb="3">
      <t>オオサワノ</t>
    </rPh>
    <rPh sb="3" eb="5">
      <t>チイキ</t>
    </rPh>
    <rPh sb="6" eb="8">
      <t>ゴウケイ</t>
    </rPh>
    <phoneticPr fontId="3"/>
  </si>
  <si>
    <t>清水町</t>
    <rPh sb="0" eb="3">
      <t>シミズマチ</t>
    </rPh>
    <phoneticPr fontId="3"/>
  </si>
  <si>
    <t>星井町</t>
    <rPh sb="0" eb="3">
      <t>ホシイマチ</t>
    </rPh>
    <phoneticPr fontId="3"/>
  </si>
  <si>
    <t>大山地域</t>
    <rPh sb="0" eb="2">
      <t>オオヤマ</t>
    </rPh>
    <rPh sb="2" eb="4">
      <t>チイキ</t>
    </rPh>
    <phoneticPr fontId="3"/>
  </si>
  <si>
    <t>西田地方</t>
    <rPh sb="0" eb="4">
      <t>ニシデンジガタ</t>
    </rPh>
    <phoneticPr fontId="3"/>
  </si>
  <si>
    <t>上滝</t>
    <rPh sb="0" eb="2">
      <t>カミダキ</t>
    </rPh>
    <phoneticPr fontId="3"/>
  </si>
  <si>
    <t>堀川</t>
    <rPh sb="0" eb="2">
      <t>ホリカワ</t>
    </rPh>
    <phoneticPr fontId="3"/>
  </si>
  <si>
    <t>大山</t>
    <rPh sb="0" eb="2">
      <t>オオヤマ</t>
    </rPh>
    <phoneticPr fontId="3"/>
  </si>
  <si>
    <t>堀川南</t>
    <rPh sb="0" eb="2">
      <t>ホリカワ</t>
    </rPh>
    <rPh sb="2" eb="3">
      <t>ミナミ</t>
    </rPh>
    <phoneticPr fontId="3"/>
  </si>
  <si>
    <t>大庄</t>
    <rPh sb="0" eb="2">
      <t>ダイショウ</t>
    </rPh>
    <phoneticPr fontId="3"/>
  </si>
  <si>
    <t>東部</t>
    <rPh sb="0" eb="2">
      <t>トウブ</t>
    </rPh>
    <phoneticPr fontId="3"/>
  </si>
  <si>
    <t>福沢</t>
    <rPh sb="0" eb="2">
      <t>フクサワ</t>
    </rPh>
    <phoneticPr fontId="3"/>
  </si>
  <si>
    <t>奥田</t>
    <rPh sb="0" eb="2">
      <t>オクダ</t>
    </rPh>
    <phoneticPr fontId="3"/>
  </si>
  <si>
    <t>大山地域（合計）</t>
    <rPh sb="0" eb="2">
      <t>オオヤマ</t>
    </rPh>
    <rPh sb="2" eb="4">
      <t>チイキ</t>
    </rPh>
    <rPh sb="5" eb="7">
      <t>ゴウケイ</t>
    </rPh>
    <phoneticPr fontId="3"/>
  </si>
  <si>
    <t>奥田北</t>
    <rPh sb="0" eb="3">
      <t>オクダキタ</t>
    </rPh>
    <phoneticPr fontId="3"/>
  </si>
  <si>
    <t>桜谷</t>
    <rPh sb="0" eb="2">
      <t>サクラタニ</t>
    </rPh>
    <phoneticPr fontId="3"/>
  </si>
  <si>
    <t>八尾地域</t>
    <rPh sb="0" eb="4">
      <t>ヤツオチイキ</t>
    </rPh>
    <phoneticPr fontId="3"/>
  </si>
  <si>
    <t>五福</t>
    <rPh sb="0" eb="2">
      <t>ゴフク</t>
    </rPh>
    <phoneticPr fontId="3"/>
  </si>
  <si>
    <t>八尾</t>
    <rPh sb="0" eb="2">
      <t>ヤツオ</t>
    </rPh>
    <phoneticPr fontId="3"/>
  </si>
  <si>
    <t>神明</t>
    <rPh sb="0" eb="2">
      <t>シンメイ</t>
    </rPh>
    <phoneticPr fontId="3"/>
  </si>
  <si>
    <t>保内</t>
    <rPh sb="0" eb="2">
      <t>ヤスウチ</t>
    </rPh>
    <phoneticPr fontId="3"/>
  </si>
  <si>
    <t>岩瀬</t>
    <rPh sb="0" eb="2">
      <t>イワセ</t>
    </rPh>
    <phoneticPr fontId="3"/>
  </si>
  <si>
    <t>杉原</t>
    <rPh sb="0" eb="2">
      <t>スギハラ</t>
    </rPh>
    <phoneticPr fontId="3"/>
  </si>
  <si>
    <t>萩浦</t>
    <rPh sb="0" eb="1">
      <t>ハギ</t>
    </rPh>
    <rPh sb="1" eb="2">
      <t>ウラ</t>
    </rPh>
    <phoneticPr fontId="3"/>
  </si>
  <si>
    <t>卯花</t>
    <rPh sb="0" eb="2">
      <t>ウノハナ</t>
    </rPh>
    <phoneticPr fontId="3"/>
  </si>
  <si>
    <t>大広田</t>
    <rPh sb="0" eb="3">
      <t>オオヒロタ</t>
    </rPh>
    <phoneticPr fontId="3"/>
  </si>
  <si>
    <t>室牧</t>
    <rPh sb="0" eb="2">
      <t>ムロマキ</t>
    </rPh>
    <phoneticPr fontId="3"/>
  </si>
  <si>
    <t>浜黒崎</t>
    <rPh sb="0" eb="3">
      <t>ハマクロサキ</t>
    </rPh>
    <phoneticPr fontId="3"/>
  </si>
  <si>
    <t>黒瀬谷</t>
    <rPh sb="0" eb="3">
      <t>クロセタニ</t>
    </rPh>
    <phoneticPr fontId="3"/>
  </si>
  <si>
    <t>針原</t>
    <rPh sb="0" eb="2">
      <t>ハリハラ</t>
    </rPh>
    <phoneticPr fontId="3"/>
  </si>
  <si>
    <t>野積</t>
    <rPh sb="0" eb="2">
      <t>ノヅ</t>
    </rPh>
    <phoneticPr fontId="3"/>
  </si>
  <si>
    <t>豊田</t>
    <rPh sb="0" eb="2">
      <t>トヨタ</t>
    </rPh>
    <phoneticPr fontId="3"/>
  </si>
  <si>
    <t>仁歩</t>
    <rPh sb="0" eb="1">
      <t>ニ</t>
    </rPh>
    <rPh sb="1" eb="2">
      <t>アル</t>
    </rPh>
    <phoneticPr fontId="3"/>
  </si>
  <si>
    <t>広田</t>
    <rPh sb="0" eb="2">
      <t>ヒロタ</t>
    </rPh>
    <phoneticPr fontId="3"/>
  </si>
  <si>
    <t>大長谷</t>
    <rPh sb="0" eb="3">
      <t>オオナガタニ</t>
    </rPh>
    <phoneticPr fontId="3"/>
  </si>
  <si>
    <t>新庄</t>
    <rPh sb="0" eb="2">
      <t>シンジョウ</t>
    </rPh>
    <phoneticPr fontId="3"/>
  </si>
  <si>
    <t>八尾地域（合計）</t>
    <rPh sb="0" eb="4">
      <t>ヤツオチイキ</t>
    </rPh>
    <rPh sb="5" eb="7">
      <t>ゴウケイ</t>
    </rPh>
    <phoneticPr fontId="3"/>
  </si>
  <si>
    <t>藤ノ木</t>
    <rPh sb="0" eb="1">
      <t>フジ</t>
    </rPh>
    <rPh sb="2" eb="3">
      <t>キ</t>
    </rPh>
    <phoneticPr fontId="3"/>
  </si>
  <si>
    <t>山室</t>
    <rPh sb="0" eb="2">
      <t>ヤマムロ</t>
    </rPh>
    <phoneticPr fontId="3"/>
  </si>
  <si>
    <t>婦中地域</t>
    <rPh sb="0" eb="2">
      <t>フチュウ</t>
    </rPh>
    <rPh sb="2" eb="4">
      <t>チイキ</t>
    </rPh>
    <phoneticPr fontId="3"/>
  </si>
  <si>
    <t>山室中部</t>
    <rPh sb="0" eb="4">
      <t>ヤマムロチュウブ</t>
    </rPh>
    <phoneticPr fontId="3"/>
  </si>
  <si>
    <t>速星</t>
    <rPh sb="0" eb="2">
      <t>ハヤホシ</t>
    </rPh>
    <phoneticPr fontId="3"/>
  </si>
  <si>
    <t>太田</t>
    <rPh sb="0" eb="2">
      <t>オオタ</t>
    </rPh>
    <phoneticPr fontId="3"/>
  </si>
  <si>
    <t>鵜坂</t>
    <rPh sb="0" eb="2">
      <t>ウサカ</t>
    </rPh>
    <phoneticPr fontId="3"/>
  </si>
  <si>
    <t>蜷川</t>
    <rPh sb="0" eb="2">
      <t>ニナガワ</t>
    </rPh>
    <phoneticPr fontId="3"/>
  </si>
  <si>
    <t>朝日</t>
    <rPh sb="0" eb="2">
      <t>アサヒ</t>
    </rPh>
    <phoneticPr fontId="3"/>
  </si>
  <si>
    <t>新保</t>
    <rPh sb="0" eb="2">
      <t>シンボ</t>
    </rPh>
    <phoneticPr fontId="3"/>
  </si>
  <si>
    <t>宮川</t>
    <rPh sb="0" eb="2">
      <t>ミヤガワ</t>
    </rPh>
    <phoneticPr fontId="3"/>
  </si>
  <si>
    <t>熊野</t>
    <rPh sb="0" eb="2">
      <t>クマノ</t>
    </rPh>
    <phoneticPr fontId="3"/>
  </si>
  <si>
    <t>婦中熊野</t>
    <rPh sb="0" eb="2">
      <t>フチュウ</t>
    </rPh>
    <rPh sb="2" eb="4">
      <t>クマノ</t>
    </rPh>
    <phoneticPr fontId="3"/>
  </si>
  <si>
    <t>月岡</t>
    <rPh sb="0" eb="2">
      <t>ツキオカ</t>
    </rPh>
    <phoneticPr fontId="3"/>
  </si>
  <si>
    <t>古里</t>
    <rPh sb="0" eb="2">
      <t>フルサト</t>
    </rPh>
    <phoneticPr fontId="3"/>
  </si>
  <si>
    <t>四方</t>
    <rPh sb="0" eb="2">
      <t>ヨカタ</t>
    </rPh>
    <phoneticPr fontId="3"/>
  </si>
  <si>
    <t>音川</t>
    <rPh sb="0" eb="2">
      <t>オトガワ</t>
    </rPh>
    <phoneticPr fontId="3"/>
  </si>
  <si>
    <t>八幡</t>
    <rPh sb="0" eb="2">
      <t>ハチマン</t>
    </rPh>
    <phoneticPr fontId="3"/>
  </si>
  <si>
    <t>神保</t>
    <rPh sb="0" eb="2">
      <t>シンボ</t>
    </rPh>
    <phoneticPr fontId="3"/>
  </si>
  <si>
    <t>草島</t>
    <rPh sb="0" eb="2">
      <t>クサジマ</t>
    </rPh>
    <phoneticPr fontId="3"/>
  </si>
  <si>
    <t>婦中地域（合計）</t>
    <rPh sb="0" eb="2">
      <t>フチュウ</t>
    </rPh>
    <rPh sb="2" eb="4">
      <t>チイキ</t>
    </rPh>
    <rPh sb="5" eb="7">
      <t>ゴウケイ</t>
    </rPh>
    <phoneticPr fontId="3"/>
  </si>
  <si>
    <t>倉垣</t>
    <rPh sb="0" eb="2">
      <t>クラガキ</t>
    </rPh>
    <phoneticPr fontId="3"/>
  </si>
  <si>
    <t>呉羽</t>
    <rPh sb="0" eb="2">
      <t>クレハ</t>
    </rPh>
    <phoneticPr fontId="3"/>
  </si>
  <si>
    <t>山田地域</t>
    <rPh sb="0" eb="4">
      <t>ヤマダチイキ</t>
    </rPh>
    <phoneticPr fontId="3"/>
  </si>
  <si>
    <t>長岡</t>
    <rPh sb="0" eb="2">
      <t>ナガオカ</t>
    </rPh>
    <phoneticPr fontId="3"/>
  </si>
  <si>
    <t>山田南部</t>
    <rPh sb="0" eb="2">
      <t>ヤマダ</t>
    </rPh>
    <rPh sb="2" eb="4">
      <t>ナンブ</t>
    </rPh>
    <phoneticPr fontId="3"/>
  </si>
  <si>
    <t>寒江</t>
    <rPh sb="0" eb="1">
      <t>サム</t>
    </rPh>
    <rPh sb="1" eb="2">
      <t>エ</t>
    </rPh>
    <phoneticPr fontId="3"/>
  </si>
  <si>
    <t>山田中部</t>
    <rPh sb="0" eb="2">
      <t>ヤマダ</t>
    </rPh>
    <rPh sb="2" eb="4">
      <t>チュウブ</t>
    </rPh>
    <phoneticPr fontId="3"/>
  </si>
  <si>
    <t>古沢</t>
    <rPh sb="0" eb="2">
      <t>フルサワ</t>
    </rPh>
    <phoneticPr fontId="3"/>
  </si>
  <si>
    <t>山田西部</t>
    <rPh sb="0" eb="2">
      <t>ヤマダ</t>
    </rPh>
    <rPh sb="2" eb="4">
      <t>セイブ</t>
    </rPh>
    <phoneticPr fontId="3"/>
  </si>
  <si>
    <t>老田</t>
    <rPh sb="0" eb="2">
      <t>オイダ</t>
    </rPh>
    <phoneticPr fontId="3"/>
  </si>
  <si>
    <t>山田東部</t>
    <rPh sb="0" eb="4">
      <t>ヤマダトウブ</t>
    </rPh>
    <phoneticPr fontId="3"/>
  </si>
  <si>
    <t>池多</t>
    <rPh sb="0" eb="2">
      <t>イケダ</t>
    </rPh>
    <phoneticPr fontId="3"/>
  </si>
  <si>
    <t>山田地域（合計）</t>
    <rPh sb="0" eb="4">
      <t>ヤマダチイキ</t>
    </rPh>
    <rPh sb="5" eb="7">
      <t>ゴウケイ</t>
    </rPh>
    <phoneticPr fontId="3"/>
  </si>
  <si>
    <t>水橋中部</t>
    <rPh sb="0" eb="2">
      <t>ミズハシ</t>
    </rPh>
    <rPh sb="2" eb="4">
      <t>チュウブ</t>
    </rPh>
    <phoneticPr fontId="3"/>
  </si>
  <si>
    <t>水橋西部</t>
    <rPh sb="0" eb="2">
      <t>ミズハシ</t>
    </rPh>
    <rPh sb="2" eb="4">
      <t>セイブ</t>
    </rPh>
    <phoneticPr fontId="3"/>
  </si>
  <si>
    <t>細入地域</t>
    <rPh sb="0" eb="2">
      <t>ホソイリ</t>
    </rPh>
    <rPh sb="2" eb="4">
      <t>チイキ</t>
    </rPh>
    <phoneticPr fontId="3"/>
  </si>
  <si>
    <t>水橋東部</t>
    <rPh sb="0" eb="2">
      <t>ミズハシ</t>
    </rPh>
    <rPh sb="2" eb="4">
      <t>トウブ</t>
    </rPh>
    <phoneticPr fontId="3"/>
  </si>
  <si>
    <t>細入北部</t>
    <rPh sb="0" eb="2">
      <t>ホソイリ</t>
    </rPh>
    <rPh sb="2" eb="4">
      <t>ホクブ</t>
    </rPh>
    <phoneticPr fontId="3"/>
  </si>
  <si>
    <t>三郷</t>
    <rPh sb="0" eb="2">
      <t>サンゴウ</t>
    </rPh>
    <phoneticPr fontId="3"/>
  </si>
  <si>
    <t>細入南部</t>
    <rPh sb="0" eb="2">
      <t>ホソイリ</t>
    </rPh>
    <rPh sb="2" eb="4">
      <t>ナンブ</t>
    </rPh>
    <phoneticPr fontId="3"/>
  </si>
  <si>
    <t>上条</t>
    <rPh sb="0" eb="1">
      <t>ウエ</t>
    </rPh>
    <rPh sb="1" eb="2">
      <t>ジョウ</t>
    </rPh>
    <phoneticPr fontId="3"/>
  </si>
  <si>
    <t>細入地域（合計）</t>
    <rPh sb="0" eb="2">
      <t>ホソイリ</t>
    </rPh>
    <rPh sb="2" eb="4">
      <t>チイキ</t>
    </rPh>
    <rPh sb="5" eb="7">
      <t>ゴウケイ</t>
    </rPh>
    <phoneticPr fontId="3"/>
  </si>
  <si>
    <t>光陽</t>
    <rPh sb="0" eb="2">
      <t>コウヨウ</t>
    </rPh>
    <phoneticPr fontId="3"/>
  </si>
  <si>
    <t>新庄北</t>
    <rPh sb="0" eb="3">
      <t>シンジョウキタ</t>
    </rPh>
    <phoneticPr fontId="3"/>
  </si>
  <si>
    <t>富山地域（合計）</t>
    <rPh sb="0" eb="4">
      <t>トヤマチイキ</t>
    </rPh>
    <rPh sb="5" eb="7">
      <t>ゴウケイ</t>
    </rPh>
    <phoneticPr fontId="3"/>
  </si>
  <si>
    <t xml:space="preserve">※世帯数が6世帯以下の校区については年齢別人口を公表しておりません。
また、7世帯以上の町丁において6世帯以下の町丁との関連で公表していないものがあります。 
人口計はすべての町丁において公表しています。   </t>
    <rPh sb="11" eb="13">
      <t>コウク</t>
    </rPh>
    <phoneticPr fontId="11"/>
  </si>
  <si>
    <t>令和7年10月末</t>
    <rPh sb="0" eb="2">
      <t>レイワ</t>
    </rPh>
    <rPh sb="3" eb="4">
      <t>ネン</t>
    </rPh>
    <rPh sb="6" eb="7">
      <t>ガツ</t>
    </rPh>
    <rPh sb="7" eb="8">
      <t>マツ</t>
    </rPh>
    <phoneticPr fontId="3"/>
  </si>
  <si>
    <t>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明朝"/>
      <family val="1"/>
    </font>
    <font>
      <sz val="11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  <font>
      <sz val="12"/>
      <name val="ＭＳ 明朝"/>
      <family val="1"/>
    </font>
    <font>
      <sz val="14"/>
      <name val="ＭＳ 明朝"/>
      <family val="1"/>
    </font>
    <font>
      <u/>
      <sz val="11"/>
      <color theme="10"/>
      <name val="ＭＳ 明朝"/>
      <family val="1"/>
    </font>
    <font>
      <b/>
      <sz val="14"/>
      <name val="BIZ UD明朝 Medium"/>
      <family val="1"/>
    </font>
    <font>
      <sz val="11"/>
      <name val="BIZ UD明朝 Medium"/>
      <family val="1"/>
    </font>
    <font>
      <b/>
      <sz val="11"/>
      <name val="BIZ UD明朝 Medium"/>
      <family val="1"/>
      <charset val="128"/>
    </font>
    <font>
      <u/>
      <sz val="11"/>
      <color theme="10"/>
      <name val="BIZ UD明朝 Medium"/>
      <family val="1"/>
    </font>
    <font>
      <sz val="6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34">
    <border>
      <left/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6" fillId="0" borderId="0" applyNumberFormat="0" applyFill="0" applyBorder="0" applyAlignment="0" applyProtection="0"/>
  </cellStyleXfs>
  <cellXfs count="48">
    <xf numFmtId="0" fontId="0" fillId="0" borderId="0" xfId="0"/>
    <xf numFmtId="38" fontId="0" fillId="0" borderId="1" xfId="1" applyFont="1" applyBorder="1" applyAlignment="1">
      <alignment vertical="center"/>
    </xf>
    <xf numFmtId="38" fontId="0" fillId="0" borderId="2" xfId="1" applyFont="1" applyBorder="1" applyAlignment="1">
      <alignment vertical="center"/>
    </xf>
    <xf numFmtId="38" fontId="0" fillId="0" borderId="3" xfId="1" applyFont="1" applyBorder="1" applyAlignment="1">
      <alignment vertical="center"/>
    </xf>
    <xf numFmtId="38" fontId="0" fillId="0" borderId="4" xfId="1" applyFont="1" applyBorder="1" applyAlignment="1">
      <alignment horizontal="distributed" vertical="center"/>
    </xf>
    <xf numFmtId="38" fontId="0" fillId="0" borderId="5" xfId="1" applyFont="1" applyBorder="1" applyAlignment="1">
      <alignment vertical="center"/>
    </xf>
    <xf numFmtId="38" fontId="0" fillId="0" borderId="6" xfId="1" applyFont="1" applyBorder="1" applyAlignment="1">
      <alignment vertical="center"/>
    </xf>
    <xf numFmtId="38" fontId="0" fillId="0" borderId="7" xfId="1" applyFont="1" applyBorder="1" applyAlignment="1">
      <alignment vertical="center"/>
    </xf>
    <xf numFmtId="38" fontId="0" fillId="0" borderId="8" xfId="1" applyFont="1" applyBorder="1" applyAlignment="1">
      <alignment horizontal="distributed" vertical="center"/>
    </xf>
    <xf numFmtId="38" fontId="0" fillId="0" borderId="8" xfId="1" applyFont="1" applyBorder="1" applyAlignment="1">
      <alignment horizontal="center" vertical="center"/>
    </xf>
    <xf numFmtId="38" fontId="0" fillId="0" borderId="9" xfId="1" applyFont="1" applyBorder="1" applyAlignment="1">
      <alignment vertical="center"/>
    </xf>
    <xf numFmtId="38" fontId="0" fillId="0" borderId="10" xfId="1" applyFont="1" applyBorder="1" applyAlignment="1">
      <alignment vertical="center"/>
    </xf>
    <xf numFmtId="38" fontId="0" fillId="0" borderId="11" xfId="1" applyFont="1" applyBorder="1" applyAlignment="1">
      <alignment vertical="center"/>
    </xf>
    <xf numFmtId="38" fontId="0" fillId="0" borderId="12" xfId="1" applyFont="1" applyBorder="1" applyAlignment="1">
      <alignment horizontal="distributed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38" fontId="0" fillId="0" borderId="17" xfId="1" applyFont="1" applyBorder="1" applyAlignment="1">
      <alignment vertical="center"/>
    </xf>
    <xf numFmtId="38" fontId="0" fillId="0" borderId="18" xfId="1" applyFont="1" applyBorder="1" applyAlignment="1">
      <alignment vertical="center"/>
    </xf>
    <xf numFmtId="38" fontId="0" fillId="0" borderId="19" xfId="1" applyFont="1" applyBorder="1" applyAlignment="1">
      <alignment vertical="center"/>
    </xf>
    <xf numFmtId="0" fontId="4" fillId="0" borderId="20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38" fontId="0" fillId="0" borderId="23" xfId="1" applyFont="1" applyBorder="1" applyAlignment="1">
      <alignment vertical="center"/>
    </xf>
    <xf numFmtId="38" fontId="0" fillId="0" borderId="24" xfId="1" applyFont="1" applyBorder="1" applyAlignment="1">
      <alignment vertical="center"/>
    </xf>
    <xf numFmtId="38" fontId="0" fillId="0" borderId="25" xfId="1" applyFont="1" applyBorder="1" applyAlignment="1">
      <alignment vertical="center"/>
    </xf>
    <xf numFmtId="38" fontId="0" fillId="0" borderId="26" xfId="1" applyFont="1" applyBorder="1" applyAlignment="1">
      <alignment vertical="center"/>
    </xf>
    <xf numFmtId="38" fontId="0" fillId="0" borderId="13" xfId="1" applyFont="1" applyBorder="1" applyAlignment="1">
      <alignment vertical="center"/>
    </xf>
    <xf numFmtId="38" fontId="0" fillId="0" borderId="14" xfId="1" applyFont="1" applyBorder="1" applyAlignment="1">
      <alignment vertical="center"/>
    </xf>
    <xf numFmtId="38" fontId="0" fillId="0" borderId="27" xfId="1" applyFont="1" applyBorder="1" applyAlignment="1">
      <alignment vertical="center"/>
    </xf>
    <xf numFmtId="0" fontId="8" fillId="0" borderId="0" xfId="0" applyFont="1" applyAlignment="1">
      <alignment horizontal="right"/>
    </xf>
    <xf numFmtId="0" fontId="8" fillId="0" borderId="0" xfId="0" applyFont="1"/>
    <xf numFmtId="0" fontId="9" fillId="0" borderId="0" xfId="0" applyFont="1"/>
    <xf numFmtId="0" fontId="8" fillId="0" borderId="30" xfId="0" applyFont="1" applyBorder="1"/>
    <xf numFmtId="0" fontId="10" fillId="0" borderId="31" xfId="2" applyFont="1" applyBorder="1"/>
    <xf numFmtId="0" fontId="8" fillId="0" borderId="32" xfId="0" applyFont="1" applyBorder="1"/>
    <xf numFmtId="0" fontId="10" fillId="0" borderId="33" xfId="2" applyFont="1" applyBorder="1"/>
    <xf numFmtId="0" fontId="8" fillId="2" borderId="28" xfId="0" applyFont="1" applyFill="1" applyBorder="1" applyAlignment="1">
      <alignment horizontal="center"/>
    </xf>
    <xf numFmtId="0" fontId="8" fillId="2" borderId="29" xfId="0" applyFont="1" applyFill="1" applyBorder="1" applyAlignment="1">
      <alignment horizontal="center"/>
    </xf>
    <xf numFmtId="0" fontId="8" fillId="0" borderId="0" xfId="0" applyFont="1" applyAlignment="1">
      <alignment horizontal="left" vertical="center" wrapText="1"/>
    </xf>
    <xf numFmtId="0" fontId="7" fillId="0" borderId="0" xfId="0" applyFont="1" applyAlignment="1">
      <alignment horizont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0" xfId="0"/>
    <xf numFmtId="0" fontId="4" fillId="0" borderId="0" xfId="0" applyFont="1" applyAlignment="1" applyProtection="1">
      <alignment horizontal="right" vertical="center"/>
      <protection locked="0"/>
    </xf>
  </cellXfs>
  <cellStyles count="3">
    <cellStyle name="ハイパーリンク" xfId="2" builtinId="8"/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489B04-37CA-48DD-8CA0-C5376ACE5D02}">
  <dimension ref="B1:H59"/>
  <sheetViews>
    <sheetView tabSelected="1" workbookViewId="0">
      <selection activeCell="B1" sqref="B1:E1"/>
    </sheetView>
  </sheetViews>
  <sheetFormatPr defaultColWidth="8.875" defaultRowHeight="13.5" x14ac:dyDescent="0.15"/>
  <cols>
    <col min="1" max="1" width="1.5" style="34" customWidth="1"/>
    <col min="2" max="2" width="4.625" style="34" customWidth="1"/>
    <col min="3" max="3" width="20.5" style="34" customWidth="1"/>
    <col min="4" max="4" width="8.875" style="34"/>
    <col min="5" max="5" width="4.625" style="34" customWidth="1"/>
    <col min="6" max="6" width="20.5" style="34" bestFit="1" customWidth="1"/>
    <col min="7" max="16384" width="8.875" style="34"/>
  </cols>
  <sheetData>
    <row r="1" spans="2:6" ht="23.45" customHeight="1" x14ac:dyDescent="0.15">
      <c r="B1" s="43" t="s">
        <v>120</v>
      </c>
      <c r="C1" s="43"/>
      <c r="D1" s="43"/>
      <c r="E1" s="43"/>
      <c r="F1" s="33" t="s">
        <v>219</v>
      </c>
    </row>
    <row r="2" spans="2:6" ht="14.25" thickBot="1" x14ac:dyDescent="0.2">
      <c r="B2" s="35"/>
      <c r="C2" s="34" t="s">
        <v>121</v>
      </c>
    </row>
    <row r="3" spans="2:6" x14ac:dyDescent="0.15">
      <c r="B3" s="40" t="s">
        <v>122</v>
      </c>
      <c r="C3" s="41"/>
      <c r="E3" s="40" t="s">
        <v>123</v>
      </c>
      <c r="F3" s="41"/>
    </row>
    <row r="4" spans="2:6" x14ac:dyDescent="0.15">
      <c r="B4" s="36">
        <v>1</v>
      </c>
      <c r="C4" s="37" t="s">
        <v>124</v>
      </c>
      <c r="E4" s="36">
        <v>101</v>
      </c>
      <c r="F4" s="37" t="s">
        <v>125</v>
      </c>
    </row>
    <row r="5" spans="2:6" x14ac:dyDescent="0.15">
      <c r="B5" s="36">
        <v>2</v>
      </c>
      <c r="C5" s="37" t="s">
        <v>126</v>
      </c>
      <c r="E5" s="36">
        <v>102</v>
      </c>
      <c r="F5" s="37" t="s">
        <v>127</v>
      </c>
    </row>
    <row r="6" spans="2:6" x14ac:dyDescent="0.15">
      <c r="B6" s="36">
        <v>3</v>
      </c>
      <c r="C6" s="37" t="s">
        <v>128</v>
      </c>
      <c r="E6" s="36">
        <v>103</v>
      </c>
      <c r="F6" s="37" t="s">
        <v>129</v>
      </c>
    </row>
    <row r="7" spans="2:6" x14ac:dyDescent="0.15">
      <c r="B7" s="36">
        <v>4</v>
      </c>
      <c r="C7" s="37" t="s">
        <v>130</v>
      </c>
      <c r="E7" s="36">
        <v>104</v>
      </c>
      <c r="F7" s="37" t="s">
        <v>131</v>
      </c>
    </row>
    <row r="8" spans="2:6" x14ac:dyDescent="0.15">
      <c r="B8" s="36">
        <v>5</v>
      </c>
      <c r="C8" s="37" t="s">
        <v>132</v>
      </c>
      <c r="E8" s="36">
        <v>105</v>
      </c>
      <c r="F8" s="37" t="s">
        <v>133</v>
      </c>
    </row>
    <row r="9" spans="2:6" ht="14.25" thickBot="1" x14ac:dyDescent="0.2">
      <c r="B9" s="36">
        <v>6</v>
      </c>
      <c r="C9" s="37" t="s">
        <v>134</v>
      </c>
      <c r="E9" s="38">
        <v>199</v>
      </c>
      <c r="F9" s="39" t="s">
        <v>135</v>
      </c>
    </row>
    <row r="10" spans="2:6" ht="14.25" thickBot="1" x14ac:dyDescent="0.2">
      <c r="B10" s="36">
        <v>7</v>
      </c>
      <c r="C10" s="37" t="s">
        <v>136</v>
      </c>
    </row>
    <row r="11" spans="2:6" x14ac:dyDescent="0.15">
      <c r="B11" s="36">
        <v>8</v>
      </c>
      <c r="C11" s="37" t="s">
        <v>137</v>
      </c>
      <c r="E11" s="40" t="s">
        <v>138</v>
      </c>
      <c r="F11" s="41"/>
    </row>
    <row r="12" spans="2:6" x14ac:dyDescent="0.15">
      <c r="B12" s="36">
        <v>9</v>
      </c>
      <c r="C12" s="37" t="s">
        <v>139</v>
      </c>
      <c r="E12" s="36">
        <v>201</v>
      </c>
      <c r="F12" s="37" t="s">
        <v>140</v>
      </c>
    </row>
    <row r="13" spans="2:6" x14ac:dyDescent="0.15">
      <c r="B13" s="36">
        <v>10</v>
      </c>
      <c r="C13" s="37" t="s">
        <v>141</v>
      </c>
      <c r="E13" s="36">
        <v>202</v>
      </c>
      <c r="F13" s="37" t="s">
        <v>142</v>
      </c>
    </row>
    <row r="14" spans="2:6" x14ac:dyDescent="0.15">
      <c r="B14" s="36">
        <v>11</v>
      </c>
      <c r="C14" s="37" t="s">
        <v>143</v>
      </c>
      <c r="E14" s="36">
        <v>203</v>
      </c>
      <c r="F14" s="37" t="s">
        <v>144</v>
      </c>
    </row>
    <row r="15" spans="2:6" x14ac:dyDescent="0.15">
      <c r="B15" s="36">
        <v>12</v>
      </c>
      <c r="C15" s="37" t="s">
        <v>145</v>
      </c>
      <c r="E15" s="36">
        <v>204</v>
      </c>
      <c r="F15" s="37" t="s">
        <v>146</v>
      </c>
    </row>
    <row r="16" spans="2:6" ht="14.25" thickBot="1" x14ac:dyDescent="0.2">
      <c r="B16" s="36">
        <v>13</v>
      </c>
      <c r="C16" s="37" t="s">
        <v>147</v>
      </c>
      <c r="E16" s="38">
        <v>299</v>
      </c>
      <c r="F16" s="39" t="s">
        <v>148</v>
      </c>
    </row>
    <row r="17" spans="2:6" ht="14.25" thickBot="1" x14ac:dyDescent="0.2">
      <c r="B17" s="36">
        <v>14</v>
      </c>
      <c r="C17" s="37" t="s">
        <v>149</v>
      </c>
    </row>
    <row r="18" spans="2:6" x14ac:dyDescent="0.15">
      <c r="B18" s="36">
        <v>15</v>
      </c>
      <c r="C18" s="37" t="s">
        <v>150</v>
      </c>
      <c r="E18" s="40" t="s">
        <v>151</v>
      </c>
      <c r="F18" s="41"/>
    </row>
    <row r="19" spans="2:6" x14ac:dyDescent="0.15">
      <c r="B19" s="36">
        <v>16</v>
      </c>
      <c r="C19" s="37" t="s">
        <v>152</v>
      </c>
      <c r="E19" s="36">
        <v>301</v>
      </c>
      <c r="F19" s="37" t="s">
        <v>153</v>
      </c>
    </row>
    <row r="20" spans="2:6" x14ac:dyDescent="0.15">
      <c r="B20" s="36">
        <v>17</v>
      </c>
      <c r="C20" s="37" t="s">
        <v>154</v>
      </c>
      <c r="E20" s="36">
        <v>302</v>
      </c>
      <c r="F20" s="37" t="s">
        <v>155</v>
      </c>
    </row>
    <row r="21" spans="2:6" x14ac:dyDescent="0.15">
      <c r="B21" s="36">
        <v>18</v>
      </c>
      <c r="C21" s="37" t="s">
        <v>156</v>
      </c>
      <c r="E21" s="36">
        <v>303</v>
      </c>
      <c r="F21" s="37" t="s">
        <v>157</v>
      </c>
    </row>
    <row r="22" spans="2:6" x14ac:dyDescent="0.15">
      <c r="B22" s="36">
        <v>19</v>
      </c>
      <c r="C22" s="37" t="s">
        <v>158</v>
      </c>
      <c r="E22" s="36">
        <v>304</v>
      </c>
      <c r="F22" s="37" t="s">
        <v>159</v>
      </c>
    </row>
    <row r="23" spans="2:6" x14ac:dyDescent="0.15">
      <c r="B23" s="36">
        <v>20</v>
      </c>
      <c r="C23" s="37" t="s">
        <v>160</v>
      </c>
      <c r="E23" s="36">
        <v>305</v>
      </c>
      <c r="F23" s="37" t="s">
        <v>161</v>
      </c>
    </row>
    <row r="24" spans="2:6" x14ac:dyDescent="0.15">
      <c r="B24" s="36">
        <v>21</v>
      </c>
      <c r="C24" s="37" t="s">
        <v>162</v>
      </c>
      <c r="E24" s="36">
        <v>306</v>
      </c>
      <c r="F24" s="37" t="s">
        <v>163</v>
      </c>
    </row>
    <row r="25" spans="2:6" x14ac:dyDescent="0.15">
      <c r="B25" s="36">
        <v>22</v>
      </c>
      <c r="C25" s="37" t="s">
        <v>164</v>
      </c>
      <c r="E25" s="36">
        <v>307</v>
      </c>
      <c r="F25" s="37" t="s">
        <v>165</v>
      </c>
    </row>
    <row r="26" spans="2:6" x14ac:dyDescent="0.15">
      <c r="B26" s="36">
        <v>23</v>
      </c>
      <c r="C26" s="37" t="s">
        <v>166</v>
      </c>
      <c r="E26" s="36">
        <v>308</v>
      </c>
      <c r="F26" s="37" t="s">
        <v>167</v>
      </c>
    </row>
    <row r="27" spans="2:6" x14ac:dyDescent="0.15">
      <c r="B27" s="36">
        <v>24</v>
      </c>
      <c r="C27" s="37" t="s">
        <v>168</v>
      </c>
      <c r="E27" s="36">
        <v>309</v>
      </c>
      <c r="F27" s="37" t="s">
        <v>169</v>
      </c>
    </row>
    <row r="28" spans="2:6" ht="14.25" thickBot="1" x14ac:dyDescent="0.2">
      <c r="B28" s="36">
        <v>25</v>
      </c>
      <c r="C28" s="37" t="s">
        <v>170</v>
      </c>
      <c r="E28" s="38">
        <v>399</v>
      </c>
      <c r="F28" s="39" t="s">
        <v>171</v>
      </c>
    </row>
    <row r="29" spans="2:6" ht="14.25" thickBot="1" x14ac:dyDescent="0.2">
      <c r="B29" s="36">
        <v>26</v>
      </c>
      <c r="C29" s="37" t="s">
        <v>172</v>
      </c>
    </row>
    <row r="30" spans="2:6" x14ac:dyDescent="0.15">
      <c r="B30" s="36">
        <v>27</v>
      </c>
      <c r="C30" s="37" t="s">
        <v>173</v>
      </c>
      <c r="E30" s="40" t="s">
        <v>174</v>
      </c>
      <c r="F30" s="41"/>
    </row>
    <row r="31" spans="2:6" x14ac:dyDescent="0.15">
      <c r="B31" s="36">
        <v>28</v>
      </c>
      <c r="C31" s="37" t="s">
        <v>175</v>
      </c>
      <c r="E31" s="36">
        <v>401</v>
      </c>
      <c r="F31" s="37" t="s">
        <v>176</v>
      </c>
    </row>
    <row r="32" spans="2:6" x14ac:dyDescent="0.15">
      <c r="B32" s="36">
        <v>29</v>
      </c>
      <c r="C32" s="37" t="s">
        <v>177</v>
      </c>
      <c r="E32" s="36">
        <v>402</v>
      </c>
      <c r="F32" s="37" t="s">
        <v>178</v>
      </c>
    </row>
    <row r="33" spans="2:6" x14ac:dyDescent="0.15">
      <c r="B33" s="36">
        <v>30</v>
      </c>
      <c r="C33" s="37" t="s">
        <v>179</v>
      </c>
      <c r="E33" s="36">
        <v>403</v>
      </c>
      <c r="F33" s="37" t="s">
        <v>180</v>
      </c>
    </row>
    <row r="34" spans="2:6" x14ac:dyDescent="0.15">
      <c r="B34" s="36">
        <v>31</v>
      </c>
      <c r="C34" s="37" t="s">
        <v>181</v>
      </c>
      <c r="E34" s="36">
        <v>404</v>
      </c>
      <c r="F34" s="37" t="s">
        <v>182</v>
      </c>
    </row>
    <row r="35" spans="2:6" x14ac:dyDescent="0.15">
      <c r="B35" s="36">
        <v>32</v>
      </c>
      <c r="C35" s="37" t="s">
        <v>183</v>
      </c>
      <c r="E35" s="36">
        <v>405</v>
      </c>
      <c r="F35" s="37" t="s">
        <v>184</v>
      </c>
    </row>
    <row r="36" spans="2:6" x14ac:dyDescent="0.15">
      <c r="B36" s="36">
        <v>33</v>
      </c>
      <c r="C36" s="37" t="s">
        <v>185</v>
      </c>
      <c r="E36" s="36">
        <v>406</v>
      </c>
      <c r="F36" s="37" t="s">
        <v>186</v>
      </c>
    </row>
    <row r="37" spans="2:6" x14ac:dyDescent="0.15">
      <c r="B37" s="36">
        <v>34</v>
      </c>
      <c r="C37" s="37" t="s">
        <v>187</v>
      </c>
      <c r="E37" s="36">
        <v>407</v>
      </c>
      <c r="F37" s="37" t="s">
        <v>188</v>
      </c>
    </row>
    <row r="38" spans="2:6" x14ac:dyDescent="0.15">
      <c r="B38" s="36">
        <v>35</v>
      </c>
      <c r="C38" s="37" t="s">
        <v>189</v>
      </c>
      <c r="E38" s="36">
        <v>408</v>
      </c>
      <c r="F38" s="37" t="s">
        <v>190</v>
      </c>
    </row>
    <row r="39" spans="2:6" ht="14.25" thickBot="1" x14ac:dyDescent="0.2">
      <c r="B39" s="36">
        <v>36</v>
      </c>
      <c r="C39" s="37" t="s">
        <v>191</v>
      </c>
      <c r="E39" s="38">
        <v>499</v>
      </c>
      <c r="F39" s="39" t="s">
        <v>192</v>
      </c>
    </row>
    <row r="40" spans="2:6" ht="14.25" thickBot="1" x14ac:dyDescent="0.2">
      <c r="B40" s="36">
        <v>37</v>
      </c>
      <c r="C40" s="37" t="s">
        <v>193</v>
      </c>
    </row>
    <row r="41" spans="2:6" x14ac:dyDescent="0.15">
      <c r="B41" s="36">
        <v>38</v>
      </c>
      <c r="C41" s="37" t="s">
        <v>194</v>
      </c>
      <c r="E41" s="40" t="s">
        <v>195</v>
      </c>
      <c r="F41" s="41"/>
    </row>
    <row r="42" spans="2:6" x14ac:dyDescent="0.15">
      <c r="B42" s="36">
        <v>39</v>
      </c>
      <c r="C42" s="37" t="s">
        <v>196</v>
      </c>
      <c r="E42" s="36">
        <v>501</v>
      </c>
      <c r="F42" s="37" t="s">
        <v>197</v>
      </c>
    </row>
    <row r="43" spans="2:6" x14ac:dyDescent="0.15">
      <c r="B43" s="36">
        <v>40</v>
      </c>
      <c r="C43" s="37" t="s">
        <v>198</v>
      </c>
      <c r="E43" s="36">
        <v>502</v>
      </c>
      <c r="F43" s="37" t="s">
        <v>199</v>
      </c>
    </row>
    <row r="44" spans="2:6" x14ac:dyDescent="0.15">
      <c r="B44" s="36">
        <v>41</v>
      </c>
      <c r="C44" s="37" t="s">
        <v>200</v>
      </c>
      <c r="E44" s="36">
        <v>503</v>
      </c>
      <c r="F44" s="37" t="s">
        <v>201</v>
      </c>
    </row>
    <row r="45" spans="2:6" x14ac:dyDescent="0.15">
      <c r="B45" s="36">
        <v>42</v>
      </c>
      <c r="C45" s="37" t="s">
        <v>202</v>
      </c>
      <c r="E45" s="36">
        <v>504</v>
      </c>
      <c r="F45" s="37" t="s">
        <v>203</v>
      </c>
    </row>
    <row r="46" spans="2:6" ht="14.25" thickBot="1" x14ac:dyDescent="0.2">
      <c r="B46" s="36">
        <v>43</v>
      </c>
      <c r="C46" s="37" t="s">
        <v>204</v>
      </c>
      <c r="E46" s="38">
        <v>599</v>
      </c>
      <c r="F46" s="39" t="s">
        <v>205</v>
      </c>
    </row>
    <row r="47" spans="2:6" ht="14.25" thickBot="1" x14ac:dyDescent="0.2">
      <c r="B47" s="36">
        <v>44</v>
      </c>
      <c r="C47" s="37" t="s">
        <v>206</v>
      </c>
    </row>
    <row r="48" spans="2:6" x14ac:dyDescent="0.15">
      <c r="B48" s="36">
        <v>45</v>
      </c>
      <c r="C48" s="37" t="s">
        <v>207</v>
      </c>
      <c r="E48" s="40" t="s">
        <v>208</v>
      </c>
      <c r="F48" s="41"/>
    </row>
    <row r="49" spans="2:8" x14ac:dyDescent="0.15">
      <c r="B49" s="36">
        <v>46</v>
      </c>
      <c r="C49" s="37" t="s">
        <v>209</v>
      </c>
      <c r="E49" s="36">
        <v>601</v>
      </c>
      <c r="F49" s="37" t="s">
        <v>210</v>
      </c>
    </row>
    <row r="50" spans="2:8" x14ac:dyDescent="0.15">
      <c r="B50" s="36">
        <v>47</v>
      </c>
      <c r="C50" s="37" t="s">
        <v>211</v>
      </c>
      <c r="E50" s="36">
        <v>602</v>
      </c>
      <c r="F50" s="37" t="s">
        <v>212</v>
      </c>
    </row>
    <row r="51" spans="2:8" ht="14.25" thickBot="1" x14ac:dyDescent="0.2">
      <c r="B51" s="36">
        <v>48</v>
      </c>
      <c r="C51" s="37" t="s">
        <v>213</v>
      </c>
      <c r="E51" s="38">
        <v>699</v>
      </c>
      <c r="F51" s="39" t="s">
        <v>214</v>
      </c>
    </row>
    <row r="52" spans="2:8" x14ac:dyDescent="0.15">
      <c r="B52" s="36">
        <v>49</v>
      </c>
      <c r="C52" s="37" t="s">
        <v>215</v>
      </c>
    </row>
    <row r="53" spans="2:8" x14ac:dyDescent="0.15">
      <c r="B53" s="36">
        <v>50</v>
      </c>
      <c r="C53" s="37" t="s">
        <v>216</v>
      </c>
    </row>
    <row r="54" spans="2:8" ht="14.25" thickBot="1" x14ac:dyDescent="0.2">
      <c r="B54" s="38">
        <v>99</v>
      </c>
      <c r="C54" s="39" t="s">
        <v>217</v>
      </c>
    </row>
    <row r="57" spans="2:8" x14ac:dyDescent="0.15">
      <c r="B57" s="42" t="s">
        <v>218</v>
      </c>
      <c r="C57" s="42"/>
      <c r="D57" s="42"/>
      <c r="E57" s="42"/>
      <c r="F57" s="42"/>
      <c r="G57" s="42"/>
      <c r="H57" s="42"/>
    </row>
    <row r="58" spans="2:8" x14ac:dyDescent="0.15">
      <c r="B58" s="42"/>
      <c r="C58" s="42"/>
      <c r="D58" s="42"/>
      <c r="E58" s="42"/>
      <c r="F58" s="42"/>
      <c r="G58" s="42"/>
      <c r="H58" s="42"/>
    </row>
    <row r="59" spans="2:8" x14ac:dyDescent="0.15">
      <c r="B59" s="42"/>
      <c r="C59" s="42"/>
      <c r="D59" s="42"/>
      <c r="E59" s="42"/>
      <c r="F59" s="42"/>
      <c r="G59" s="42"/>
      <c r="H59" s="42"/>
    </row>
  </sheetData>
  <mergeCells count="9">
    <mergeCell ref="E41:F41"/>
    <mergeCell ref="E48:F48"/>
    <mergeCell ref="B57:H59"/>
    <mergeCell ref="B1:E1"/>
    <mergeCell ref="B3:C3"/>
    <mergeCell ref="E3:F3"/>
    <mergeCell ref="E11:F11"/>
    <mergeCell ref="E18:F18"/>
    <mergeCell ref="E30:F30"/>
  </mergeCells>
  <phoneticPr fontId="2"/>
  <hyperlinks>
    <hyperlink ref="C5" location="'年齢別・性別人口(02愛宕)'!A1" display="愛宕" xr:uid="{CDBF99E3-F098-4D1E-916E-4D9C49E76EE9}"/>
    <hyperlink ref="C6" location="'年齢別・性別人口(03安野屋)'!A1" display="安野屋" xr:uid="{6161C58B-64E2-4285-BB46-1407976F70FB}"/>
    <hyperlink ref="C7" location="'年齢別・性別人口(04八人町)'!A1" display="八人町" xr:uid="{A7698E5B-9D07-4395-9BC0-C5CDCFDD71D6}"/>
    <hyperlink ref="C8" location="'年齢別・性別人口(05五番町)'!A1" display="五番町" xr:uid="{DDDEE367-BDC0-48B2-ACCD-DA275BD8E8A1}"/>
    <hyperlink ref="C9" location="'年齢別・性別人口(06柳町)'!A1" display="柳町" xr:uid="{5CF2608F-2408-4E3B-BAFD-75EBF4F7DF1C}"/>
    <hyperlink ref="C10" location="'年齢別・性別人口(07清水町)'!A1" display="清水町" xr:uid="{D3BC50C5-BC0E-4ECD-8A14-435FAF8037ED}"/>
    <hyperlink ref="C11" location="'年齢別・性別人口(08星井町)'!A1" display="星井町" xr:uid="{8CEC1D73-B8EC-43C6-B830-7B7551C11B08}"/>
    <hyperlink ref="C12" location="'年齢別・性別人口(09西田地方)'!A1" display="西田地方" xr:uid="{E5A1D600-F61E-48F9-A3FE-C5C15E56F1E5}"/>
    <hyperlink ref="C13" location="'年齢別・性別人口(10堀川)'!A1" display="堀川" xr:uid="{2BE6173E-2A7A-41F7-8D2D-3F5EDB5B8BC8}"/>
    <hyperlink ref="C14" location="'年齢別・性別人口(11堀川南)'!A1" display="堀川南" xr:uid="{F20E230C-920D-4928-8E9A-C870E20EEE9D}"/>
    <hyperlink ref="C15" location="'年齢別・性別人口(12東部)'!A1" display="東部" xr:uid="{C9700D28-9075-4C61-99B6-41B4F17DD5DC}"/>
    <hyperlink ref="C16" location="'年齢別・性別人口(13奥田)'!A1" display="奥田" xr:uid="{398FC671-1746-4D6A-B814-2CF446D646B2}"/>
    <hyperlink ref="C17" location="'年齢別・性別人口(14奥田北)'!A1" display="奥田北" xr:uid="{5B7CB235-58B0-4C1C-9E8B-1C0F98CBEB4F}"/>
    <hyperlink ref="C19" location="'年齢別・性別人口(16五福)'!A1" display="五福" xr:uid="{363FE680-6DAD-4E7F-94C4-A563CC91D949}"/>
    <hyperlink ref="C20" location="'年齢別・性別人口(17神明)'!A1" display="神明" xr:uid="{A147618B-7E14-4E2B-9632-285FA11EEE5A}"/>
    <hyperlink ref="C21" location="'年齢別・性別人口(18岩瀬)'!A1" display="岩瀬" xr:uid="{2CB7D6CD-AAB7-4651-93D0-77D712339C01}"/>
    <hyperlink ref="C22" location="'年齢別・性別人口(19萩浦)'!A1" display="萩浦" xr:uid="{190E6186-CEA8-48F5-8A42-6C7A5525B01B}"/>
    <hyperlink ref="C23" location="'年齢別・性別人口(20大広田)'!A1" display="大広田" xr:uid="{C7265B6F-DBD7-459E-80B4-F7AE07665A0B}"/>
    <hyperlink ref="C24" location="'年齢別・性別人口(21浜黒崎)'!A1" display="浜黒崎" xr:uid="{269F4D7C-6C34-491D-9A95-B736FF4915B5}"/>
    <hyperlink ref="C25" location="'年齢別・性別人口(22針原)'!A1" display="針原" xr:uid="{3FC97461-4940-4B48-BFAF-B3FE0F22B246}"/>
    <hyperlink ref="C26" location="'年齢別・性別人口(23豊田)'!A1" display="豊田" xr:uid="{4E96288A-0F19-42B7-8C0A-F8D2F7368C1E}"/>
    <hyperlink ref="C27" location="'年齢別・性別人口(24広田)'!A1" display="広田" xr:uid="{1DAD2596-5C6A-4D25-8F32-096A3BC4C634}"/>
    <hyperlink ref="C28" location="'年齢別・性別人口(25新庄)'!A1" display="新庄" xr:uid="{36C417BF-9EB0-47FF-8A10-30FA80251486}"/>
    <hyperlink ref="C29" location="'年齢別・性別人口(26藤ノ木)'!A1" display="藤ノ木" xr:uid="{B3C5C48E-EE7F-4FD1-8157-F496ACA73C48}"/>
    <hyperlink ref="C30" location="'年齢別・性別人口(27山室)'!A1" display="山室" xr:uid="{8032A823-DA31-4946-A9BE-51696013334F}"/>
    <hyperlink ref="C31" location="'年齢別・性別人口(28山室中部)'!A1" display="山室中部" xr:uid="{651264BD-C64A-4A8D-BB68-F1EA373A4882}"/>
    <hyperlink ref="C32" location="'年齢別・性別人口(29太田)'!A1" display="太田" xr:uid="{B02D8481-F1A9-4412-823B-FCC1F10FA661}"/>
    <hyperlink ref="C33" location="'年齢別・性別人口(30蜷川)'!A1" display="蜷川" xr:uid="{E1403890-385F-4370-A98F-3143C1CD8FAE}"/>
    <hyperlink ref="C34" location="'年齢別・性別人口(31新保)'!A1" display="新保" xr:uid="{68AB6E64-CAC6-4B79-A038-D61C6DA69EC9}"/>
    <hyperlink ref="C35" location="'年齢別・性別人口(32熊野)'!A1" display="熊野" xr:uid="{2F8CB61A-8158-4FEC-9B10-C385B77A58E8}"/>
    <hyperlink ref="C36" location="'年齢別・性別人口(33月岡)'!A1" display="月岡" xr:uid="{BD20F546-F406-4850-9257-55CD86DEC1E6}"/>
    <hyperlink ref="C37" location="'年齢別・性別人口(34四方)'!A1" display="四方" xr:uid="{CEE05DC7-A88D-4FC0-8366-034006AF14AF}"/>
    <hyperlink ref="C38" location="'年齢別・性別人口(35八幡)'!A1" display="八幡" xr:uid="{A6DB65B4-CD06-4510-BF0A-355F65B1A09C}"/>
    <hyperlink ref="C39" location="'年齢別・性別人口(36草島)'!A1" display="草島" xr:uid="{B008BFE6-8276-44F7-833E-39616D5A8FD2}"/>
    <hyperlink ref="C40" location="'年齢別・性別人口(37倉垣)'!A1" display="倉垣" xr:uid="{F04C216C-1152-46A4-8E55-D8C64EE8BE70}"/>
    <hyperlink ref="C41" location="'年齢別・性別人口(38呉羽)'!A1" display="呉羽" xr:uid="{1BE4AE59-F520-4250-AFA1-32AD24B5F8BD}"/>
    <hyperlink ref="C42" location="'年齢別・性別人口(39長岡)'!A1" display="長岡" xr:uid="{2545796C-1096-4620-B0F0-22918931F089}"/>
    <hyperlink ref="C43" location="'年齢別・性別人口(40寒江)'!A1" display="寒江" xr:uid="{12A5BEB8-F74D-4EF5-A88D-8ADC809DE149}"/>
    <hyperlink ref="C44" location="'年齢別・性別人口(41古沢)'!A1" display="古沢" xr:uid="{7A68F4D4-CA47-472B-84C2-202F54C275FA}"/>
    <hyperlink ref="C45" location="'年齢別・性別人口(42老田)'!A1" display="老田" xr:uid="{02AE84E2-F81E-4BA0-82E6-6C7F54EEA6DA}"/>
    <hyperlink ref="C46" location="'年齢別・性別人口(43池多)'!A1" display="池多" xr:uid="{5DA5052B-88C6-4969-8EAF-254A753CF13E}"/>
    <hyperlink ref="C47" location="'年齢別・性別人口(44水橋中部)'!A1" display="水橋中部" xr:uid="{7E29BB18-25DD-4B3E-B86E-E254D5EBE882}"/>
    <hyperlink ref="C48" location="'年齢別・性別人口(45水橋西部)'!A1" display="水橋西部" xr:uid="{B31B80D0-D583-4E19-BE7A-EFD0CBA8EEF9}"/>
    <hyperlink ref="C49" location="'年齢別・性別人口(46水橋東部)'!A1" display="水橋東部" xr:uid="{12F5A9B7-1595-4EE5-8996-5E258B99BA4C}"/>
    <hyperlink ref="C50" location="'年齢別・性別人口(47三郷)'!A1" display="三郷" xr:uid="{BBB7706D-FA6D-4DF2-B26B-0ABFAF56E1AE}"/>
    <hyperlink ref="C51" location="'年齢別・性別人口(48上条)'!A1" display="上条" xr:uid="{3A225783-E379-4D0D-A3A7-82969031313C}"/>
    <hyperlink ref="C52" location="'年齢別・性別人口(49光陽)'!A1" display="光陽" xr:uid="{55E8F5D6-1C4A-421D-99D1-37DECC48AFC2}"/>
    <hyperlink ref="C53" location="'年齢別・性別人口(50新庄北）'!A1" display="新庄北" xr:uid="{2393DC9D-CD16-49EF-80FC-1F7400576F2A}"/>
    <hyperlink ref="C54" location="'年齢別・性別人口(0099富山地域)'!A1" display="富山地域（合計）" xr:uid="{2EF70A2C-80E5-445E-8ADB-10F464CE780E}"/>
    <hyperlink ref="F4" location="'年齢別・性別人口0101下タ)'!A1" display="下タ" xr:uid="{F981CBEC-B773-4D46-8BB8-1F7E634C7C3E}"/>
    <hyperlink ref="F5" location="'年齢別・性別人口(0102小羽)'!A1" display="小羽" xr:uid="{3BBFA7ED-3096-4F4E-9F1D-EEC548BDA55E}"/>
    <hyperlink ref="F6" location="'年齢別・性別人口(0103船峅)'!A1" display="船峅" xr:uid="{6DEAEABE-201A-408D-AAEA-67BDAA89F89F}"/>
    <hyperlink ref="F7" location="'年齢別・性別人口(0104大沢野)'!A1" display="大沢野" xr:uid="{D99A0E92-6D79-4C51-AC06-74709CB9E47F}"/>
    <hyperlink ref="F8" location="'年齢別・性別人口(0105大久保)'!A1" display="大久保" xr:uid="{769E87D6-A35A-4307-ACB8-49B199203AC1}"/>
    <hyperlink ref="F9" location="'年齢別・性別人口(0199大沢野地域)'!A1" display="大沢野地域（合計）" xr:uid="{8BF66174-8945-4C87-B1B1-11A3A249B868}"/>
    <hyperlink ref="F12" location="'年齢別・性別人口(0201上滝)'!A1" display="上滝" xr:uid="{050A8D57-6534-4E3F-AA82-6708CCF3CA7A}"/>
    <hyperlink ref="F13" location="'年齢別・性別人口(0202大山)'!A1" display="大山" xr:uid="{A5A3C747-577F-47FE-8704-3FC3EF249731}"/>
    <hyperlink ref="F14" location="'年齢別・性別人口(0203大庄)'!A1" display="大庄" xr:uid="{4825BF66-B635-416D-A465-87470F9D35CA}"/>
    <hyperlink ref="F15" location="'年齢別・性別人口(0204福沢)'!A1" display="福沢" xr:uid="{5A511DA6-8938-43B2-9AFC-7172D22CC9C7}"/>
    <hyperlink ref="F16" location="'年齢別・性別人口(0299大山地域)'!A1" display="大山地域（合計）" xr:uid="{0AF8E42C-6902-48E1-BCF6-57EE9F6E5384}"/>
    <hyperlink ref="F19" location="'年齢別・性別人口(0301八尾)'!A1" display="八尾" xr:uid="{3680EE57-E248-4073-AC9A-A288BAA2474F}"/>
    <hyperlink ref="F20" location="'年齢別・性別人口(0302保内)'!A1" display="保内" xr:uid="{DE1423B3-92F5-4E4C-907B-164F016B80BE}"/>
    <hyperlink ref="F21" location="'年齢別・性別人口(0303杉原)'!A1" display="杉原" xr:uid="{53217115-9C63-4DB8-B0F4-77A8C18D63D3}"/>
    <hyperlink ref="F22" location="'年齢別・性別人口(0304卯花)'!A1" display="卯花" xr:uid="{918B542A-FC36-426C-B737-54BF45183F47}"/>
    <hyperlink ref="F23" location="'年齢別・性別人口(0305室牧)'!A1" display="室牧" xr:uid="{BFC9388A-45B3-4549-8FE9-E9B092AB6476}"/>
    <hyperlink ref="F24" location="'年齢別・性別人口(0306黒瀬谷)'!A1" display="黒瀬谷" xr:uid="{3DE15BF3-633F-4CC3-AE5D-E6F9890A31BE}"/>
    <hyperlink ref="F25" location="'年齢別・性別人口(0307野積)'!A1" display="野積" xr:uid="{4A94820A-0889-4E98-B11D-4069E3A6B75F}"/>
    <hyperlink ref="F26" location="'年齢別・性別人口(0308仁歩)'!A1" display="仁歩" xr:uid="{45B3CB3C-71C4-4348-909A-B3211751E037}"/>
    <hyperlink ref="F27" location="'年齢別・性別人口(0309大長谷)'!A1" display="大長谷" xr:uid="{C157A764-E128-4892-8E95-3054D54921F5}"/>
    <hyperlink ref="F28" location="'年齢別・性別人口(0399八尾地域)'!A1" display="八尾地域（合計）" xr:uid="{1512F118-B562-493F-A02E-AABAB7C2CCFA}"/>
    <hyperlink ref="F31" location="'年齢別・性別人口(0401速星)'!A1" display="速星" xr:uid="{ED87A2AB-3B9D-45FF-8D32-B402ADEE9AA0}"/>
    <hyperlink ref="F32" location="'年齢別・性別人口(0402鵜坂)'!A1" display="鵜坂" xr:uid="{6E3373DC-9266-4251-A7AB-5E8462B41B32}"/>
    <hyperlink ref="F33" location="'年齢別・性別人口(0403朝日)'!A1" display="朝日" xr:uid="{DBAEB013-F98D-4E42-8E6B-E50A1BD0F051}"/>
    <hyperlink ref="F34" location="'年齢別・性別人口(0404宮川)'!A1" display="宮川" xr:uid="{6F8B3AF0-1B2B-423A-88BC-7E73A2047D2C}"/>
    <hyperlink ref="F35" location="'年齢別・性別人口(0405婦中熊野)'!A1" display="婦中熊野" xr:uid="{CECA6C0B-F282-4EA5-AB00-47A577964EE3}"/>
    <hyperlink ref="F36" location="'年齢別・性別人口(0406古里)'!A1" display="古里" xr:uid="{7F133882-151C-4059-AC52-53E572C7E09B}"/>
    <hyperlink ref="F37" location="'年齢別・性別人口(0407音川)'!A1" display="音川" xr:uid="{2CF3C88B-F575-462D-80F0-618E97CDAE96}"/>
    <hyperlink ref="F38" location="'年齢別・性別人口(0408神保)'!A1" display="神保" xr:uid="{9A54BB0D-21EE-4775-B7F1-D525B8ED76AC}"/>
    <hyperlink ref="F39" location="'年齢別・性別人口(0499婦中地域)'!A1" display="婦中地域（合計）" xr:uid="{110B6E47-16C8-49BE-9131-0F713840BD5A}"/>
    <hyperlink ref="F42" location="'年齢別・性別人口(0501山田南部)'!A1" display="山田南部" xr:uid="{A44CD1C2-A8B0-41F6-AE9B-5E61B119E100}"/>
    <hyperlink ref="F43" location="'年齢別・性別人口(0502山田中部)'!A1" display="山田中部" xr:uid="{21BF8E07-AD5B-4666-8793-6296107FC567}"/>
    <hyperlink ref="F44" location="'年齢別・性別人口(0503山田西部)'!A1" display="山田西部" xr:uid="{0D2C8C43-FF2A-4077-B197-3A0F50416CEF}"/>
    <hyperlink ref="F45" location="'年齢別・性別人口(0504山田東部)'!A1" display="山田東部" xr:uid="{1086C87D-1AE1-437F-A9AD-B00EE30B2FBD}"/>
    <hyperlink ref="F46" location="'年齢別・性別人口(0599山田地域)'!A1" display="山田地域（合計）" xr:uid="{926D0796-191B-4AB5-925E-6661BA047A4B}"/>
    <hyperlink ref="F49" location="'年齢別・性別人口(0601細入北部)'!A1" display="細入北部" xr:uid="{C6F0FC1C-A874-4B36-864C-2C23E1A6954E}"/>
    <hyperlink ref="F50" location="'年齢別・性別人口(0602細入南部)'!A1" display="細入南部" xr:uid="{8272C3C3-1F62-40DD-8182-8ABA2FD49698}"/>
    <hyperlink ref="F51" location="'年齢別・性別人口(0699細入地域)'!A1" display="細入地域（合計）" xr:uid="{2032F616-AA96-484D-890A-27158C4CE3EC}"/>
    <hyperlink ref="C18" location="'年齢別・性別人口(15桜谷)'!A1" display="桜谷" xr:uid="{ACF42EA0-2A84-4433-A641-D76D7DDA369C}"/>
    <hyperlink ref="C4" location="'年齢別・性別人口(01総曲輪)'!A1" display="総曲輪" xr:uid="{E92F8093-AE8F-47C8-B8AA-32211063B6C6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902CE0-6610-47E3-BA3E-CBDBDD32E455}">
  <sheetPr codeName="Sheet2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8</v>
      </c>
      <c r="C5" s="11">
        <v>20</v>
      </c>
      <c r="D5" s="10">
        <v>38</v>
      </c>
    </row>
    <row r="6" spans="1:4" ht="18" customHeight="1" x14ac:dyDescent="0.15">
      <c r="A6" s="8">
        <v>1</v>
      </c>
      <c r="B6" s="21">
        <v>17</v>
      </c>
      <c r="C6" s="6">
        <v>14</v>
      </c>
      <c r="D6" s="5">
        <v>31</v>
      </c>
    </row>
    <row r="7" spans="1:4" ht="18" customHeight="1" x14ac:dyDescent="0.15">
      <c r="A7" s="8">
        <v>2</v>
      </c>
      <c r="B7" s="21">
        <v>26</v>
      </c>
      <c r="C7" s="6">
        <v>15</v>
      </c>
      <c r="D7" s="5">
        <v>41</v>
      </c>
    </row>
    <row r="8" spans="1:4" ht="18" customHeight="1" x14ac:dyDescent="0.15">
      <c r="A8" s="8">
        <v>3</v>
      </c>
      <c r="B8" s="21">
        <v>16</v>
      </c>
      <c r="C8" s="6">
        <v>20</v>
      </c>
      <c r="D8" s="5">
        <v>36</v>
      </c>
    </row>
    <row r="9" spans="1:4" ht="18" customHeight="1" x14ac:dyDescent="0.15">
      <c r="A9" s="8">
        <v>4</v>
      </c>
      <c r="B9" s="21">
        <v>20</v>
      </c>
      <c r="C9" s="6">
        <v>15</v>
      </c>
      <c r="D9" s="5">
        <v>35</v>
      </c>
    </row>
    <row r="10" spans="1:4" ht="18" customHeight="1" x14ac:dyDescent="0.15">
      <c r="A10" s="8" t="s">
        <v>25</v>
      </c>
      <c r="B10" s="21">
        <v>97</v>
      </c>
      <c r="C10" s="6">
        <v>84</v>
      </c>
      <c r="D10" s="5">
        <v>181</v>
      </c>
    </row>
    <row r="11" spans="1:4" ht="18" customHeight="1" x14ac:dyDescent="0.15">
      <c r="A11" s="8">
        <v>5</v>
      </c>
      <c r="B11" s="21">
        <v>31</v>
      </c>
      <c r="C11" s="6">
        <v>27</v>
      </c>
      <c r="D11" s="5">
        <v>58</v>
      </c>
    </row>
    <row r="12" spans="1:4" ht="18" customHeight="1" x14ac:dyDescent="0.15">
      <c r="A12" s="8">
        <v>6</v>
      </c>
      <c r="B12" s="21">
        <v>28</v>
      </c>
      <c r="C12" s="6">
        <v>25</v>
      </c>
      <c r="D12" s="5">
        <v>53</v>
      </c>
    </row>
    <row r="13" spans="1:4" ht="18" customHeight="1" x14ac:dyDescent="0.15">
      <c r="A13" s="8">
        <v>7</v>
      </c>
      <c r="B13" s="21">
        <v>20</v>
      </c>
      <c r="C13" s="6">
        <v>21</v>
      </c>
      <c r="D13" s="5">
        <v>41</v>
      </c>
    </row>
    <row r="14" spans="1:4" ht="18" customHeight="1" x14ac:dyDescent="0.15">
      <c r="A14" s="8">
        <v>8</v>
      </c>
      <c r="B14" s="21">
        <v>29</v>
      </c>
      <c r="C14" s="6">
        <v>25</v>
      </c>
      <c r="D14" s="5">
        <v>54</v>
      </c>
    </row>
    <row r="15" spans="1:4" ht="18" customHeight="1" x14ac:dyDescent="0.15">
      <c r="A15" s="8">
        <v>9</v>
      </c>
      <c r="B15" s="21">
        <v>28</v>
      </c>
      <c r="C15" s="6">
        <v>26</v>
      </c>
      <c r="D15" s="5">
        <v>54</v>
      </c>
    </row>
    <row r="16" spans="1:4" ht="18" customHeight="1" x14ac:dyDescent="0.15">
      <c r="A16" s="8" t="s">
        <v>24</v>
      </c>
      <c r="B16" s="21">
        <v>136</v>
      </c>
      <c r="C16" s="6">
        <v>124</v>
      </c>
      <c r="D16" s="5">
        <v>260</v>
      </c>
    </row>
    <row r="17" spans="1:4" ht="18" customHeight="1" x14ac:dyDescent="0.15">
      <c r="A17" s="8">
        <v>10</v>
      </c>
      <c r="B17" s="21">
        <v>24</v>
      </c>
      <c r="C17" s="6">
        <v>28</v>
      </c>
      <c r="D17" s="5">
        <v>52</v>
      </c>
    </row>
    <row r="18" spans="1:4" ht="18" customHeight="1" x14ac:dyDescent="0.15">
      <c r="A18" s="8">
        <v>11</v>
      </c>
      <c r="B18" s="21">
        <v>23</v>
      </c>
      <c r="C18" s="6">
        <v>32</v>
      </c>
      <c r="D18" s="5">
        <v>55</v>
      </c>
    </row>
    <row r="19" spans="1:4" ht="18" customHeight="1" x14ac:dyDescent="0.15">
      <c r="A19" s="8">
        <v>12</v>
      </c>
      <c r="B19" s="21">
        <v>33</v>
      </c>
      <c r="C19" s="6">
        <v>22</v>
      </c>
      <c r="D19" s="5">
        <v>55</v>
      </c>
    </row>
    <row r="20" spans="1:4" ht="18" customHeight="1" x14ac:dyDescent="0.15">
      <c r="A20" s="8">
        <v>13</v>
      </c>
      <c r="B20" s="21">
        <v>28</v>
      </c>
      <c r="C20" s="6">
        <v>32</v>
      </c>
      <c r="D20" s="5">
        <v>60</v>
      </c>
    </row>
    <row r="21" spans="1:4" ht="18" customHeight="1" x14ac:dyDescent="0.15">
      <c r="A21" s="8">
        <v>14</v>
      </c>
      <c r="B21" s="21">
        <v>27</v>
      </c>
      <c r="C21" s="6">
        <v>33</v>
      </c>
      <c r="D21" s="5">
        <v>60</v>
      </c>
    </row>
    <row r="22" spans="1:4" ht="18" customHeight="1" x14ac:dyDescent="0.15">
      <c r="A22" s="8" t="s">
        <v>23</v>
      </c>
      <c r="B22" s="21">
        <v>135</v>
      </c>
      <c r="C22" s="6">
        <v>147</v>
      </c>
      <c r="D22" s="5">
        <v>282</v>
      </c>
    </row>
    <row r="23" spans="1:4" ht="18" customHeight="1" x14ac:dyDescent="0.15">
      <c r="A23" s="8" t="s">
        <v>22</v>
      </c>
      <c r="B23" s="21">
        <v>368</v>
      </c>
      <c r="C23" s="6">
        <v>355</v>
      </c>
      <c r="D23" s="5">
        <v>723</v>
      </c>
    </row>
    <row r="24" spans="1:4" ht="18" customHeight="1" x14ac:dyDescent="0.15">
      <c r="A24" s="8">
        <v>15</v>
      </c>
      <c r="B24" s="21">
        <v>31</v>
      </c>
      <c r="C24" s="6">
        <v>18</v>
      </c>
      <c r="D24" s="5">
        <v>49</v>
      </c>
    </row>
    <row r="25" spans="1:4" ht="18" customHeight="1" x14ac:dyDescent="0.15">
      <c r="A25" s="8">
        <v>16</v>
      </c>
      <c r="B25" s="21">
        <v>28</v>
      </c>
      <c r="C25" s="6">
        <v>28</v>
      </c>
      <c r="D25" s="5">
        <v>56</v>
      </c>
    </row>
    <row r="26" spans="1:4" ht="18" customHeight="1" x14ac:dyDescent="0.15">
      <c r="A26" s="8">
        <v>17</v>
      </c>
      <c r="B26" s="21">
        <v>36</v>
      </c>
      <c r="C26" s="6">
        <v>39</v>
      </c>
      <c r="D26" s="5">
        <v>75</v>
      </c>
    </row>
    <row r="27" spans="1:4" ht="18" customHeight="1" x14ac:dyDescent="0.15">
      <c r="A27" s="8">
        <v>18</v>
      </c>
      <c r="B27" s="21">
        <v>23</v>
      </c>
      <c r="C27" s="6">
        <v>29</v>
      </c>
      <c r="D27" s="5">
        <v>52</v>
      </c>
    </row>
    <row r="28" spans="1:4" ht="18" customHeight="1" x14ac:dyDescent="0.15">
      <c r="A28" s="8">
        <v>19</v>
      </c>
      <c r="B28" s="21">
        <v>20</v>
      </c>
      <c r="C28" s="6">
        <v>22</v>
      </c>
      <c r="D28" s="5">
        <v>42</v>
      </c>
    </row>
    <row r="29" spans="1:4" ht="18" customHeight="1" x14ac:dyDescent="0.15">
      <c r="A29" s="8" t="s">
        <v>21</v>
      </c>
      <c r="B29" s="21">
        <v>138</v>
      </c>
      <c r="C29" s="6">
        <v>136</v>
      </c>
      <c r="D29" s="5">
        <v>274</v>
      </c>
    </row>
    <row r="30" spans="1:4" ht="18" customHeight="1" x14ac:dyDescent="0.15">
      <c r="A30" s="8">
        <v>20</v>
      </c>
      <c r="B30" s="21">
        <v>13</v>
      </c>
      <c r="C30" s="6">
        <v>27</v>
      </c>
      <c r="D30" s="5">
        <v>40</v>
      </c>
    </row>
    <row r="31" spans="1:4" ht="18" customHeight="1" x14ac:dyDescent="0.15">
      <c r="A31" s="8">
        <v>21</v>
      </c>
      <c r="B31" s="21">
        <v>19</v>
      </c>
      <c r="C31" s="6">
        <v>28</v>
      </c>
      <c r="D31" s="5">
        <v>47</v>
      </c>
    </row>
    <row r="32" spans="1:4" ht="18" customHeight="1" x14ac:dyDescent="0.15">
      <c r="A32" s="8">
        <v>22</v>
      </c>
      <c r="B32" s="21">
        <v>27</v>
      </c>
      <c r="C32" s="6">
        <v>17</v>
      </c>
      <c r="D32" s="5">
        <v>44</v>
      </c>
    </row>
    <row r="33" spans="1:4" ht="18" customHeight="1" x14ac:dyDescent="0.15">
      <c r="A33" s="8">
        <v>23</v>
      </c>
      <c r="B33" s="21">
        <v>23</v>
      </c>
      <c r="C33" s="6">
        <v>21</v>
      </c>
      <c r="D33" s="5">
        <v>44</v>
      </c>
    </row>
    <row r="34" spans="1:4" ht="18" customHeight="1" x14ac:dyDescent="0.15">
      <c r="A34" s="8">
        <v>24</v>
      </c>
      <c r="B34" s="21">
        <v>29</v>
      </c>
      <c r="C34" s="6">
        <v>21</v>
      </c>
      <c r="D34" s="5">
        <v>50</v>
      </c>
    </row>
    <row r="35" spans="1:4" ht="18" customHeight="1" x14ac:dyDescent="0.15">
      <c r="A35" s="8" t="s">
        <v>20</v>
      </c>
      <c r="B35" s="21">
        <v>111</v>
      </c>
      <c r="C35" s="6">
        <v>114</v>
      </c>
      <c r="D35" s="5">
        <v>225</v>
      </c>
    </row>
    <row r="36" spans="1:4" ht="18" customHeight="1" x14ac:dyDescent="0.15">
      <c r="A36" s="8">
        <v>25</v>
      </c>
      <c r="B36" s="21">
        <v>25</v>
      </c>
      <c r="C36" s="6">
        <v>22</v>
      </c>
      <c r="D36" s="5">
        <v>47</v>
      </c>
    </row>
    <row r="37" spans="1:4" ht="18" customHeight="1" x14ac:dyDescent="0.15">
      <c r="A37" s="8">
        <v>26</v>
      </c>
      <c r="B37" s="21">
        <v>25</v>
      </c>
      <c r="C37" s="6">
        <v>31</v>
      </c>
      <c r="D37" s="5">
        <v>56</v>
      </c>
    </row>
    <row r="38" spans="1:4" ht="18" customHeight="1" x14ac:dyDescent="0.15">
      <c r="A38" s="8">
        <v>27</v>
      </c>
      <c r="B38" s="21">
        <v>23</v>
      </c>
      <c r="C38" s="6">
        <v>32</v>
      </c>
      <c r="D38" s="5">
        <v>55</v>
      </c>
    </row>
    <row r="39" spans="1:4" ht="18" customHeight="1" x14ac:dyDescent="0.15">
      <c r="A39" s="8">
        <v>28</v>
      </c>
      <c r="B39" s="21">
        <v>45</v>
      </c>
      <c r="C39" s="6">
        <v>28</v>
      </c>
      <c r="D39" s="5">
        <v>73</v>
      </c>
    </row>
    <row r="40" spans="1:4" ht="18" customHeight="1" x14ac:dyDescent="0.15">
      <c r="A40" s="8">
        <v>29</v>
      </c>
      <c r="B40" s="21">
        <v>29</v>
      </c>
      <c r="C40" s="6">
        <v>41</v>
      </c>
      <c r="D40" s="5">
        <v>70</v>
      </c>
    </row>
    <row r="41" spans="1:4" ht="18" customHeight="1" x14ac:dyDescent="0.15">
      <c r="A41" s="8" t="s">
        <v>19</v>
      </c>
      <c r="B41" s="21">
        <v>147</v>
      </c>
      <c r="C41" s="6">
        <v>154</v>
      </c>
      <c r="D41" s="5">
        <v>301</v>
      </c>
    </row>
    <row r="42" spans="1:4" ht="18" customHeight="1" x14ac:dyDescent="0.15">
      <c r="A42" s="8">
        <v>30</v>
      </c>
      <c r="B42" s="21">
        <v>31</v>
      </c>
      <c r="C42" s="6">
        <v>21</v>
      </c>
      <c r="D42" s="5">
        <v>52</v>
      </c>
    </row>
    <row r="43" spans="1:4" ht="18" customHeight="1" x14ac:dyDescent="0.15">
      <c r="A43" s="8">
        <v>31</v>
      </c>
      <c r="B43" s="21">
        <v>26</v>
      </c>
      <c r="C43" s="6">
        <v>27</v>
      </c>
      <c r="D43" s="5">
        <v>53</v>
      </c>
    </row>
    <row r="44" spans="1:4" ht="18" customHeight="1" x14ac:dyDescent="0.15">
      <c r="A44" s="8">
        <v>32</v>
      </c>
      <c r="B44" s="21">
        <v>33</v>
      </c>
      <c r="C44" s="6">
        <v>17</v>
      </c>
      <c r="D44" s="5">
        <v>50</v>
      </c>
    </row>
    <row r="45" spans="1:4" ht="18" customHeight="1" x14ac:dyDescent="0.15">
      <c r="A45" s="8">
        <v>33</v>
      </c>
      <c r="B45" s="21">
        <v>32</v>
      </c>
      <c r="C45" s="6">
        <v>30</v>
      </c>
      <c r="D45" s="5">
        <v>62</v>
      </c>
    </row>
    <row r="46" spans="1:4" ht="18" customHeight="1" x14ac:dyDescent="0.15">
      <c r="A46" s="8">
        <v>34</v>
      </c>
      <c r="B46" s="21">
        <v>42</v>
      </c>
      <c r="C46" s="6">
        <v>36</v>
      </c>
      <c r="D46" s="5">
        <v>78</v>
      </c>
    </row>
    <row r="47" spans="1:4" ht="18" customHeight="1" x14ac:dyDescent="0.15">
      <c r="A47" s="8" t="s">
        <v>18</v>
      </c>
      <c r="B47" s="21">
        <v>164</v>
      </c>
      <c r="C47" s="6">
        <v>131</v>
      </c>
      <c r="D47" s="5">
        <v>295</v>
      </c>
    </row>
    <row r="48" spans="1:4" ht="18" customHeight="1" x14ac:dyDescent="0.15">
      <c r="A48" s="8">
        <v>35</v>
      </c>
      <c r="B48" s="21">
        <v>31</v>
      </c>
      <c r="C48" s="6">
        <v>32</v>
      </c>
      <c r="D48" s="5">
        <v>63</v>
      </c>
    </row>
    <row r="49" spans="1:4" ht="18" customHeight="1" x14ac:dyDescent="0.15">
      <c r="A49" s="8">
        <v>36</v>
      </c>
      <c r="B49" s="21">
        <v>35</v>
      </c>
      <c r="C49" s="6">
        <v>32</v>
      </c>
      <c r="D49" s="5">
        <v>67</v>
      </c>
    </row>
    <row r="50" spans="1:4" ht="18" customHeight="1" x14ac:dyDescent="0.15">
      <c r="A50" s="8">
        <v>37</v>
      </c>
      <c r="B50" s="21">
        <v>34</v>
      </c>
      <c r="C50" s="6">
        <v>44</v>
      </c>
      <c r="D50" s="5">
        <v>78</v>
      </c>
    </row>
    <row r="51" spans="1:4" ht="18" customHeight="1" x14ac:dyDescent="0.15">
      <c r="A51" s="8">
        <v>38</v>
      </c>
      <c r="B51" s="21">
        <v>42</v>
      </c>
      <c r="C51" s="6">
        <v>31</v>
      </c>
      <c r="D51" s="5">
        <v>73</v>
      </c>
    </row>
    <row r="52" spans="1:4" ht="18" customHeight="1" x14ac:dyDescent="0.15">
      <c r="A52" s="8">
        <v>39</v>
      </c>
      <c r="B52" s="21">
        <v>42</v>
      </c>
      <c r="C52" s="6">
        <v>42</v>
      </c>
      <c r="D52" s="5">
        <v>84</v>
      </c>
    </row>
    <row r="53" spans="1:4" ht="18" customHeight="1" x14ac:dyDescent="0.15">
      <c r="A53" s="8" t="s">
        <v>17</v>
      </c>
      <c r="B53" s="21">
        <v>184</v>
      </c>
      <c r="C53" s="6">
        <v>181</v>
      </c>
      <c r="D53" s="5">
        <v>365</v>
      </c>
    </row>
    <row r="54" spans="1:4" ht="18" customHeight="1" x14ac:dyDescent="0.15">
      <c r="A54" s="8">
        <v>40</v>
      </c>
      <c r="B54" s="21">
        <v>32</v>
      </c>
      <c r="C54" s="6">
        <v>34</v>
      </c>
      <c r="D54" s="5">
        <v>66</v>
      </c>
    </row>
    <row r="55" spans="1:4" ht="18" customHeight="1" x14ac:dyDescent="0.15">
      <c r="A55" s="8">
        <v>41</v>
      </c>
      <c r="B55" s="21">
        <v>55</v>
      </c>
      <c r="C55" s="6">
        <v>40</v>
      </c>
      <c r="D55" s="5">
        <v>95</v>
      </c>
    </row>
    <row r="56" spans="1:4" ht="18" customHeight="1" x14ac:dyDescent="0.15">
      <c r="A56" s="8">
        <v>42</v>
      </c>
      <c r="B56" s="21">
        <v>36</v>
      </c>
      <c r="C56" s="6">
        <v>28</v>
      </c>
      <c r="D56" s="5">
        <v>64</v>
      </c>
    </row>
    <row r="57" spans="1:4" ht="18" customHeight="1" x14ac:dyDescent="0.15">
      <c r="A57" s="8">
        <v>43</v>
      </c>
      <c r="B57" s="21">
        <v>34</v>
      </c>
      <c r="C57" s="6">
        <v>33</v>
      </c>
      <c r="D57" s="5">
        <v>67</v>
      </c>
    </row>
    <row r="58" spans="1:4" ht="18" customHeight="1" x14ac:dyDescent="0.15">
      <c r="A58" s="8">
        <v>44</v>
      </c>
      <c r="B58" s="21">
        <v>34</v>
      </c>
      <c r="C58" s="6">
        <v>37</v>
      </c>
      <c r="D58" s="5">
        <v>71</v>
      </c>
    </row>
    <row r="59" spans="1:4" ht="18" customHeight="1" x14ac:dyDescent="0.15">
      <c r="A59" s="8" t="s">
        <v>16</v>
      </c>
      <c r="B59" s="21">
        <v>191</v>
      </c>
      <c r="C59" s="6">
        <v>172</v>
      </c>
      <c r="D59" s="5">
        <v>363</v>
      </c>
    </row>
    <row r="60" spans="1:4" ht="18" customHeight="1" x14ac:dyDescent="0.15">
      <c r="A60" s="8">
        <v>45</v>
      </c>
      <c r="B60" s="21">
        <v>46</v>
      </c>
      <c r="C60" s="6">
        <v>38</v>
      </c>
      <c r="D60" s="5">
        <v>84</v>
      </c>
    </row>
    <row r="61" spans="1:4" ht="18" customHeight="1" x14ac:dyDescent="0.15">
      <c r="A61" s="8">
        <v>46</v>
      </c>
      <c r="B61" s="21">
        <v>38</v>
      </c>
      <c r="C61" s="6">
        <v>37</v>
      </c>
      <c r="D61" s="5">
        <v>75</v>
      </c>
    </row>
    <row r="62" spans="1:4" ht="18" customHeight="1" x14ac:dyDescent="0.15">
      <c r="A62" s="8">
        <v>47</v>
      </c>
      <c r="B62" s="21">
        <v>44</v>
      </c>
      <c r="C62" s="6">
        <v>44</v>
      </c>
      <c r="D62" s="5">
        <v>88</v>
      </c>
    </row>
    <row r="63" spans="1:4" ht="18" customHeight="1" x14ac:dyDescent="0.15">
      <c r="A63" s="8">
        <v>48</v>
      </c>
      <c r="B63" s="21">
        <v>45</v>
      </c>
      <c r="C63" s="6">
        <v>34</v>
      </c>
      <c r="D63" s="5">
        <v>79</v>
      </c>
    </row>
    <row r="64" spans="1:4" ht="18" customHeight="1" x14ac:dyDescent="0.15">
      <c r="A64" s="8">
        <v>49</v>
      </c>
      <c r="B64" s="21">
        <v>38</v>
      </c>
      <c r="C64" s="6">
        <v>50</v>
      </c>
      <c r="D64" s="5">
        <v>88</v>
      </c>
    </row>
    <row r="65" spans="1:4" ht="18" customHeight="1" x14ac:dyDescent="0.15">
      <c r="A65" s="8" t="s">
        <v>15</v>
      </c>
      <c r="B65" s="21">
        <v>211</v>
      </c>
      <c r="C65" s="6">
        <v>203</v>
      </c>
      <c r="D65" s="5">
        <v>414</v>
      </c>
    </row>
    <row r="66" spans="1:4" ht="18" customHeight="1" x14ac:dyDescent="0.15">
      <c r="A66" s="8">
        <v>50</v>
      </c>
      <c r="B66" s="21">
        <v>48</v>
      </c>
      <c r="C66" s="6">
        <v>52</v>
      </c>
      <c r="D66" s="5">
        <v>100</v>
      </c>
    </row>
    <row r="67" spans="1:4" ht="18" customHeight="1" x14ac:dyDescent="0.15">
      <c r="A67" s="8">
        <v>51</v>
      </c>
      <c r="B67" s="21">
        <v>61</v>
      </c>
      <c r="C67" s="6">
        <v>73</v>
      </c>
      <c r="D67" s="5">
        <v>134</v>
      </c>
    </row>
    <row r="68" spans="1:4" ht="18" customHeight="1" x14ac:dyDescent="0.15">
      <c r="A68" s="8">
        <v>52</v>
      </c>
      <c r="B68" s="21">
        <v>63</v>
      </c>
      <c r="C68" s="6">
        <v>61</v>
      </c>
      <c r="D68" s="5">
        <v>124</v>
      </c>
    </row>
    <row r="69" spans="1:4" ht="18" customHeight="1" x14ac:dyDescent="0.15">
      <c r="A69" s="8">
        <v>53</v>
      </c>
      <c r="B69" s="21">
        <v>57</v>
      </c>
      <c r="C69" s="6">
        <v>65</v>
      </c>
      <c r="D69" s="5">
        <v>122</v>
      </c>
    </row>
    <row r="70" spans="1:4" ht="18" customHeight="1" x14ac:dyDescent="0.15">
      <c r="A70" s="8">
        <v>54</v>
      </c>
      <c r="B70" s="21">
        <v>60</v>
      </c>
      <c r="C70" s="6">
        <v>59</v>
      </c>
      <c r="D70" s="5">
        <v>119</v>
      </c>
    </row>
    <row r="71" spans="1:4" ht="18" customHeight="1" x14ac:dyDescent="0.15">
      <c r="A71" s="8" t="s">
        <v>14</v>
      </c>
      <c r="B71" s="21">
        <v>289</v>
      </c>
      <c r="C71" s="6">
        <v>310</v>
      </c>
      <c r="D71" s="5">
        <v>599</v>
      </c>
    </row>
    <row r="72" spans="1:4" ht="18" customHeight="1" x14ac:dyDescent="0.15">
      <c r="A72" s="8">
        <v>55</v>
      </c>
      <c r="B72" s="21">
        <v>54</v>
      </c>
      <c r="C72" s="6">
        <v>40</v>
      </c>
      <c r="D72" s="5">
        <v>94</v>
      </c>
    </row>
    <row r="73" spans="1:4" ht="18" customHeight="1" x14ac:dyDescent="0.15">
      <c r="A73" s="8">
        <v>56</v>
      </c>
      <c r="B73" s="21">
        <v>64</v>
      </c>
      <c r="C73" s="6">
        <v>39</v>
      </c>
      <c r="D73" s="5">
        <v>103</v>
      </c>
    </row>
    <row r="74" spans="1:4" ht="18" customHeight="1" x14ac:dyDescent="0.15">
      <c r="A74" s="8">
        <v>57</v>
      </c>
      <c r="B74" s="21">
        <v>57</v>
      </c>
      <c r="C74" s="6">
        <v>50</v>
      </c>
      <c r="D74" s="5">
        <v>107</v>
      </c>
    </row>
    <row r="75" spans="1:4" ht="18" customHeight="1" x14ac:dyDescent="0.15">
      <c r="A75" s="8">
        <v>58</v>
      </c>
      <c r="B75" s="21">
        <v>53</v>
      </c>
      <c r="C75" s="6">
        <v>46</v>
      </c>
      <c r="D75" s="5">
        <v>99</v>
      </c>
    </row>
    <row r="76" spans="1:4" ht="18" customHeight="1" x14ac:dyDescent="0.15">
      <c r="A76" s="8">
        <v>59</v>
      </c>
      <c r="B76" s="21">
        <v>24</v>
      </c>
      <c r="C76" s="6">
        <v>35</v>
      </c>
      <c r="D76" s="5">
        <v>59</v>
      </c>
    </row>
    <row r="77" spans="1:4" ht="18" customHeight="1" x14ac:dyDescent="0.15">
      <c r="A77" s="8" t="s">
        <v>13</v>
      </c>
      <c r="B77" s="21">
        <v>252</v>
      </c>
      <c r="C77" s="6">
        <v>210</v>
      </c>
      <c r="D77" s="5">
        <v>462</v>
      </c>
    </row>
    <row r="78" spans="1:4" ht="18" customHeight="1" x14ac:dyDescent="0.15">
      <c r="A78" s="8">
        <v>60</v>
      </c>
      <c r="B78" s="21">
        <v>28</v>
      </c>
      <c r="C78" s="6">
        <v>39</v>
      </c>
      <c r="D78" s="5">
        <v>67</v>
      </c>
    </row>
    <row r="79" spans="1:4" ht="18" customHeight="1" x14ac:dyDescent="0.15">
      <c r="A79" s="8">
        <v>61</v>
      </c>
      <c r="B79" s="21">
        <v>44</v>
      </c>
      <c r="C79" s="6">
        <v>39</v>
      </c>
      <c r="D79" s="5">
        <v>83</v>
      </c>
    </row>
    <row r="80" spans="1:4" ht="18" customHeight="1" x14ac:dyDescent="0.15">
      <c r="A80" s="8">
        <v>62</v>
      </c>
      <c r="B80" s="21">
        <v>31</v>
      </c>
      <c r="C80" s="6">
        <v>42</v>
      </c>
      <c r="D80" s="5">
        <v>73</v>
      </c>
    </row>
    <row r="81" spans="1:4" ht="18" customHeight="1" x14ac:dyDescent="0.15">
      <c r="A81" s="8">
        <v>63</v>
      </c>
      <c r="B81" s="21">
        <v>41</v>
      </c>
      <c r="C81" s="6">
        <v>29</v>
      </c>
      <c r="D81" s="5">
        <v>70</v>
      </c>
    </row>
    <row r="82" spans="1:4" ht="18" customHeight="1" x14ac:dyDescent="0.15">
      <c r="A82" s="8">
        <v>64</v>
      </c>
      <c r="B82" s="21">
        <v>44</v>
      </c>
      <c r="C82" s="6">
        <v>48</v>
      </c>
      <c r="D82" s="5">
        <v>92</v>
      </c>
    </row>
    <row r="83" spans="1:4" ht="18" customHeight="1" x14ac:dyDescent="0.15">
      <c r="A83" s="8" t="s">
        <v>12</v>
      </c>
      <c r="B83" s="21">
        <v>188</v>
      </c>
      <c r="C83" s="6">
        <v>197</v>
      </c>
      <c r="D83" s="5">
        <v>385</v>
      </c>
    </row>
    <row r="84" spans="1:4" ht="18" customHeight="1" x14ac:dyDescent="0.15">
      <c r="A84" s="8" t="s">
        <v>11</v>
      </c>
      <c r="B84" s="21">
        <v>1875</v>
      </c>
      <c r="C84" s="6">
        <v>1808</v>
      </c>
      <c r="D84" s="5">
        <v>3683</v>
      </c>
    </row>
    <row r="85" spans="1:4" ht="18" customHeight="1" x14ac:dyDescent="0.15">
      <c r="A85" s="8">
        <v>65</v>
      </c>
      <c r="B85" s="21">
        <v>39</v>
      </c>
      <c r="C85" s="6">
        <v>34</v>
      </c>
      <c r="D85" s="5">
        <v>73</v>
      </c>
    </row>
    <row r="86" spans="1:4" ht="18" customHeight="1" x14ac:dyDescent="0.15">
      <c r="A86" s="8">
        <v>66</v>
      </c>
      <c r="B86" s="21">
        <v>33</v>
      </c>
      <c r="C86" s="6">
        <v>39</v>
      </c>
      <c r="D86" s="5">
        <v>72</v>
      </c>
    </row>
    <row r="87" spans="1:4" ht="18" customHeight="1" x14ac:dyDescent="0.15">
      <c r="A87" s="8">
        <v>67</v>
      </c>
      <c r="B87" s="21">
        <v>36</v>
      </c>
      <c r="C87" s="6">
        <v>42</v>
      </c>
      <c r="D87" s="5">
        <v>78</v>
      </c>
    </row>
    <row r="88" spans="1:4" ht="18" customHeight="1" x14ac:dyDescent="0.15">
      <c r="A88" s="8">
        <v>68</v>
      </c>
      <c r="B88" s="21">
        <v>44</v>
      </c>
      <c r="C88" s="6">
        <v>36</v>
      </c>
      <c r="D88" s="5">
        <v>80</v>
      </c>
    </row>
    <row r="89" spans="1:4" ht="18" customHeight="1" x14ac:dyDescent="0.15">
      <c r="A89" s="8">
        <v>69</v>
      </c>
      <c r="B89" s="21">
        <v>28</v>
      </c>
      <c r="C89" s="6">
        <v>28</v>
      </c>
      <c r="D89" s="5">
        <v>56</v>
      </c>
    </row>
    <row r="90" spans="1:4" ht="18" customHeight="1" x14ac:dyDescent="0.15">
      <c r="A90" s="8" t="s">
        <v>10</v>
      </c>
      <c r="B90" s="21">
        <v>180</v>
      </c>
      <c r="C90" s="6">
        <v>179</v>
      </c>
      <c r="D90" s="5">
        <v>359</v>
      </c>
    </row>
    <row r="91" spans="1:4" ht="18" customHeight="1" x14ac:dyDescent="0.15">
      <c r="A91" s="8">
        <v>70</v>
      </c>
      <c r="B91" s="21">
        <v>32</v>
      </c>
      <c r="C91" s="6">
        <v>36</v>
      </c>
      <c r="D91" s="5">
        <v>68</v>
      </c>
    </row>
    <row r="92" spans="1:4" ht="18" customHeight="1" x14ac:dyDescent="0.15">
      <c r="A92" s="8">
        <v>71</v>
      </c>
      <c r="B92" s="21">
        <v>34</v>
      </c>
      <c r="C92" s="6">
        <v>39</v>
      </c>
      <c r="D92" s="5">
        <v>73</v>
      </c>
    </row>
    <row r="93" spans="1:4" ht="18" customHeight="1" x14ac:dyDescent="0.15">
      <c r="A93" s="8">
        <v>72</v>
      </c>
      <c r="B93" s="21">
        <v>36</v>
      </c>
      <c r="C93" s="6">
        <v>44</v>
      </c>
      <c r="D93" s="5">
        <v>80</v>
      </c>
    </row>
    <row r="94" spans="1:4" ht="18" customHeight="1" x14ac:dyDescent="0.15">
      <c r="A94" s="8">
        <v>73</v>
      </c>
      <c r="B94" s="21">
        <v>28</v>
      </c>
      <c r="C94" s="6">
        <v>39</v>
      </c>
      <c r="D94" s="5">
        <v>67</v>
      </c>
    </row>
    <row r="95" spans="1:4" ht="18" customHeight="1" x14ac:dyDescent="0.15">
      <c r="A95" s="8">
        <v>74</v>
      </c>
      <c r="B95" s="21">
        <v>36</v>
      </c>
      <c r="C95" s="6">
        <v>37</v>
      </c>
      <c r="D95" s="5">
        <v>73</v>
      </c>
    </row>
    <row r="96" spans="1:4" ht="18" customHeight="1" x14ac:dyDescent="0.15">
      <c r="A96" s="8" t="s">
        <v>9</v>
      </c>
      <c r="B96" s="21">
        <v>166</v>
      </c>
      <c r="C96" s="6">
        <v>195</v>
      </c>
      <c r="D96" s="5">
        <v>361</v>
      </c>
    </row>
    <row r="97" spans="1:4" ht="18" customHeight="1" x14ac:dyDescent="0.15">
      <c r="A97" s="8">
        <v>75</v>
      </c>
      <c r="B97" s="21">
        <v>41</v>
      </c>
      <c r="C97" s="6">
        <v>49</v>
      </c>
      <c r="D97" s="5">
        <v>90</v>
      </c>
    </row>
    <row r="98" spans="1:4" ht="18" customHeight="1" x14ac:dyDescent="0.15">
      <c r="A98" s="8">
        <v>76</v>
      </c>
      <c r="B98" s="21">
        <v>37</v>
      </c>
      <c r="C98" s="6">
        <v>47</v>
      </c>
      <c r="D98" s="5">
        <v>84</v>
      </c>
    </row>
    <row r="99" spans="1:4" ht="18" customHeight="1" x14ac:dyDescent="0.15">
      <c r="A99" s="8">
        <v>77</v>
      </c>
      <c r="B99" s="21">
        <v>42</v>
      </c>
      <c r="C99" s="6">
        <v>60</v>
      </c>
      <c r="D99" s="5">
        <v>102</v>
      </c>
    </row>
    <row r="100" spans="1:4" ht="18" customHeight="1" x14ac:dyDescent="0.15">
      <c r="A100" s="8">
        <v>78</v>
      </c>
      <c r="B100" s="21">
        <v>53</v>
      </c>
      <c r="C100" s="6">
        <v>75</v>
      </c>
      <c r="D100" s="5">
        <v>128</v>
      </c>
    </row>
    <row r="101" spans="1:4" ht="18" customHeight="1" x14ac:dyDescent="0.15">
      <c r="A101" s="8">
        <v>79</v>
      </c>
      <c r="B101" s="21">
        <v>13</v>
      </c>
      <c r="C101" s="6">
        <v>30</v>
      </c>
      <c r="D101" s="5">
        <v>43</v>
      </c>
    </row>
    <row r="102" spans="1:4" ht="18" customHeight="1" x14ac:dyDescent="0.15">
      <c r="A102" s="8" t="s">
        <v>8</v>
      </c>
      <c r="B102" s="21">
        <v>186</v>
      </c>
      <c r="C102" s="6">
        <v>261</v>
      </c>
      <c r="D102" s="5">
        <v>447</v>
      </c>
    </row>
    <row r="103" spans="1:4" ht="18" customHeight="1" x14ac:dyDescent="0.15">
      <c r="A103" s="8">
        <v>80</v>
      </c>
      <c r="B103" s="21">
        <v>29</v>
      </c>
      <c r="C103" s="6">
        <v>27</v>
      </c>
      <c r="D103" s="5">
        <v>56</v>
      </c>
    </row>
    <row r="104" spans="1:4" ht="18" customHeight="1" x14ac:dyDescent="0.15">
      <c r="A104" s="8">
        <v>81</v>
      </c>
      <c r="B104" s="21">
        <v>31</v>
      </c>
      <c r="C104" s="6">
        <v>51</v>
      </c>
      <c r="D104" s="5">
        <v>82</v>
      </c>
    </row>
    <row r="105" spans="1:4" ht="18" customHeight="1" x14ac:dyDescent="0.15">
      <c r="A105" s="8">
        <v>82</v>
      </c>
      <c r="B105" s="21">
        <v>21</v>
      </c>
      <c r="C105" s="6">
        <v>35</v>
      </c>
      <c r="D105" s="5">
        <v>56</v>
      </c>
    </row>
    <row r="106" spans="1:4" ht="18" customHeight="1" x14ac:dyDescent="0.15">
      <c r="A106" s="8">
        <v>83</v>
      </c>
      <c r="B106" s="21">
        <v>33</v>
      </c>
      <c r="C106" s="6">
        <v>54</v>
      </c>
      <c r="D106" s="5">
        <v>87</v>
      </c>
    </row>
    <row r="107" spans="1:4" ht="18" customHeight="1" x14ac:dyDescent="0.15">
      <c r="A107" s="8">
        <v>84</v>
      </c>
      <c r="B107" s="21">
        <v>25</v>
      </c>
      <c r="C107" s="6">
        <v>49</v>
      </c>
      <c r="D107" s="5">
        <v>74</v>
      </c>
    </row>
    <row r="108" spans="1:4" ht="18" customHeight="1" x14ac:dyDescent="0.15">
      <c r="A108" s="8" t="s">
        <v>7</v>
      </c>
      <c r="B108" s="21">
        <v>139</v>
      </c>
      <c r="C108" s="6">
        <v>216</v>
      </c>
      <c r="D108" s="5">
        <v>355</v>
      </c>
    </row>
    <row r="109" spans="1:4" ht="18" customHeight="1" x14ac:dyDescent="0.15">
      <c r="A109" s="8">
        <v>85</v>
      </c>
      <c r="B109" s="21">
        <v>27</v>
      </c>
      <c r="C109" s="6">
        <v>30</v>
      </c>
      <c r="D109" s="5">
        <v>57</v>
      </c>
    </row>
    <row r="110" spans="1:4" ht="18" customHeight="1" x14ac:dyDescent="0.15">
      <c r="A110" s="8">
        <v>86</v>
      </c>
      <c r="B110" s="21">
        <v>13</v>
      </c>
      <c r="C110" s="6">
        <v>33</v>
      </c>
      <c r="D110" s="5">
        <v>46</v>
      </c>
    </row>
    <row r="111" spans="1:4" ht="18" customHeight="1" x14ac:dyDescent="0.15">
      <c r="A111" s="8">
        <v>87</v>
      </c>
      <c r="B111" s="21">
        <v>19</v>
      </c>
      <c r="C111" s="6">
        <v>33</v>
      </c>
      <c r="D111" s="5">
        <v>52</v>
      </c>
    </row>
    <row r="112" spans="1:4" ht="18" customHeight="1" x14ac:dyDescent="0.15">
      <c r="A112" s="8">
        <v>88</v>
      </c>
      <c r="B112" s="21">
        <v>6</v>
      </c>
      <c r="C112" s="6">
        <v>37</v>
      </c>
      <c r="D112" s="5">
        <v>43</v>
      </c>
    </row>
    <row r="113" spans="1:4" ht="18" customHeight="1" x14ac:dyDescent="0.15">
      <c r="A113" s="8">
        <v>89</v>
      </c>
      <c r="B113" s="21">
        <v>10</v>
      </c>
      <c r="C113" s="6">
        <v>25</v>
      </c>
      <c r="D113" s="5">
        <v>35</v>
      </c>
    </row>
    <row r="114" spans="1:4" ht="18" customHeight="1" x14ac:dyDescent="0.15">
      <c r="A114" s="8" t="s">
        <v>6</v>
      </c>
      <c r="B114" s="21">
        <v>75</v>
      </c>
      <c r="C114" s="6">
        <v>158</v>
      </c>
      <c r="D114" s="5">
        <v>233</v>
      </c>
    </row>
    <row r="115" spans="1:4" ht="18" customHeight="1" x14ac:dyDescent="0.15">
      <c r="A115" s="8">
        <v>90</v>
      </c>
      <c r="B115" s="21">
        <v>8</v>
      </c>
      <c r="C115" s="6">
        <v>18</v>
      </c>
      <c r="D115" s="5">
        <v>26</v>
      </c>
    </row>
    <row r="116" spans="1:4" ht="18" customHeight="1" x14ac:dyDescent="0.15">
      <c r="A116" s="8">
        <v>91</v>
      </c>
      <c r="B116" s="21">
        <v>9</v>
      </c>
      <c r="C116" s="6">
        <v>21</v>
      </c>
      <c r="D116" s="5">
        <v>30</v>
      </c>
    </row>
    <row r="117" spans="1:4" ht="18" customHeight="1" x14ac:dyDescent="0.15">
      <c r="A117" s="8">
        <v>92</v>
      </c>
      <c r="B117" s="21">
        <v>2</v>
      </c>
      <c r="C117" s="6">
        <v>27</v>
      </c>
      <c r="D117" s="5">
        <v>29</v>
      </c>
    </row>
    <row r="118" spans="1:4" ht="18" customHeight="1" x14ac:dyDescent="0.15">
      <c r="A118" s="8">
        <v>93</v>
      </c>
      <c r="B118" s="21">
        <v>2</v>
      </c>
      <c r="C118" s="6">
        <v>19</v>
      </c>
      <c r="D118" s="5">
        <v>21</v>
      </c>
    </row>
    <row r="119" spans="1:4" ht="18" customHeight="1" x14ac:dyDescent="0.15">
      <c r="A119" s="8">
        <v>94</v>
      </c>
      <c r="B119" s="21">
        <v>2</v>
      </c>
      <c r="C119" s="6">
        <v>16</v>
      </c>
      <c r="D119" s="5">
        <v>18</v>
      </c>
    </row>
    <row r="120" spans="1:4" ht="18" customHeight="1" x14ac:dyDescent="0.15">
      <c r="A120" s="8" t="s">
        <v>5</v>
      </c>
      <c r="B120" s="21">
        <v>23</v>
      </c>
      <c r="C120" s="6">
        <v>101</v>
      </c>
      <c r="D120" s="5">
        <v>124</v>
      </c>
    </row>
    <row r="121" spans="1:4" ht="18" customHeight="1" x14ac:dyDescent="0.15">
      <c r="A121" s="8">
        <v>95</v>
      </c>
      <c r="B121" s="21">
        <v>0</v>
      </c>
      <c r="C121" s="6">
        <v>11</v>
      </c>
      <c r="D121" s="5">
        <v>11</v>
      </c>
    </row>
    <row r="122" spans="1:4" ht="18" customHeight="1" x14ac:dyDescent="0.15">
      <c r="A122" s="8">
        <v>96</v>
      </c>
      <c r="B122" s="21">
        <v>1</v>
      </c>
      <c r="C122" s="6">
        <v>7</v>
      </c>
      <c r="D122" s="5">
        <v>8</v>
      </c>
    </row>
    <row r="123" spans="1:4" ht="18" customHeight="1" x14ac:dyDescent="0.15">
      <c r="A123" s="8">
        <v>97</v>
      </c>
      <c r="B123" s="21">
        <v>4</v>
      </c>
      <c r="C123" s="6">
        <v>3</v>
      </c>
      <c r="D123" s="5">
        <v>7</v>
      </c>
    </row>
    <row r="124" spans="1:4" ht="18" customHeight="1" x14ac:dyDescent="0.15">
      <c r="A124" s="8">
        <v>98</v>
      </c>
      <c r="B124" s="21">
        <v>2</v>
      </c>
      <c r="C124" s="6">
        <v>6</v>
      </c>
      <c r="D124" s="5">
        <v>8</v>
      </c>
    </row>
    <row r="125" spans="1:4" ht="18" customHeight="1" x14ac:dyDescent="0.15">
      <c r="A125" s="8">
        <v>99</v>
      </c>
      <c r="B125" s="21">
        <v>0</v>
      </c>
      <c r="C125" s="6">
        <v>6</v>
      </c>
      <c r="D125" s="5">
        <v>6</v>
      </c>
    </row>
    <row r="126" spans="1:4" ht="18" customHeight="1" x14ac:dyDescent="0.15">
      <c r="A126" s="8" t="s">
        <v>4</v>
      </c>
      <c r="B126" s="21">
        <v>7</v>
      </c>
      <c r="C126" s="6">
        <v>33</v>
      </c>
      <c r="D126" s="5">
        <v>40</v>
      </c>
    </row>
    <row r="127" spans="1:4" ht="18" customHeight="1" x14ac:dyDescent="0.15">
      <c r="A127" s="8">
        <v>100</v>
      </c>
      <c r="B127" s="21">
        <v>1</v>
      </c>
      <c r="C127" s="6">
        <v>2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6</v>
      </c>
      <c r="D128" s="5">
        <v>7</v>
      </c>
    </row>
    <row r="129" spans="1:4" ht="18" customHeight="1" x14ac:dyDescent="0.15">
      <c r="A129" s="8" t="s">
        <v>2</v>
      </c>
      <c r="B129" s="21">
        <v>2</v>
      </c>
      <c r="C129" s="6">
        <v>8</v>
      </c>
      <c r="D129" s="5">
        <v>10</v>
      </c>
    </row>
    <row r="130" spans="1:4" ht="18" customHeight="1" x14ac:dyDescent="0.15">
      <c r="A130" s="8" t="s">
        <v>1</v>
      </c>
      <c r="B130" s="21">
        <v>778</v>
      </c>
      <c r="C130" s="6">
        <v>1151</v>
      </c>
      <c r="D130" s="5">
        <v>1929</v>
      </c>
    </row>
    <row r="131" spans="1:4" ht="18" customHeight="1" x14ac:dyDescent="0.15">
      <c r="A131" s="4" t="s">
        <v>0</v>
      </c>
      <c r="B131" s="20">
        <v>3021</v>
      </c>
      <c r="C131" s="2">
        <v>3314</v>
      </c>
      <c r="D131" s="1">
        <v>63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2B9A6A-3860-446A-B0F1-F6BA81E9EED9}">
  <sheetPr codeName="Sheet2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0</v>
      </c>
      <c r="C5" s="11">
        <v>30</v>
      </c>
      <c r="D5" s="10">
        <v>70</v>
      </c>
    </row>
    <row r="6" spans="1:4" ht="18" customHeight="1" x14ac:dyDescent="0.15">
      <c r="A6" s="8">
        <v>1</v>
      </c>
      <c r="B6" s="21">
        <v>31</v>
      </c>
      <c r="C6" s="6">
        <v>31</v>
      </c>
      <c r="D6" s="5">
        <v>62</v>
      </c>
    </row>
    <row r="7" spans="1:4" ht="18" customHeight="1" x14ac:dyDescent="0.15">
      <c r="A7" s="8">
        <v>2</v>
      </c>
      <c r="B7" s="21">
        <v>34</v>
      </c>
      <c r="C7" s="6">
        <v>35</v>
      </c>
      <c r="D7" s="5">
        <v>69</v>
      </c>
    </row>
    <row r="8" spans="1:4" ht="18" customHeight="1" x14ac:dyDescent="0.15">
      <c r="A8" s="8">
        <v>3</v>
      </c>
      <c r="B8" s="21">
        <v>39</v>
      </c>
      <c r="C8" s="6">
        <v>38</v>
      </c>
      <c r="D8" s="5">
        <v>77</v>
      </c>
    </row>
    <row r="9" spans="1:4" ht="18" customHeight="1" x14ac:dyDescent="0.15">
      <c r="A9" s="8">
        <v>4</v>
      </c>
      <c r="B9" s="21">
        <v>35</v>
      </c>
      <c r="C9" s="6">
        <v>30</v>
      </c>
      <c r="D9" s="5">
        <v>65</v>
      </c>
    </row>
    <row r="10" spans="1:4" ht="18" customHeight="1" x14ac:dyDescent="0.15">
      <c r="A10" s="8" t="s">
        <v>25</v>
      </c>
      <c r="B10" s="21">
        <v>179</v>
      </c>
      <c r="C10" s="6">
        <v>164</v>
      </c>
      <c r="D10" s="5">
        <v>343</v>
      </c>
    </row>
    <row r="11" spans="1:4" ht="18" customHeight="1" x14ac:dyDescent="0.15">
      <c r="A11" s="8">
        <v>5</v>
      </c>
      <c r="B11" s="21">
        <v>59</v>
      </c>
      <c r="C11" s="6">
        <v>44</v>
      </c>
      <c r="D11" s="5">
        <v>103</v>
      </c>
    </row>
    <row r="12" spans="1:4" ht="18" customHeight="1" x14ac:dyDescent="0.15">
      <c r="A12" s="8">
        <v>6</v>
      </c>
      <c r="B12" s="21">
        <v>43</v>
      </c>
      <c r="C12" s="6">
        <v>34</v>
      </c>
      <c r="D12" s="5">
        <v>77</v>
      </c>
    </row>
    <row r="13" spans="1:4" ht="18" customHeight="1" x14ac:dyDescent="0.15">
      <c r="A13" s="8">
        <v>7</v>
      </c>
      <c r="B13" s="21">
        <v>53</v>
      </c>
      <c r="C13" s="6">
        <v>43</v>
      </c>
      <c r="D13" s="5">
        <v>96</v>
      </c>
    </row>
    <row r="14" spans="1:4" ht="18" customHeight="1" x14ac:dyDescent="0.15">
      <c r="A14" s="8">
        <v>8</v>
      </c>
      <c r="B14" s="21">
        <v>43</v>
      </c>
      <c r="C14" s="6">
        <v>41</v>
      </c>
      <c r="D14" s="5">
        <v>84</v>
      </c>
    </row>
    <row r="15" spans="1:4" ht="18" customHeight="1" x14ac:dyDescent="0.15">
      <c r="A15" s="8">
        <v>9</v>
      </c>
      <c r="B15" s="21">
        <v>57</v>
      </c>
      <c r="C15" s="6">
        <v>55</v>
      </c>
      <c r="D15" s="5">
        <v>112</v>
      </c>
    </row>
    <row r="16" spans="1:4" ht="18" customHeight="1" x14ac:dyDescent="0.15">
      <c r="A16" s="8" t="s">
        <v>24</v>
      </c>
      <c r="B16" s="21">
        <v>255</v>
      </c>
      <c r="C16" s="6">
        <v>217</v>
      </c>
      <c r="D16" s="5">
        <v>472</v>
      </c>
    </row>
    <row r="17" spans="1:4" ht="18" customHeight="1" x14ac:dyDescent="0.15">
      <c r="A17" s="8">
        <v>10</v>
      </c>
      <c r="B17" s="21">
        <v>46</v>
      </c>
      <c r="C17" s="6">
        <v>37</v>
      </c>
      <c r="D17" s="5">
        <v>83</v>
      </c>
    </row>
    <row r="18" spans="1:4" ht="18" customHeight="1" x14ac:dyDescent="0.15">
      <c r="A18" s="8">
        <v>11</v>
      </c>
      <c r="B18" s="21">
        <v>43</v>
      </c>
      <c r="C18" s="6">
        <v>50</v>
      </c>
      <c r="D18" s="5">
        <v>93</v>
      </c>
    </row>
    <row r="19" spans="1:4" ht="18" customHeight="1" x14ac:dyDescent="0.15">
      <c r="A19" s="8">
        <v>12</v>
      </c>
      <c r="B19" s="21">
        <v>64</v>
      </c>
      <c r="C19" s="6">
        <v>59</v>
      </c>
      <c r="D19" s="5">
        <v>123</v>
      </c>
    </row>
    <row r="20" spans="1:4" ht="18" customHeight="1" x14ac:dyDescent="0.15">
      <c r="A20" s="8">
        <v>13</v>
      </c>
      <c r="B20" s="21">
        <v>50</v>
      </c>
      <c r="C20" s="6">
        <v>52</v>
      </c>
      <c r="D20" s="5">
        <v>102</v>
      </c>
    </row>
    <row r="21" spans="1:4" ht="18" customHeight="1" x14ac:dyDescent="0.15">
      <c r="A21" s="8">
        <v>14</v>
      </c>
      <c r="B21" s="21">
        <v>50</v>
      </c>
      <c r="C21" s="6">
        <v>46</v>
      </c>
      <c r="D21" s="5">
        <v>96</v>
      </c>
    </row>
    <row r="22" spans="1:4" ht="18" customHeight="1" x14ac:dyDescent="0.15">
      <c r="A22" s="8" t="s">
        <v>23</v>
      </c>
      <c r="B22" s="21">
        <v>253</v>
      </c>
      <c r="C22" s="6">
        <v>244</v>
      </c>
      <c r="D22" s="5">
        <v>497</v>
      </c>
    </row>
    <row r="23" spans="1:4" ht="18" customHeight="1" x14ac:dyDescent="0.15">
      <c r="A23" s="8" t="s">
        <v>22</v>
      </c>
      <c r="B23" s="21">
        <v>687</v>
      </c>
      <c r="C23" s="6">
        <v>625</v>
      </c>
      <c r="D23" s="5">
        <v>1312</v>
      </c>
    </row>
    <row r="24" spans="1:4" ht="18" customHeight="1" x14ac:dyDescent="0.15">
      <c r="A24" s="8">
        <v>15</v>
      </c>
      <c r="B24" s="21">
        <v>66</v>
      </c>
      <c r="C24" s="6">
        <v>42</v>
      </c>
      <c r="D24" s="5">
        <v>108</v>
      </c>
    </row>
    <row r="25" spans="1:4" ht="18" customHeight="1" x14ac:dyDescent="0.15">
      <c r="A25" s="8">
        <v>16</v>
      </c>
      <c r="B25" s="21">
        <v>43</v>
      </c>
      <c r="C25" s="6">
        <v>36</v>
      </c>
      <c r="D25" s="5">
        <v>79</v>
      </c>
    </row>
    <row r="26" spans="1:4" ht="18" customHeight="1" x14ac:dyDescent="0.15">
      <c r="A26" s="8">
        <v>17</v>
      </c>
      <c r="B26" s="21">
        <v>35</v>
      </c>
      <c r="C26" s="6">
        <v>62</v>
      </c>
      <c r="D26" s="5">
        <v>97</v>
      </c>
    </row>
    <row r="27" spans="1:4" ht="18" customHeight="1" x14ac:dyDescent="0.15">
      <c r="A27" s="8">
        <v>18</v>
      </c>
      <c r="B27" s="21">
        <v>52</v>
      </c>
      <c r="C27" s="6">
        <v>50</v>
      </c>
      <c r="D27" s="5">
        <v>102</v>
      </c>
    </row>
    <row r="28" spans="1:4" ht="18" customHeight="1" x14ac:dyDescent="0.15">
      <c r="A28" s="8">
        <v>19</v>
      </c>
      <c r="B28" s="21">
        <v>50</v>
      </c>
      <c r="C28" s="6">
        <v>34</v>
      </c>
      <c r="D28" s="5">
        <v>84</v>
      </c>
    </row>
    <row r="29" spans="1:4" ht="18" customHeight="1" x14ac:dyDescent="0.15">
      <c r="A29" s="8" t="s">
        <v>21</v>
      </c>
      <c r="B29" s="21">
        <v>246</v>
      </c>
      <c r="C29" s="6">
        <v>224</v>
      </c>
      <c r="D29" s="5">
        <v>470</v>
      </c>
    </row>
    <row r="30" spans="1:4" ht="18" customHeight="1" x14ac:dyDescent="0.15">
      <c r="A30" s="8">
        <v>20</v>
      </c>
      <c r="B30" s="21">
        <v>46</v>
      </c>
      <c r="C30" s="6">
        <v>44</v>
      </c>
      <c r="D30" s="5">
        <v>90</v>
      </c>
    </row>
    <row r="31" spans="1:4" ht="18" customHeight="1" x14ac:dyDescent="0.15">
      <c r="A31" s="8">
        <v>21</v>
      </c>
      <c r="B31" s="21">
        <v>46</v>
      </c>
      <c r="C31" s="6">
        <v>47</v>
      </c>
      <c r="D31" s="5">
        <v>93</v>
      </c>
    </row>
    <row r="32" spans="1:4" ht="18" customHeight="1" x14ac:dyDescent="0.15">
      <c r="A32" s="8">
        <v>22</v>
      </c>
      <c r="B32" s="21">
        <v>48</v>
      </c>
      <c r="C32" s="6">
        <v>41</v>
      </c>
      <c r="D32" s="5">
        <v>89</v>
      </c>
    </row>
    <row r="33" spans="1:4" ht="18" customHeight="1" x14ac:dyDescent="0.15">
      <c r="A33" s="8">
        <v>23</v>
      </c>
      <c r="B33" s="21">
        <v>60</v>
      </c>
      <c r="C33" s="6">
        <v>62</v>
      </c>
      <c r="D33" s="5">
        <v>122</v>
      </c>
    </row>
    <row r="34" spans="1:4" ht="18" customHeight="1" x14ac:dyDescent="0.15">
      <c r="A34" s="8">
        <v>24</v>
      </c>
      <c r="B34" s="21">
        <v>65</v>
      </c>
      <c r="C34" s="6">
        <v>43</v>
      </c>
      <c r="D34" s="5">
        <v>108</v>
      </c>
    </row>
    <row r="35" spans="1:4" ht="18" customHeight="1" x14ac:dyDescent="0.15">
      <c r="A35" s="8" t="s">
        <v>20</v>
      </c>
      <c r="B35" s="21">
        <v>265</v>
      </c>
      <c r="C35" s="6">
        <v>237</v>
      </c>
      <c r="D35" s="5">
        <v>502</v>
      </c>
    </row>
    <row r="36" spans="1:4" ht="18" customHeight="1" x14ac:dyDescent="0.15">
      <c r="A36" s="8">
        <v>25</v>
      </c>
      <c r="B36" s="21">
        <v>58</v>
      </c>
      <c r="C36" s="6">
        <v>52</v>
      </c>
      <c r="D36" s="5">
        <v>110</v>
      </c>
    </row>
    <row r="37" spans="1:4" ht="18" customHeight="1" x14ac:dyDescent="0.15">
      <c r="A37" s="8">
        <v>26</v>
      </c>
      <c r="B37" s="21">
        <v>63</v>
      </c>
      <c r="C37" s="6">
        <v>60</v>
      </c>
      <c r="D37" s="5">
        <v>123</v>
      </c>
    </row>
    <row r="38" spans="1:4" ht="18" customHeight="1" x14ac:dyDescent="0.15">
      <c r="A38" s="8">
        <v>27</v>
      </c>
      <c r="B38" s="21">
        <v>62</v>
      </c>
      <c r="C38" s="6">
        <v>58</v>
      </c>
      <c r="D38" s="5">
        <v>120</v>
      </c>
    </row>
    <row r="39" spans="1:4" ht="18" customHeight="1" x14ac:dyDescent="0.15">
      <c r="A39" s="8">
        <v>28</v>
      </c>
      <c r="B39" s="21">
        <v>73</v>
      </c>
      <c r="C39" s="6">
        <v>63</v>
      </c>
      <c r="D39" s="5">
        <v>136</v>
      </c>
    </row>
    <row r="40" spans="1:4" ht="18" customHeight="1" x14ac:dyDescent="0.15">
      <c r="A40" s="8">
        <v>29</v>
      </c>
      <c r="B40" s="21">
        <v>50</v>
      </c>
      <c r="C40" s="6">
        <v>64</v>
      </c>
      <c r="D40" s="5">
        <v>114</v>
      </c>
    </row>
    <row r="41" spans="1:4" ht="18" customHeight="1" x14ac:dyDescent="0.15">
      <c r="A41" s="8" t="s">
        <v>19</v>
      </c>
      <c r="B41" s="21">
        <v>306</v>
      </c>
      <c r="C41" s="6">
        <v>297</v>
      </c>
      <c r="D41" s="5">
        <v>603</v>
      </c>
    </row>
    <row r="42" spans="1:4" ht="18" customHeight="1" x14ac:dyDescent="0.15">
      <c r="A42" s="8">
        <v>30</v>
      </c>
      <c r="B42" s="21">
        <v>66</v>
      </c>
      <c r="C42" s="6">
        <v>57</v>
      </c>
      <c r="D42" s="5">
        <v>123</v>
      </c>
    </row>
    <row r="43" spans="1:4" ht="18" customHeight="1" x14ac:dyDescent="0.15">
      <c r="A43" s="8">
        <v>31</v>
      </c>
      <c r="B43" s="21">
        <v>56</v>
      </c>
      <c r="C43" s="6">
        <v>55</v>
      </c>
      <c r="D43" s="5">
        <v>111</v>
      </c>
    </row>
    <row r="44" spans="1:4" ht="18" customHeight="1" x14ac:dyDescent="0.15">
      <c r="A44" s="8">
        <v>32</v>
      </c>
      <c r="B44" s="21">
        <v>80</v>
      </c>
      <c r="C44" s="6">
        <v>56</v>
      </c>
      <c r="D44" s="5">
        <v>136</v>
      </c>
    </row>
    <row r="45" spans="1:4" ht="18" customHeight="1" x14ac:dyDescent="0.15">
      <c r="A45" s="8">
        <v>33</v>
      </c>
      <c r="B45" s="21">
        <v>66</v>
      </c>
      <c r="C45" s="6">
        <v>56</v>
      </c>
      <c r="D45" s="5">
        <v>122</v>
      </c>
    </row>
    <row r="46" spans="1:4" ht="18" customHeight="1" x14ac:dyDescent="0.15">
      <c r="A46" s="8">
        <v>34</v>
      </c>
      <c r="B46" s="21">
        <v>60</v>
      </c>
      <c r="C46" s="6">
        <v>55</v>
      </c>
      <c r="D46" s="5">
        <v>115</v>
      </c>
    </row>
    <row r="47" spans="1:4" ht="18" customHeight="1" x14ac:dyDescent="0.15">
      <c r="A47" s="8" t="s">
        <v>18</v>
      </c>
      <c r="B47" s="21">
        <v>328</v>
      </c>
      <c r="C47" s="6">
        <v>279</v>
      </c>
      <c r="D47" s="5">
        <v>607</v>
      </c>
    </row>
    <row r="48" spans="1:4" ht="18" customHeight="1" x14ac:dyDescent="0.15">
      <c r="A48" s="8">
        <v>35</v>
      </c>
      <c r="B48" s="21">
        <v>54</v>
      </c>
      <c r="C48" s="6">
        <v>57</v>
      </c>
      <c r="D48" s="5">
        <v>111</v>
      </c>
    </row>
    <row r="49" spans="1:4" ht="18" customHeight="1" x14ac:dyDescent="0.15">
      <c r="A49" s="8">
        <v>36</v>
      </c>
      <c r="B49" s="21">
        <v>66</v>
      </c>
      <c r="C49" s="6">
        <v>60</v>
      </c>
      <c r="D49" s="5">
        <v>126</v>
      </c>
    </row>
    <row r="50" spans="1:4" ht="18" customHeight="1" x14ac:dyDescent="0.15">
      <c r="A50" s="8">
        <v>37</v>
      </c>
      <c r="B50" s="21">
        <v>66</v>
      </c>
      <c r="C50" s="6">
        <v>47</v>
      </c>
      <c r="D50" s="5">
        <v>113</v>
      </c>
    </row>
    <row r="51" spans="1:4" ht="18" customHeight="1" x14ac:dyDescent="0.15">
      <c r="A51" s="8">
        <v>38</v>
      </c>
      <c r="B51" s="21">
        <v>67</v>
      </c>
      <c r="C51" s="6">
        <v>55</v>
      </c>
      <c r="D51" s="5">
        <v>122</v>
      </c>
    </row>
    <row r="52" spans="1:4" ht="18" customHeight="1" x14ac:dyDescent="0.15">
      <c r="A52" s="8">
        <v>39</v>
      </c>
      <c r="B52" s="21">
        <v>60</v>
      </c>
      <c r="C52" s="6">
        <v>70</v>
      </c>
      <c r="D52" s="5">
        <v>130</v>
      </c>
    </row>
    <row r="53" spans="1:4" ht="18" customHeight="1" x14ac:dyDescent="0.15">
      <c r="A53" s="8" t="s">
        <v>17</v>
      </c>
      <c r="B53" s="21">
        <v>313</v>
      </c>
      <c r="C53" s="6">
        <v>289</v>
      </c>
      <c r="D53" s="5">
        <v>602</v>
      </c>
    </row>
    <row r="54" spans="1:4" ht="18" customHeight="1" x14ac:dyDescent="0.15">
      <c r="A54" s="8">
        <v>40</v>
      </c>
      <c r="B54" s="21">
        <v>53</v>
      </c>
      <c r="C54" s="6">
        <v>64</v>
      </c>
      <c r="D54" s="5">
        <v>117</v>
      </c>
    </row>
    <row r="55" spans="1:4" ht="18" customHeight="1" x14ac:dyDescent="0.15">
      <c r="A55" s="8">
        <v>41</v>
      </c>
      <c r="B55" s="21">
        <v>83</v>
      </c>
      <c r="C55" s="6">
        <v>74</v>
      </c>
      <c r="D55" s="5">
        <v>157</v>
      </c>
    </row>
    <row r="56" spans="1:4" ht="18" customHeight="1" x14ac:dyDescent="0.15">
      <c r="A56" s="8">
        <v>42</v>
      </c>
      <c r="B56" s="21">
        <v>69</v>
      </c>
      <c r="C56" s="6">
        <v>64</v>
      </c>
      <c r="D56" s="5">
        <v>133</v>
      </c>
    </row>
    <row r="57" spans="1:4" ht="18" customHeight="1" x14ac:dyDescent="0.15">
      <c r="A57" s="8">
        <v>43</v>
      </c>
      <c r="B57" s="21">
        <v>60</v>
      </c>
      <c r="C57" s="6">
        <v>71</v>
      </c>
      <c r="D57" s="5">
        <v>131</v>
      </c>
    </row>
    <row r="58" spans="1:4" ht="18" customHeight="1" x14ac:dyDescent="0.15">
      <c r="A58" s="8">
        <v>44</v>
      </c>
      <c r="B58" s="21">
        <v>66</v>
      </c>
      <c r="C58" s="6">
        <v>88</v>
      </c>
      <c r="D58" s="5">
        <v>154</v>
      </c>
    </row>
    <row r="59" spans="1:4" ht="18" customHeight="1" x14ac:dyDescent="0.15">
      <c r="A59" s="8" t="s">
        <v>16</v>
      </c>
      <c r="B59" s="21">
        <v>331</v>
      </c>
      <c r="C59" s="6">
        <v>361</v>
      </c>
      <c r="D59" s="5">
        <v>692</v>
      </c>
    </row>
    <row r="60" spans="1:4" ht="18" customHeight="1" x14ac:dyDescent="0.15">
      <c r="A60" s="8">
        <v>45</v>
      </c>
      <c r="B60" s="21">
        <v>74</v>
      </c>
      <c r="C60" s="6">
        <v>63</v>
      </c>
      <c r="D60" s="5">
        <v>137</v>
      </c>
    </row>
    <row r="61" spans="1:4" ht="18" customHeight="1" x14ac:dyDescent="0.15">
      <c r="A61" s="8">
        <v>46</v>
      </c>
      <c r="B61" s="21">
        <v>66</v>
      </c>
      <c r="C61" s="6">
        <v>73</v>
      </c>
      <c r="D61" s="5">
        <v>139</v>
      </c>
    </row>
    <row r="62" spans="1:4" ht="18" customHeight="1" x14ac:dyDescent="0.15">
      <c r="A62" s="8">
        <v>47</v>
      </c>
      <c r="B62" s="21">
        <v>79</v>
      </c>
      <c r="C62" s="6">
        <v>76</v>
      </c>
      <c r="D62" s="5">
        <v>155</v>
      </c>
    </row>
    <row r="63" spans="1:4" ht="18" customHeight="1" x14ac:dyDescent="0.15">
      <c r="A63" s="8">
        <v>48</v>
      </c>
      <c r="B63" s="21">
        <v>74</v>
      </c>
      <c r="C63" s="6">
        <v>84</v>
      </c>
      <c r="D63" s="5">
        <v>158</v>
      </c>
    </row>
    <row r="64" spans="1:4" ht="18" customHeight="1" x14ac:dyDescent="0.15">
      <c r="A64" s="8">
        <v>49</v>
      </c>
      <c r="B64" s="21">
        <v>99</v>
      </c>
      <c r="C64" s="6">
        <v>83</v>
      </c>
      <c r="D64" s="5">
        <v>182</v>
      </c>
    </row>
    <row r="65" spans="1:4" ht="18" customHeight="1" x14ac:dyDescent="0.15">
      <c r="A65" s="8" t="s">
        <v>15</v>
      </c>
      <c r="B65" s="21">
        <v>392</v>
      </c>
      <c r="C65" s="6">
        <v>379</v>
      </c>
      <c r="D65" s="5">
        <v>771</v>
      </c>
    </row>
    <row r="66" spans="1:4" ht="18" customHeight="1" x14ac:dyDescent="0.15">
      <c r="A66" s="8">
        <v>50</v>
      </c>
      <c r="B66" s="21">
        <v>78</v>
      </c>
      <c r="C66" s="6">
        <v>98</v>
      </c>
      <c r="D66" s="5">
        <v>176</v>
      </c>
    </row>
    <row r="67" spans="1:4" ht="18" customHeight="1" x14ac:dyDescent="0.15">
      <c r="A67" s="8">
        <v>51</v>
      </c>
      <c r="B67" s="21">
        <v>92</v>
      </c>
      <c r="C67" s="6">
        <v>102</v>
      </c>
      <c r="D67" s="5">
        <v>194</v>
      </c>
    </row>
    <row r="68" spans="1:4" ht="18" customHeight="1" x14ac:dyDescent="0.15">
      <c r="A68" s="8">
        <v>52</v>
      </c>
      <c r="B68" s="21">
        <v>110</v>
      </c>
      <c r="C68" s="6">
        <v>102</v>
      </c>
      <c r="D68" s="5">
        <v>212</v>
      </c>
    </row>
    <row r="69" spans="1:4" ht="18" customHeight="1" x14ac:dyDescent="0.15">
      <c r="A69" s="8">
        <v>53</v>
      </c>
      <c r="B69" s="21">
        <v>127</v>
      </c>
      <c r="C69" s="6">
        <v>106</v>
      </c>
      <c r="D69" s="5">
        <v>233</v>
      </c>
    </row>
    <row r="70" spans="1:4" ht="18" customHeight="1" x14ac:dyDescent="0.15">
      <c r="A70" s="8">
        <v>54</v>
      </c>
      <c r="B70" s="21">
        <v>115</v>
      </c>
      <c r="C70" s="6">
        <v>104</v>
      </c>
      <c r="D70" s="5">
        <v>219</v>
      </c>
    </row>
    <row r="71" spans="1:4" ht="18" customHeight="1" x14ac:dyDescent="0.15">
      <c r="A71" s="8" t="s">
        <v>14</v>
      </c>
      <c r="B71" s="21">
        <v>522</v>
      </c>
      <c r="C71" s="6">
        <v>512</v>
      </c>
      <c r="D71" s="5">
        <v>1034</v>
      </c>
    </row>
    <row r="72" spans="1:4" ht="18" customHeight="1" x14ac:dyDescent="0.15">
      <c r="A72" s="8">
        <v>55</v>
      </c>
      <c r="B72" s="21">
        <v>90</v>
      </c>
      <c r="C72" s="6">
        <v>118</v>
      </c>
      <c r="D72" s="5">
        <v>208</v>
      </c>
    </row>
    <row r="73" spans="1:4" ht="18" customHeight="1" x14ac:dyDescent="0.15">
      <c r="A73" s="8">
        <v>56</v>
      </c>
      <c r="B73" s="21">
        <v>87</v>
      </c>
      <c r="C73" s="6">
        <v>103</v>
      </c>
      <c r="D73" s="5">
        <v>190</v>
      </c>
    </row>
    <row r="74" spans="1:4" ht="18" customHeight="1" x14ac:dyDescent="0.15">
      <c r="A74" s="8">
        <v>57</v>
      </c>
      <c r="B74" s="21">
        <v>93</v>
      </c>
      <c r="C74" s="6">
        <v>98</v>
      </c>
      <c r="D74" s="5">
        <v>191</v>
      </c>
    </row>
    <row r="75" spans="1:4" ht="18" customHeight="1" x14ac:dyDescent="0.15">
      <c r="A75" s="8">
        <v>58</v>
      </c>
      <c r="B75" s="21">
        <v>99</v>
      </c>
      <c r="C75" s="6">
        <v>98</v>
      </c>
      <c r="D75" s="5">
        <v>197</v>
      </c>
    </row>
    <row r="76" spans="1:4" ht="18" customHeight="1" x14ac:dyDescent="0.15">
      <c r="A76" s="8">
        <v>59</v>
      </c>
      <c r="B76" s="21">
        <v>58</v>
      </c>
      <c r="C76" s="6">
        <v>66</v>
      </c>
      <c r="D76" s="5">
        <v>124</v>
      </c>
    </row>
    <row r="77" spans="1:4" ht="18" customHeight="1" x14ac:dyDescent="0.15">
      <c r="A77" s="8" t="s">
        <v>13</v>
      </c>
      <c r="B77" s="21">
        <v>427</v>
      </c>
      <c r="C77" s="6">
        <v>483</v>
      </c>
      <c r="D77" s="5">
        <v>910</v>
      </c>
    </row>
    <row r="78" spans="1:4" ht="18" customHeight="1" x14ac:dyDescent="0.15">
      <c r="A78" s="8">
        <v>60</v>
      </c>
      <c r="B78" s="21">
        <v>94</v>
      </c>
      <c r="C78" s="6">
        <v>96</v>
      </c>
      <c r="D78" s="5">
        <v>190</v>
      </c>
    </row>
    <row r="79" spans="1:4" ht="18" customHeight="1" x14ac:dyDescent="0.15">
      <c r="A79" s="8">
        <v>61</v>
      </c>
      <c r="B79" s="21">
        <v>84</v>
      </c>
      <c r="C79" s="6">
        <v>88</v>
      </c>
      <c r="D79" s="5">
        <v>172</v>
      </c>
    </row>
    <row r="80" spans="1:4" ht="18" customHeight="1" x14ac:dyDescent="0.15">
      <c r="A80" s="8">
        <v>62</v>
      </c>
      <c r="B80" s="21">
        <v>91</v>
      </c>
      <c r="C80" s="6">
        <v>79</v>
      </c>
      <c r="D80" s="5">
        <v>170</v>
      </c>
    </row>
    <row r="81" spans="1:4" ht="18" customHeight="1" x14ac:dyDescent="0.15">
      <c r="A81" s="8">
        <v>63</v>
      </c>
      <c r="B81" s="21">
        <v>74</v>
      </c>
      <c r="C81" s="6">
        <v>80</v>
      </c>
      <c r="D81" s="5">
        <v>154</v>
      </c>
    </row>
    <row r="82" spans="1:4" ht="18" customHeight="1" x14ac:dyDescent="0.15">
      <c r="A82" s="8">
        <v>64</v>
      </c>
      <c r="B82" s="21">
        <v>73</v>
      </c>
      <c r="C82" s="6">
        <v>79</v>
      </c>
      <c r="D82" s="5">
        <v>152</v>
      </c>
    </row>
    <row r="83" spans="1:4" ht="18" customHeight="1" x14ac:dyDescent="0.15">
      <c r="A83" s="8" t="s">
        <v>12</v>
      </c>
      <c r="B83" s="21">
        <v>416</v>
      </c>
      <c r="C83" s="6">
        <v>422</v>
      </c>
      <c r="D83" s="5">
        <v>838</v>
      </c>
    </row>
    <row r="84" spans="1:4" ht="18" customHeight="1" x14ac:dyDescent="0.15">
      <c r="A84" s="8" t="s">
        <v>11</v>
      </c>
      <c r="B84" s="21">
        <v>3546</v>
      </c>
      <c r="C84" s="6">
        <v>3483</v>
      </c>
      <c r="D84" s="5">
        <v>7029</v>
      </c>
    </row>
    <row r="85" spans="1:4" ht="18" customHeight="1" x14ac:dyDescent="0.15">
      <c r="A85" s="8">
        <v>65</v>
      </c>
      <c r="B85" s="21">
        <v>82</v>
      </c>
      <c r="C85" s="6">
        <v>77</v>
      </c>
      <c r="D85" s="5">
        <v>159</v>
      </c>
    </row>
    <row r="86" spans="1:4" ht="18" customHeight="1" x14ac:dyDescent="0.15">
      <c r="A86" s="8">
        <v>66</v>
      </c>
      <c r="B86" s="21">
        <v>65</v>
      </c>
      <c r="C86" s="6">
        <v>75</v>
      </c>
      <c r="D86" s="5">
        <v>140</v>
      </c>
    </row>
    <row r="87" spans="1:4" ht="18" customHeight="1" x14ac:dyDescent="0.15">
      <c r="A87" s="8">
        <v>67</v>
      </c>
      <c r="B87" s="21">
        <v>63</v>
      </c>
      <c r="C87" s="6">
        <v>68</v>
      </c>
      <c r="D87" s="5">
        <v>131</v>
      </c>
    </row>
    <row r="88" spans="1:4" ht="18" customHeight="1" x14ac:dyDescent="0.15">
      <c r="A88" s="8">
        <v>68</v>
      </c>
      <c r="B88" s="21">
        <v>74</v>
      </c>
      <c r="C88" s="6">
        <v>57</v>
      </c>
      <c r="D88" s="5">
        <v>131</v>
      </c>
    </row>
    <row r="89" spans="1:4" ht="18" customHeight="1" x14ac:dyDescent="0.15">
      <c r="A89" s="8">
        <v>69</v>
      </c>
      <c r="B89" s="21">
        <v>57</v>
      </c>
      <c r="C89" s="6">
        <v>75</v>
      </c>
      <c r="D89" s="5">
        <v>132</v>
      </c>
    </row>
    <row r="90" spans="1:4" ht="18" customHeight="1" x14ac:dyDescent="0.15">
      <c r="A90" s="8" t="s">
        <v>10</v>
      </c>
      <c r="B90" s="21">
        <v>341</v>
      </c>
      <c r="C90" s="6">
        <v>352</v>
      </c>
      <c r="D90" s="5">
        <v>693</v>
      </c>
    </row>
    <row r="91" spans="1:4" ht="18" customHeight="1" x14ac:dyDescent="0.15">
      <c r="A91" s="8">
        <v>70</v>
      </c>
      <c r="B91" s="21">
        <v>74</v>
      </c>
      <c r="C91" s="6">
        <v>66</v>
      </c>
      <c r="D91" s="5">
        <v>140</v>
      </c>
    </row>
    <row r="92" spans="1:4" ht="18" customHeight="1" x14ac:dyDescent="0.15">
      <c r="A92" s="8">
        <v>71</v>
      </c>
      <c r="B92" s="21">
        <v>62</v>
      </c>
      <c r="C92" s="6">
        <v>64</v>
      </c>
      <c r="D92" s="5">
        <v>126</v>
      </c>
    </row>
    <row r="93" spans="1:4" ht="18" customHeight="1" x14ac:dyDescent="0.15">
      <c r="A93" s="8">
        <v>72</v>
      </c>
      <c r="B93" s="21">
        <v>56</v>
      </c>
      <c r="C93" s="6">
        <v>62</v>
      </c>
      <c r="D93" s="5">
        <v>118</v>
      </c>
    </row>
    <row r="94" spans="1:4" ht="18" customHeight="1" x14ac:dyDescent="0.15">
      <c r="A94" s="8">
        <v>73</v>
      </c>
      <c r="B94" s="21">
        <v>70</v>
      </c>
      <c r="C94" s="6">
        <v>58</v>
      </c>
      <c r="D94" s="5">
        <v>128</v>
      </c>
    </row>
    <row r="95" spans="1:4" ht="18" customHeight="1" x14ac:dyDescent="0.15">
      <c r="A95" s="8">
        <v>74</v>
      </c>
      <c r="B95" s="21">
        <v>61</v>
      </c>
      <c r="C95" s="6">
        <v>79</v>
      </c>
      <c r="D95" s="5">
        <v>140</v>
      </c>
    </row>
    <row r="96" spans="1:4" ht="18" customHeight="1" x14ac:dyDescent="0.15">
      <c r="A96" s="8" t="s">
        <v>9</v>
      </c>
      <c r="B96" s="21">
        <v>323</v>
      </c>
      <c r="C96" s="6">
        <v>329</v>
      </c>
      <c r="D96" s="5">
        <v>652</v>
      </c>
    </row>
    <row r="97" spans="1:4" ht="18" customHeight="1" x14ac:dyDescent="0.15">
      <c r="A97" s="8">
        <v>75</v>
      </c>
      <c r="B97" s="21">
        <v>49</v>
      </c>
      <c r="C97" s="6">
        <v>83</v>
      </c>
      <c r="D97" s="5">
        <v>132</v>
      </c>
    </row>
    <row r="98" spans="1:4" ht="18" customHeight="1" x14ac:dyDescent="0.15">
      <c r="A98" s="8">
        <v>76</v>
      </c>
      <c r="B98" s="21">
        <v>81</v>
      </c>
      <c r="C98" s="6">
        <v>104</v>
      </c>
      <c r="D98" s="5">
        <v>185</v>
      </c>
    </row>
    <row r="99" spans="1:4" ht="18" customHeight="1" x14ac:dyDescent="0.15">
      <c r="A99" s="8">
        <v>77</v>
      </c>
      <c r="B99" s="21">
        <v>89</v>
      </c>
      <c r="C99" s="6">
        <v>84</v>
      </c>
      <c r="D99" s="5">
        <v>173</v>
      </c>
    </row>
    <row r="100" spans="1:4" ht="18" customHeight="1" x14ac:dyDescent="0.15">
      <c r="A100" s="8">
        <v>78</v>
      </c>
      <c r="B100" s="21">
        <v>77</v>
      </c>
      <c r="C100" s="6">
        <v>99</v>
      </c>
      <c r="D100" s="5">
        <v>176</v>
      </c>
    </row>
    <row r="101" spans="1:4" ht="18" customHeight="1" x14ac:dyDescent="0.15">
      <c r="A101" s="8">
        <v>79</v>
      </c>
      <c r="B101" s="21">
        <v>39</v>
      </c>
      <c r="C101" s="6">
        <v>35</v>
      </c>
      <c r="D101" s="5">
        <v>74</v>
      </c>
    </row>
    <row r="102" spans="1:4" ht="18" customHeight="1" x14ac:dyDescent="0.15">
      <c r="A102" s="8" t="s">
        <v>8</v>
      </c>
      <c r="B102" s="21">
        <v>335</v>
      </c>
      <c r="C102" s="6">
        <v>405</v>
      </c>
      <c r="D102" s="5">
        <v>740</v>
      </c>
    </row>
    <row r="103" spans="1:4" ht="18" customHeight="1" x14ac:dyDescent="0.15">
      <c r="A103" s="8">
        <v>80</v>
      </c>
      <c r="B103" s="21">
        <v>34</v>
      </c>
      <c r="C103" s="6">
        <v>60</v>
      </c>
      <c r="D103" s="5">
        <v>94</v>
      </c>
    </row>
    <row r="104" spans="1:4" ht="18" customHeight="1" x14ac:dyDescent="0.15">
      <c r="A104" s="8">
        <v>81</v>
      </c>
      <c r="B104" s="21">
        <v>53</v>
      </c>
      <c r="C104" s="6">
        <v>82</v>
      </c>
      <c r="D104" s="5">
        <v>135</v>
      </c>
    </row>
    <row r="105" spans="1:4" ht="18" customHeight="1" x14ac:dyDescent="0.15">
      <c r="A105" s="8">
        <v>82</v>
      </c>
      <c r="B105" s="21">
        <v>48</v>
      </c>
      <c r="C105" s="6">
        <v>65</v>
      </c>
      <c r="D105" s="5">
        <v>113</v>
      </c>
    </row>
    <row r="106" spans="1:4" ht="18" customHeight="1" x14ac:dyDescent="0.15">
      <c r="A106" s="8">
        <v>83</v>
      </c>
      <c r="B106" s="21">
        <v>55</v>
      </c>
      <c r="C106" s="6">
        <v>89</v>
      </c>
      <c r="D106" s="5">
        <v>144</v>
      </c>
    </row>
    <row r="107" spans="1:4" ht="18" customHeight="1" x14ac:dyDescent="0.15">
      <c r="A107" s="8">
        <v>84</v>
      </c>
      <c r="B107" s="21">
        <v>31</v>
      </c>
      <c r="C107" s="6">
        <v>64</v>
      </c>
      <c r="D107" s="5">
        <v>95</v>
      </c>
    </row>
    <row r="108" spans="1:4" ht="18" customHeight="1" x14ac:dyDescent="0.15">
      <c r="A108" s="8" t="s">
        <v>7</v>
      </c>
      <c r="B108" s="21">
        <v>221</v>
      </c>
      <c r="C108" s="6">
        <v>360</v>
      </c>
      <c r="D108" s="5">
        <v>581</v>
      </c>
    </row>
    <row r="109" spans="1:4" ht="18" customHeight="1" x14ac:dyDescent="0.15">
      <c r="A109" s="8">
        <v>85</v>
      </c>
      <c r="B109" s="21">
        <v>28</v>
      </c>
      <c r="C109" s="6">
        <v>69</v>
      </c>
      <c r="D109" s="5">
        <v>97</v>
      </c>
    </row>
    <row r="110" spans="1:4" ht="18" customHeight="1" x14ac:dyDescent="0.15">
      <c r="A110" s="8">
        <v>86</v>
      </c>
      <c r="B110" s="21">
        <v>34</v>
      </c>
      <c r="C110" s="6">
        <v>51</v>
      </c>
      <c r="D110" s="5">
        <v>85</v>
      </c>
    </row>
    <row r="111" spans="1:4" ht="18" customHeight="1" x14ac:dyDescent="0.15">
      <c r="A111" s="8">
        <v>87</v>
      </c>
      <c r="B111" s="21">
        <v>22</v>
      </c>
      <c r="C111" s="6">
        <v>36</v>
      </c>
      <c r="D111" s="5">
        <v>58</v>
      </c>
    </row>
    <row r="112" spans="1:4" ht="18" customHeight="1" x14ac:dyDescent="0.15">
      <c r="A112" s="8">
        <v>88</v>
      </c>
      <c r="B112" s="21">
        <v>19</v>
      </c>
      <c r="C112" s="6">
        <v>56</v>
      </c>
      <c r="D112" s="5">
        <v>75</v>
      </c>
    </row>
    <row r="113" spans="1:4" ht="18" customHeight="1" x14ac:dyDescent="0.15">
      <c r="A113" s="8">
        <v>89</v>
      </c>
      <c r="B113" s="21">
        <v>29</v>
      </c>
      <c r="C113" s="6">
        <v>56</v>
      </c>
      <c r="D113" s="5">
        <v>85</v>
      </c>
    </row>
    <row r="114" spans="1:4" ht="18" customHeight="1" x14ac:dyDescent="0.15">
      <c r="A114" s="8" t="s">
        <v>6</v>
      </c>
      <c r="B114" s="21">
        <v>132</v>
      </c>
      <c r="C114" s="6">
        <v>268</v>
      </c>
      <c r="D114" s="5">
        <v>400</v>
      </c>
    </row>
    <row r="115" spans="1:4" ht="18" customHeight="1" x14ac:dyDescent="0.15">
      <c r="A115" s="8">
        <v>90</v>
      </c>
      <c r="B115" s="21">
        <v>10</v>
      </c>
      <c r="C115" s="6">
        <v>32</v>
      </c>
      <c r="D115" s="5">
        <v>42</v>
      </c>
    </row>
    <row r="116" spans="1:4" ht="18" customHeight="1" x14ac:dyDescent="0.15">
      <c r="A116" s="8">
        <v>91</v>
      </c>
      <c r="B116" s="21">
        <v>15</v>
      </c>
      <c r="C116" s="6">
        <v>51</v>
      </c>
      <c r="D116" s="5">
        <v>66</v>
      </c>
    </row>
    <row r="117" spans="1:4" ht="18" customHeight="1" x14ac:dyDescent="0.15">
      <c r="A117" s="8">
        <v>92</v>
      </c>
      <c r="B117" s="21">
        <v>19</v>
      </c>
      <c r="C117" s="6">
        <v>41</v>
      </c>
      <c r="D117" s="5">
        <v>60</v>
      </c>
    </row>
    <row r="118" spans="1:4" ht="18" customHeight="1" x14ac:dyDescent="0.15">
      <c r="A118" s="8">
        <v>93</v>
      </c>
      <c r="B118" s="21">
        <v>8</v>
      </c>
      <c r="C118" s="6">
        <v>29</v>
      </c>
      <c r="D118" s="5">
        <v>37</v>
      </c>
    </row>
    <row r="119" spans="1:4" ht="18" customHeight="1" x14ac:dyDescent="0.15">
      <c r="A119" s="8">
        <v>94</v>
      </c>
      <c r="B119" s="21">
        <v>5</v>
      </c>
      <c r="C119" s="6">
        <v>29</v>
      </c>
      <c r="D119" s="5">
        <v>34</v>
      </c>
    </row>
    <row r="120" spans="1:4" ht="18" customHeight="1" x14ac:dyDescent="0.15">
      <c r="A120" s="8" t="s">
        <v>5</v>
      </c>
      <c r="B120" s="21">
        <v>57</v>
      </c>
      <c r="C120" s="6">
        <v>182</v>
      </c>
      <c r="D120" s="5">
        <v>239</v>
      </c>
    </row>
    <row r="121" spans="1:4" ht="18" customHeight="1" x14ac:dyDescent="0.15">
      <c r="A121" s="8">
        <v>95</v>
      </c>
      <c r="B121" s="21">
        <v>6</v>
      </c>
      <c r="C121" s="6">
        <v>19</v>
      </c>
      <c r="D121" s="5">
        <v>25</v>
      </c>
    </row>
    <row r="122" spans="1:4" ht="18" customHeight="1" x14ac:dyDescent="0.15">
      <c r="A122" s="8">
        <v>96</v>
      </c>
      <c r="B122" s="21">
        <v>3</v>
      </c>
      <c r="C122" s="6">
        <v>18</v>
      </c>
      <c r="D122" s="5">
        <v>21</v>
      </c>
    </row>
    <row r="123" spans="1:4" ht="18" customHeight="1" x14ac:dyDescent="0.15">
      <c r="A123" s="8">
        <v>97</v>
      </c>
      <c r="B123" s="21">
        <v>3</v>
      </c>
      <c r="C123" s="6">
        <v>11</v>
      </c>
      <c r="D123" s="5">
        <v>14</v>
      </c>
    </row>
    <row r="124" spans="1:4" ht="18" customHeight="1" x14ac:dyDescent="0.15">
      <c r="A124" s="8">
        <v>98</v>
      </c>
      <c r="B124" s="21">
        <v>3</v>
      </c>
      <c r="C124" s="6">
        <v>17</v>
      </c>
      <c r="D124" s="5">
        <v>20</v>
      </c>
    </row>
    <row r="125" spans="1:4" ht="18" customHeight="1" x14ac:dyDescent="0.15">
      <c r="A125" s="8">
        <v>99</v>
      </c>
      <c r="B125" s="21">
        <v>3</v>
      </c>
      <c r="C125" s="6">
        <v>15</v>
      </c>
      <c r="D125" s="5">
        <v>18</v>
      </c>
    </row>
    <row r="126" spans="1:4" ht="18" customHeight="1" x14ac:dyDescent="0.15">
      <c r="A126" s="8" t="s">
        <v>4</v>
      </c>
      <c r="B126" s="21">
        <v>18</v>
      </c>
      <c r="C126" s="6">
        <v>80</v>
      </c>
      <c r="D126" s="5">
        <v>98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11</v>
      </c>
      <c r="D128" s="5">
        <v>11</v>
      </c>
    </row>
    <row r="129" spans="1:4" ht="18" customHeight="1" x14ac:dyDescent="0.15">
      <c r="A129" s="8" t="s">
        <v>2</v>
      </c>
      <c r="B129" s="21">
        <v>0</v>
      </c>
      <c r="C129" s="6">
        <v>14</v>
      </c>
      <c r="D129" s="5">
        <v>14</v>
      </c>
    </row>
    <row r="130" spans="1:4" ht="18" customHeight="1" x14ac:dyDescent="0.15">
      <c r="A130" s="8" t="s">
        <v>1</v>
      </c>
      <c r="B130" s="21">
        <v>1427</v>
      </c>
      <c r="C130" s="6">
        <v>1990</v>
      </c>
      <c r="D130" s="5">
        <v>3417</v>
      </c>
    </row>
    <row r="131" spans="1:4" ht="18" customHeight="1" x14ac:dyDescent="0.15">
      <c r="A131" s="4" t="s">
        <v>0</v>
      </c>
      <c r="B131" s="20">
        <v>5660</v>
      </c>
      <c r="C131" s="2">
        <v>6098</v>
      </c>
      <c r="D131" s="1">
        <v>1175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150055-6912-4AAD-99FF-3D43D2286C04}">
  <sheetPr codeName="Sheet2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2</v>
      </c>
      <c r="C5" s="11">
        <v>61</v>
      </c>
      <c r="D5" s="10">
        <v>113</v>
      </c>
    </row>
    <row r="6" spans="1:4" ht="18" customHeight="1" x14ac:dyDescent="0.15">
      <c r="A6" s="8">
        <v>1</v>
      </c>
      <c r="B6" s="21">
        <v>74</v>
      </c>
      <c r="C6" s="6">
        <v>58</v>
      </c>
      <c r="D6" s="5">
        <v>132</v>
      </c>
    </row>
    <row r="7" spans="1:4" ht="18" customHeight="1" x14ac:dyDescent="0.15">
      <c r="A7" s="8">
        <v>2</v>
      </c>
      <c r="B7" s="21">
        <v>59</v>
      </c>
      <c r="C7" s="6">
        <v>43</v>
      </c>
      <c r="D7" s="5">
        <v>102</v>
      </c>
    </row>
    <row r="8" spans="1:4" ht="18" customHeight="1" x14ac:dyDescent="0.15">
      <c r="A8" s="8">
        <v>3</v>
      </c>
      <c r="B8" s="21">
        <v>66</v>
      </c>
      <c r="C8" s="6">
        <v>63</v>
      </c>
      <c r="D8" s="5">
        <v>129</v>
      </c>
    </row>
    <row r="9" spans="1:4" ht="18" customHeight="1" x14ac:dyDescent="0.15">
      <c r="A9" s="8">
        <v>4</v>
      </c>
      <c r="B9" s="21">
        <v>78</v>
      </c>
      <c r="C9" s="6">
        <v>60</v>
      </c>
      <c r="D9" s="5">
        <v>138</v>
      </c>
    </row>
    <row r="10" spans="1:4" ht="18" customHeight="1" x14ac:dyDescent="0.15">
      <c r="A10" s="8" t="s">
        <v>25</v>
      </c>
      <c r="B10" s="21">
        <v>329</v>
      </c>
      <c r="C10" s="6">
        <v>285</v>
      </c>
      <c r="D10" s="5">
        <v>614</v>
      </c>
    </row>
    <row r="11" spans="1:4" ht="18" customHeight="1" x14ac:dyDescent="0.15">
      <c r="A11" s="8">
        <v>5</v>
      </c>
      <c r="B11" s="21">
        <v>57</v>
      </c>
      <c r="C11" s="6">
        <v>63</v>
      </c>
      <c r="D11" s="5">
        <v>120</v>
      </c>
    </row>
    <row r="12" spans="1:4" ht="18" customHeight="1" x14ac:dyDescent="0.15">
      <c r="A12" s="8">
        <v>6</v>
      </c>
      <c r="B12" s="21">
        <v>63</v>
      </c>
      <c r="C12" s="6">
        <v>61</v>
      </c>
      <c r="D12" s="5">
        <v>124</v>
      </c>
    </row>
    <row r="13" spans="1:4" ht="18" customHeight="1" x14ac:dyDescent="0.15">
      <c r="A13" s="8">
        <v>7</v>
      </c>
      <c r="B13" s="21">
        <v>73</v>
      </c>
      <c r="C13" s="6">
        <v>62</v>
      </c>
      <c r="D13" s="5">
        <v>135</v>
      </c>
    </row>
    <row r="14" spans="1:4" ht="18" customHeight="1" x14ac:dyDescent="0.15">
      <c r="A14" s="8">
        <v>8</v>
      </c>
      <c r="B14" s="21">
        <v>73</v>
      </c>
      <c r="C14" s="6">
        <v>74</v>
      </c>
      <c r="D14" s="5">
        <v>147</v>
      </c>
    </row>
    <row r="15" spans="1:4" ht="18" customHeight="1" x14ac:dyDescent="0.15">
      <c r="A15" s="8">
        <v>9</v>
      </c>
      <c r="B15" s="21">
        <v>75</v>
      </c>
      <c r="C15" s="6">
        <v>66</v>
      </c>
      <c r="D15" s="5">
        <v>141</v>
      </c>
    </row>
    <row r="16" spans="1:4" ht="18" customHeight="1" x14ac:dyDescent="0.15">
      <c r="A16" s="8" t="s">
        <v>24</v>
      </c>
      <c r="B16" s="21">
        <v>341</v>
      </c>
      <c r="C16" s="6">
        <v>326</v>
      </c>
      <c r="D16" s="5">
        <v>667</v>
      </c>
    </row>
    <row r="17" spans="1:4" ht="18" customHeight="1" x14ac:dyDescent="0.15">
      <c r="A17" s="8">
        <v>10</v>
      </c>
      <c r="B17" s="21">
        <v>74</v>
      </c>
      <c r="C17" s="6">
        <v>69</v>
      </c>
      <c r="D17" s="5">
        <v>143</v>
      </c>
    </row>
    <row r="18" spans="1:4" ht="18" customHeight="1" x14ac:dyDescent="0.15">
      <c r="A18" s="8">
        <v>11</v>
      </c>
      <c r="B18" s="21">
        <v>80</v>
      </c>
      <c r="C18" s="6">
        <v>66</v>
      </c>
      <c r="D18" s="5">
        <v>146</v>
      </c>
    </row>
    <row r="19" spans="1:4" ht="18" customHeight="1" x14ac:dyDescent="0.15">
      <c r="A19" s="8">
        <v>12</v>
      </c>
      <c r="B19" s="21">
        <v>82</v>
      </c>
      <c r="C19" s="6">
        <v>66</v>
      </c>
      <c r="D19" s="5">
        <v>148</v>
      </c>
    </row>
    <row r="20" spans="1:4" ht="18" customHeight="1" x14ac:dyDescent="0.15">
      <c r="A20" s="8">
        <v>13</v>
      </c>
      <c r="B20" s="21">
        <v>70</v>
      </c>
      <c r="C20" s="6">
        <v>73</v>
      </c>
      <c r="D20" s="5">
        <v>143</v>
      </c>
    </row>
    <row r="21" spans="1:4" ht="18" customHeight="1" x14ac:dyDescent="0.15">
      <c r="A21" s="8">
        <v>14</v>
      </c>
      <c r="B21" s="21">
        <v>69</v>
      </c>
      <c r="C21" s="6">
        <v>82</v>
      </c>
      <c r="D21" s="5">
        <v>151</v>
      </c>
    </row>
    <row r="22" spans="1:4" ht="18" customHeight="1" x14ac:dyDescent="0.15">
      <c r="A22" s="8" t="s">
        <v>23</v>
      </c>
      <c r="B22" s="21">
        <v>375</v>
      </c>
      <c r="C22" s="6">
        <v>356</v>
      </c>
      <c r="D22" s="5">
        <v>731</v>
      </c>
    </row>
    <row r="23" spans="1:4" ht="18" customHeight="1" x14ac:dyDescent="0.15">
      <c r="A23" s="8" t="s">
        <v>22</v>
      </c>
      <c r="B23" s="21">
        <v>1045</v>
      </c>
      <c r="C23" s="6">
        <v>967</v>
      </c>
      <c r="D23" s="5">
        <v>2012</v>
      </c>
    </row>
    <row r="24" spans="1:4" ht="18" customHeight="1" x14ac:dyDescent="0.15">
      <c r="A24" s="8">
        <v>15</v>
      </c>
      <c r="B24" s="21">
        <v>78</v>
      </c>
      <c r="C24" s="6">
        <v>68</v>
      </c>
      <c r="D24" s="5">
        <v>146</v>
      </c>
    </row>
    <row r="25" spans="1:4" ht="18" customHeight="1" x14ac:dyDescent="0.15">
      <c r="A25" s="8">
        <v>16</v>
      </c>
      <c r="B25" s="21">
        <v>66</v>
      </c>
      <c r="C25" s="6">
        <v>71</v>
      </c>
      <c r="D25" s="5">
        <v>137</v>
      </c>
    </row>
    <row r="26" spans="1:4" ht="18" customHeight="1" x14ac:dyDescent="0.15">
      <c r="A26" s="8">
        <v>17</v>
      </c>
      <c r="B26" s="21">
        <v>73</v>
      </c>
      <c r="C26" s="6">
        <v>73</v>
      </c>
      <c r="D26" s="5">
        <v>146</v>
      </c>
    </row>
    <row r="27" spans="1:4" ht="18" customHeight="1" x14ac:dyDescent="0.15">
      <c r="A27" s="8">
        <v>18</v>
      </c>
      <c r="B27" s="21">
        <v>80</v>
      </c>
      <c r="C27" s="6">
        <v>78</v>
      </c>
      <c r="D27" s="5">
        <v>158</v>
      </c>
    </row>
    <row r="28" spans="1:4" ht="18" customHeight="1" x14ac:dyDescent="0.15">
      <c r="A28" s="8">
        <v>19</v>
      </c>
      <c r="B28" s="21">
        <v>74</v>
      </c>
      <c r="C28" s="6">
        <v>69</v>
      </c>
      <c r="D28" s="5">
        <v>143</v>
      </c>
    </row>
    <row r="29" spans="1:4" ht="18" customHeight="1" x14ac:dyDescent="0.15">
      <c r="A29" s="8" t="s">
        <v>21</v>
      </c>
      <c r="B29" s="21">
        <v>371</v>
      </c>
      <c r="C29" s="6">
        <v>359</v>
      </c>
      <c r="D29" s="5">
        <v>730</v>
      </c>
    </row>
    <row r="30" spans="1:4" ht="18" customHeight="1" x14ac:dyDescent="0.15">
      <c r="A30" s="8">
        <v>20</v>
      </c>
      <c r="B30" s="21">
        <v>64</v>
      </c>
      <c r="C30" s="6">
        <v>59</v>
      </c>
      <c r="D30" s="5">
        <v>123</v>
      </c>
    </row>
    <row r="31" spans="1:4" ht="18" customHeight="1" x14ac:dyDescent="0.15">
      <c r="A31" s="8">
        <v>21</v>
      </c>
      <c r="B31" s="21">
        <v>79</v>
      </c>
      <c r="C31" s="6">
        <v>62</v>
      </c>
      <c r="D31" s="5">
        <v>141</v>
      </c>
    </row>
    <row r="32" spans="1:4" ht="18" customHeight="1" x14ac:dyDescent="0.15">
      <c r="A32" s="8">
        <v>22</v>
      </c>
      <c r="B32" s="21">
        <v>56</v>
      </c>
      <c r="C32" s="6">
        <v>70</v>
      </c>
      <c r="D32" s="5">
        <v>126</v>
      </c>
    </row>
    <row r="33" spans="1:4" ht="18" customHeight="1" x14ac:dyDescent="0.15">
      <c r="A33" s="8">
        <v>23</v>
      </c>
      <c r="B33" s="21">
        <v>71</v>
      </c>
      <c r="C33" s="6">
        <v>69</v>
      </c>
      <c r="D33" s="5">
        <v>140</v>
      </c>
    </row>
    <row r="34" spans="1:4" ht="18" customHeight="1" x14ac:dyDescent="0.15">
      <c r="A34" s="8">
        <v>24</v>
      </c>
      <c r="B34" s="21">
        <v>61</v>
      </c>
      <c r="C34" s="6">
        <v>61</v>
      </c>
      <c r="D34" s="5">
        <v>122</v>
      </c>
    </row>
    <row r="35" spans="1:4" ht="18" customHeight="1" x14ac:dyDescent="0.15">
      <c r="A35" s="8" t="s">
        <v>20</v>
      </c>
      <c r="B35" s="21">
        <v>331</v>
      </c>
      <c r="C35" s="6">
        <v>321</v>
      </c>
      <c r="D35" s="5">
        <v>652</v>
      </c>
    </row>
    <row r="36" spans="1:4" ht="18" customHeight="1" x14ac:dyDescent="0.15">
      <c r="A36" s="8">
        <v>25</v>
      </c>
      <c r="B36" s="21">
        <v>77</v>
      </c>
      <c r="C36" s="6">
        <v>84</v>
      </c>
      <c r="D36" s="5">
        <v>161</v>
      </c>
    </row>
    <row r="37" spans="1:4" ht="18" customHeight="1" x14ac:dyDescent="0.15">
      <c r="A37" s="8">
        <v>26</v>
      </c>
      <c r="B37" s="21">
        <v>82</v>
      </c>
      <c r="C37" s="6">
        <v>75</v>
      </c>
      <c r="D37" s="5">
        <v>157</v>
      </c>
    </row>
    <row r="38" spans="1:4" ht="18" customHeight="1" x14ac:dyDescent="0.15">
      <c r="A38" s="8">
        <v>27</v>
      </c>
      <c r="B38" s="21">
        <v>71</v>
      </c>
      <c r="C38" s="6">
        <v>70</v>
      </c>
      <c r="D38" s="5">
        <v>141</v>
      </c>
    </row>
    <row r="39" spans="1:4" ht="18" customHeight="1" x14ac:dyDescent="0.15">
      <c r="A39" s="8">
        <v>28</v>
      </c>
      <c r="B39" s="21">
        <v>88</v>
      </c>
      <c r="C39" s="6">
        <v>80</v>
      </c>
      <c r="D39" s="5">
        <v>168</v>
      </c>
    </row>
    <row r="40" spans="1:4" ht="18" customHeight="1" x14ac:dyDescent="0.15">
      <c r="A40" s="8">
        <v>29</v>
      </c>
      <c r="B40" s="21">
        <v>88</v>
      </c>
      <c r="C40" s="6">
        <v>92</v>
      </c>
      <c r="D40" s="5">
        <v>180</v>
      </c>
    </row>
    <row r="41" spans="1:4" ht="18" customHeight="1" x14ac:dyDescent="0.15">
      <c r="A41" s="8" t="s">
        <v>19</v>
      </c>
      <c r="B41" s="21">
        <v>406</v>
      </c>
      <c r="C41" s="6">
        <v>401</v>
      </c>
      <c r="D41" s="5">
        <v>807</v>
      </c>
    </row>
    <row r="42" spans="1:4" ht="18" customHeight="1" x14ac:dyDescent="0.15">
      <c r="A42" s="8">
        <v>30</v>
      </c>
      <c r="B42" s="21">
        <v>99</v>
      </c>
      <c r="C42" s="6">
        <v>74</v>
      </c>
      <c r="D42" s="5">
        <v>173</v>
      </c>
    </row>
    <row r="43" spans="1:4" ht="18" customHeight="1" x14ac:dyDescent="0.15">
      <c r="A43" s="8">
        <v>31</v>
      </c>
      <c r="B43" s="21">
        <v>85</v>
      </c>
      <c r="C43" s="6">
        <v>85</v>
      </c>
      <c r="D43" s="5">
        <v>170</v>
      </c>
    </row>
    <row r="44" spans="1:4" ht="18" customHeight="1" x14ac:dyDescent="0.15">
      <c r="A44" s="8">
        <v>32</v>
      </c>
      <c r="B44" s="21">
        <v>72</v>
      </c>
      <c r="C44" s="6">
        <v>86</v>
      </c>
      <c r="D44" s="5">
        <v>158</v>
      </c>
    </row>
    <row r="45" spans="1:4" ht="18" customHeight="1" x14ac:dyDescent="0.15">
      <c r="A45" s="8">
        <v>33</v>
      </c>
      <c r="B45" s="21">
        <v>74</v>
      </c>
      <c r="C45" s="6">
        <v>80</v>
      </c>
      <c r="D45" s="5">
        <v>154</v>
      </c>
    </row>
    <row r="46" spans="1:4" ht="18" customHeight="1" x14ac:dyDescent="0.15">
      <c r="A46" s="8">
        <v>34</v>
      </c>
      <c r="B46" s="21">
        <v>82</v>
      </c>
      <c r="C46" s="6">
        <v>93</v>
      </c>
      <c r="D46" s="5">
        <v>175</v>
      </c>
    </row>
    <row r="47" spans="1:4" ht="18" customHeight="1" x14ac:dyDescent="0.15">
      <c r="A47" s="8" t="s">
        <v>18</v>
      </c>
      <c r="B47" s="21">
        <v>412</v>
      </c>
      <c r="C47" s="6">
        <v>418</v>
      </c>
      <c r="D47" s="5">
        <v>830</v>
      </c>
    </row>
    <row r="48" spans="1:4" ht="18" customHeight="1" x14ac:dyDescent="0.15">
      <c r="A48" s="8">
        <v>35</v>
      </c>
      <c r="B48" s="21">
        <v>109</v>
      </c>
      <c r="C48" s="6">
        <v>90</v>
      </c>
      <c r="D48" s="5">
        <v>199</v>
      </c>
    </row>
    <row r="49" spans="1:4" ht="18" customHeight="1" x14ac:dyDescent="0.15">
      <c r="A49" s="8">
        <v>36</v>
      </c>
      <c r="B49" s="21">
        <v>72</v>
      </c>
      <c r="C49" s="6">
        <v>79</v>
      </c>
      <c r="D49" s="5">
        <v>151</v>
      </c>
    </row>
    <row r="50" spans="1:4" ht="18" customHeight="1" x14ac:dyDescent="0.15">
      <c r="A50" s="8">
        <v>37</v>
      </c>
      <c r="B50" s="21">
        <v>81</v>
      </c>
      <c r="C50" s="6">
        <v>78</v>
      </c>
      <c r="D50" s="5">
        <v>159</v>
      </c>
    </row>
    <row r="51" spans="1:4" ht="18" customHeight="1" x14ac:dyDescent="0.15">
      <c r="A51" s="8">
        <v>38</v>
      </c>
      <c r="B51" s="21">
        <v>79</v>
      </c>
      <c r="C51" s="6">
        <v>89</v>
      </c>
      <c r="D51" s="5">
        <v>168</v>
      </c>
    </row>
    <row r="52" spans="1:4" ht="18" customHeight="1" x14ac:dyDescent="0.15">
      <c r="A52" s="8">
        <v>39</v>
      </c>
      <c r="B52" s="21">
        <v>88</v>
      </c>
      <c r="C52" s="6">
        <v>79</v>
      </c>
      <c r="D52" s="5">
        <v>167</v>
      </c>
    </row>
    <row r="53" spans="1:4" ht="18" customHeight="1" x14ac:dyDescent="0.15">
      <c r="A53" s="8" t="s">
        <v>17</v>
      </c>
      <c r="B53" s="21">
        <v>429</v>
      </c>
      <c r="C53" s="6">
        <v>415</v>
      </c>
      <c r="D53" s="5">
        <v>844</v>
      </c>
    </row>
    <row r="54" spans="1:4" ht="18" customHeight="1" x14ac:dyDescent="0.15">
      <c r="A54" s="8">
        <v>40</v>
      </c>
      <c r="B54" s="21">
        <v>89</v>
      </c>
      <c r="C54" s="6">
        <v>101</v>
      </c>
      <c r="D54" s="5">
        <v>190</v>
      </c>
    </row>
    <row r="55" spans="1:4" ht="18" customHeight="1" x14ac:dyDescent="0.15">
      <c r="A55" s="8">
        <v>41</v>
      </c>
      <c r="B55" s="21">
        <v>94</v>
      </c>
      <c r="C55" s="6">
        <v>92</v>
      </c>
      <c r="D55" s="5">
        <v>186</v>
      </c>
    </row>
    <row r="56" spans="1:4" ht="18" customHeight="1" x14ac:dyDescent="0.15">
      <c r="A56" s="8">
        <v>42</v>
      </c>
      <c r="B56" s="21">
        <v>107</v>
      </c>
      <c r="C56" s="6">
        <v>98</v>
      </c>
      <c r="D56" s="5">
        <v>205</v>
      </c>
    </row>
    <row r="57" spans="1:4" ht="18" customHeight="1" x14ac:dyDescent="0.15">
      <c r="A57" s="8">
        <v>43</v>
      </c>
      <c r="B57" s="21">
        <v>99</v>
      </c>
      <c r="C57" s="6">
        <v>107</v>
      </c>
      <c r="D57" s="5">
        <v>206</v>
      </c>
    </row>
    <row r="58" spans="1:4" ht="18" customHeight="1" x14ac:dyDescent="0.15">
      <c r="A58" s="8">
        <v>44</v>
      </c>
      <c r="B58" s="21">
        <v>113</v>
      </c>
      <c r="C58" s="6">
        <v>107</v>
      </c>
      <c r="D58" s="5">
        <v>220</v>
      </c>
    </row>
    <row r="59" spans="1:4" ht="18" customHeight="1" x14ac:dyDescent="0.15">
      <c r="A59" s="8" t="s">
        <v>16</v>
      </c>
      <c r="B59" s="21">
        <v>502</v>
      </c>
      <c r="C59" s="6">
        <v>505</v>
      </c>
      <c r="D59" s="5">
        <v>1007</v>
      </c>
    </row>
    <row r="60" spans="1:4" ht="18" customHeight="1" x14ac:dyDescent="0.15">
      <c r="A60" s="8">
        <v>45</v>
      </c>
      <c r="B60" s="21">
        <v>95</v>
      </c>
      <c r="C60" s="6">
        <v>116</v>
      </c>
      <c r="D60" s="5">
        <v>211</v>
      </c>
    </row>
    <row r="61" spans="1:4" ht="18" customHeight="1" x14ac:dyDescent="0.15">
      <c r="A61" s="8">
        <v>46</v>
      </c>
      <c r="B61" s="21">
        <v>107</v>
      </c>
      <c r="C61" s="6">
        <v>112</v>
      </c>
      <c r="D61" s="5">
        <v>219</v>
      </c>
    </row>
    <row r="62" spans="1:4" ht="18" customHeight="1" x14ac:dyDescent="0.15">
      <c r="A62" s="8">
        <v>47</v>
      </c>
      <c r="B62" s="21">
        <v>128</v>
      </c>
      <c r="C62" s="6">
        <v>116</v>
      </c>
      <c r="D62" s="5">
        <v>244</v>
      </c>
    </row>
    <row r="63" spans="1:4" ht="18" customHeight="1" x14ac:dyDescent="0.15">
      <c r="A63" s="8">
        <v>48</v>
      </c>
      <c r="B63" s="21">
        <v>127</v>
      </c>
      <c r="C63" s="6">
        <v>124</v>
      </c>
      <c r="D63" s="5">
        <v>251</v>
      </c>
    </row>
    <row r="64" spans="1:4" ht="18" customHeight="1" x14ac:dyDescent="0.15">
      <c r="A64" s="8">
        <v>49</v>
      </c>
      <c r="B64" s="21">
        <v>125</v>
      </c>
      <c r="C64" s="6">
        <v>111</v>
      </c>
      <c r="D64" s="5">
        <v>236</v>
      </c>
    </row>
    <row r="65" spans="1:4" ht="18" customHeight="1" x14ac:dyDescent="0.15">
      <c r="A65" s="8" t="s">
        <v>15</v>
      </c>
      <c r="B65" s="21">
        <v>582</v>
      </c>
      <c r="C65" s="6">
        <v>579</v>
      </c>
      <c r="D65" s="5">
        <v>1161</v>
      </c>
    </row>
    <row r="66" spans="1:4" ht="18" customHeight="1" x14ac:dyDescent="0.15">
      <c r="A66" s="8">
        <v>50</v>
      </c>
      <c r="B66" s="21">
        <v>167</v>
      </c>
      <c r="C66" s="6">
        <v>151</v>
      </c>
      <c r="D66" s="5">
        <v>318</v>
      </c>
    </row>
    <row r="67" spans="1:4" ht="18" customHeight="1" x14ac:dyDescent="0.15">
      <c r="A67" s="8">
        <v>51</v>
      </c>
      <c r="B67" s="21">
        <v>132</v>
      </c>
      <c r="C67" s="6">
        <v>133</v>
      </c>
      <c r="D67" s="5">
        <v>265</v>
      </c>
    </row>
    <row r="68" spans="1:4" ht="18" customHeight="1" x14ac:dyDescent="0.15">
      <c r="A68" s="8">
        <v>52</v>
      </c>
      <c r="B68" s="21">
        <v>136</v>
      </c>
      <c r="C68" s="6">
        <v>110</v>
      </c>
      <c r="D68" s="5">
        <v>246</v>
      </c>
    </row>
    <row r="69" spans="1:4" ht="18" customHeight="1" x14ac:dyDescent="0.15">
      <c r="A69" s="8">
        <v>53</v>
      </c>
      <c r="B69" s="21">
        <v>118</v>
      </c>
      <c r="C69" s="6">
        <v>136</v>
      </c>
      <c r="D69" s="5">
        <v>254</v>
      </c>
    </row>
    <row r="70" spans="1:4" ht="18" customHeight="1" x14ac:dyDescent="0.15">
      <c r="A70" s="8">
        <v>54</v>
      </c>
      <c r="B70" s="21">
        <v>122</v>
      </c>
      <c r="C70" s="6">
        <v>125</v>
      </c>
      <c r="D70" s="5">
        <v>247</v>
      </c>
    </row>
    <row r="71" spans="1:4" ht="18" customHeight="1" x14ac:dyDescent="0.15">
      <c r="A71" s="8" t="s">
        <v>14</v>
      </c>
      <c r="B71" s="21">
        <v>675</v>
      </c>
      <c r="C71" s="6">
        <v>655</v>
      </c>
      <c r="D71" s="5">
        <v>1330</v>
      </c>
    </row>
    <row r="72" spans="1:4" ht="18" customHeight="1" x14ac:dyDescent="0.15">
      <c r="A72" s="8">
        <v>55</v>
      </c>
      <c r="B72" s="21">
        <v>119</v>
      </c>
      <c r="C72" s="6">
        <v>123</v>
      </c>
      <c r="D72" s="5">
        <v>242</v>
      </c>
    </row>
    <row r="73" spans="1:4" ht="18" customHeight="1" x14ac:dyDescent="0.15">
      <c r="A73" s="8">
        <v>56</v>
      </c>
      <c r="B73" s="21">
        <v>101</v>
      </c>
      <c r="C73" s="6">
        <v>85</v>
      </c>
      <c r="D73" s="5">
        <v>186</v>
      </c>
    </row>
    <row r="74" spans="1:4" ht="18" customHeight="1" x14ac:dyDescent="0.15">
      <c r="A74" s="8">
        <v>57</v>
      </c>
      <c r="B74" s="21">
        <v>103</v>
      </c>
      <c r="C74" s="6">
        <v>105</v>
      </c>
      <c r="D74" s="5">
        <v>208</v>
      </c>
    </row>
    <row r="75" spans="1:4" ht="18" customHeight="1" x14ac:dyDescent="0.15">
      <c r="A75" s="8">
        <v>58</v>
      </c>
      <c r="B75" s="21">
        <v>114</v>
      </c>
      <c r="C75" s="6">
        <v>107</v>
      </c>
      <c r="D75" s="5">
        <v>221</v>
      </c>
    </row>
    <row r="76" spans="1:4" ht="18" customHeight="1" x14ac:dyDescent="0.15">
      <c r="A76" s="8">
        <v>59</v>
      </c>
      <c r="B76" s="21">
        <v>88</v>
      </c>
      <c r="C76" s="6">
        <v>98</v>
      </c>
      <c r="D76" s="5">
        <v>186</v>
      </c>
    </row>
    <row r="77" spans="1:4" ht="18" customHeight="1" x14ac:dyDescent="0.15">
      <c r="A77" s="8" t="s">
        <v>13</v>
      </c>
      <c r="B77" s="21">
        <v>525</v>
      </c>
      <c r="C77" s="6">
        <v>518</v>
      </c>
      <c r="D77" s="5">
        <v>1043</v>
      </c>
    </row>
    <row r="78" spans="1:4" ht="18" customHeight="1" x14ac:dyDescent="0.15">
      <c r="A78" s="8">
        <v>60</v>
      </c>
      <c r="B78" s="21">
        <v>85</v>
      </c>
      <c r="C78" s="6">
        <v>98</v>
      </c>
      <c r="D78" s="5">
        <v>183</v>
      </c>
    </row>
    <row r="79" spans="1:4" ht="18" customHeight="1" x14ac:dyDescent="0.15">
      <c r="A79" s="8">
        <v>61</v>
      </c>
      <c r="B79" s="21">
        <v>92</v>
      </c>
      <c r="C79" s="6">
        <v>102</v>
      </c>
      <c r="D79" s="5">
        <v>194</v>
      </c>
    </row>
    <row r="80" spans="1:4" ht="18" customHeight="1" x14ac:dyDescent="0.15">
      <c r="A80" s="8">
        <v>62</v>
      </c>
      <c r="B80" s="21">
        <v>79</v>
      </c>
      <c r="C80" s="6">
        <v>85</v>
      </c>
      <c r="D80" s="5">
        <v>164</v>
      </c>
    </row>
    <row r="81" spans="1:4" ht="18" customHeight="1" x14ac:dyDescent="0.15">
      <c r="A81" s="8">
        <v>63</v>
      </c>
      <c r="B81" s="21">
        <v>85</v>
      </c>
      <c r="C81" s="6">
        <v>81</v>
      </c>
      <c r="D81" s="5">
        <v>166</v>
      </c>
    </row>
    <row r="82" spans="1:4" ht="18" customHeight="1" x14ac:dyDescent="0.15">
      <c r="A82" s="8">
        <v>64</v>
      </c>
      <c r="B82" s="21">
        <v>76</v>
      </c>
      <c r="C82" s="6">
        <v>84</v>
      </c>
      <c r="D82" s="5">
        <v>160</v>
      </c>
    </row>
    <row r="83" spans="1:4" ht="18" customHeight="1" x14ac:dyDescent="0.15">
      <c r="A83" s="8" t="s">
        <v>12</v>
      </c>
      <c r="B83" s="21">
        <v>417</v>
      </c>
      <c r="C83" s="6">
        <v>450</v>
      </c>
      <c r="D83" s="5">
        <v>867</v>
      </c>
    </row>
    <row r="84" spans="1:4" ht="18" customHeight="1" x14ac:dyDescent="0.15">
      <c r="A84" s="8" t="s">
        <v>11</v>
      </c>
      <c r="B84" s="21">
        <v>4650</v>
      </c>
      <c r="C84" s="6">
        <v>4621</v>
      </c>
      <c r="D84" s="5">
        <v>9271</v>
      </c>
    </row>
    <row r="85" spans="1:4" ht="18" customHeight="1" x14ac:dyDescent="0.15">
      <c r="A85" s="8">
        <v>65</v>
      </c>
      <c r="B85" s="21">
        <v>69</v>
      </c>
      <c r="C85" s="6">
        <v>90</v>
      </c>
      <c r="D85" s="5">
        <v>159</v>
      </c>
    </row>
    <row r="86" spans="1:4" ht="18" customHeight="1" x14ac:dyDescent="0.15">
      <c r="A86" s="8">
        <v>66</v>
      </c>
      <c r="B86" s="21">
        <v>77</v>
      </c>
      <c r="C86" s="6">
        <v>96</v>
      </c>
      <c r="D86" s="5">
        <v>173</v>
      </c>
    </row>
    <row r="87" spans="1:4" ht="18" customHeight="1" x14ac:dyDescent="0.15">
      <c r="A87" s="8">
        <v>67</v>
      </c>
      <c r="B87" s="21">
        <v>63</v>
      </c>
      <c r="C87" s="6">
        <v>65</v>
      </c>
      <c r="D87" s="5">
        <v>128</v>
      </c>
    </row>
    <row r="88" spans="1:4" ht="18" customHeight="1" x14ac:dyDescent="0.15">
      <c r="A88" s="8">
        <v>68</v>
      </c>
      <c r="B88" s="21">
        <v>68</v>
      </c>
      <c r="C88" s="6">
        <v>70</v>
      </c>
      <c r="D88" s="5">
        <v>138</v>
      </c>
    </row>
    <row r="89" spans="1:4" ht="18" customHeight="1" x14ac:dyDescent="0.15">
      <c r="A89" s="8">
        <v>69</v>
      </c>
      <c r="B89" s="21">
        <v>79</v>
      </c>
      <c r="C89" s="6">
        <v>66</v>
      </c>
      <c r="D89" s="5">
        <v>145</v>
      </c>
    </row>
    <row r="90" spans="1:4" ht="18" customHeight="1" x14ac:dyDescent="0.15">
      <c r="A90" s="8" t="s">
        <v>10</v>
      </c>
      <c r="B90" s="21">
        <v>356</v>
      </c>
      <c r="C90" s="6">
        <v>387</v>
      </c>
      <c r="D90" s="5">
        <v>743</v>
      </c>
    </row>
    <row r="91" spans="1:4" ht="18" customHeight="1" x14ac:dyDescent="0.15">
      <c r="A91" s="8">
        <v>70</v>
      </c>
      <c r="B91" s="21">
        <v>74</v>
      </c>
      <c r="C91" s="6">
        <v>79</v>
      </c>
      <c r="D91" s="5">
        <v>153</v>
      </c>
    </row>
    <row r="92" spans="1:4" ht="18" customHeight="1" x14ac:dyDescent="0.15">
      <c r="A92" s="8">
        <v>71</v>
      </c>
      <c r="B92" s="21">
        <v>79</v>
      </c>
      <c r="C92" s="6">
        <v>83</v>
      </c>
      <c r="D92" s="5">
        <v>162</v>
      </c>
    </row>
    <row r="93" spans="1:4" ht="18" customHeight="1" x14ac:dyDescent="0.15">
      <c r="A93" s="8">
        <v>72</v>
      </c>
      <c r="B93" s="21">
        <v>80</v>
      </c>
      <c r="C93" s="6">
        <v>88</v>
      </c>
      <c r="D93" s="5">
        <v>168</v>
      </c>
    </row>
    <row r="94" spans="1:4" ht="18" customHeight="1" x14ac:dyDescent="0.15">
      <c r="A94" s="8">
        <v>73</v>
      </c>
      <c r="B94" s="21">
        <v>85</v>
      </c>
      <c r="C94" s="6">
        <v>79</v>
      </c>
      <c r="D94" s="5">
        <v>164</v>
      </c>
    </row>
    <row r="95" spans="1:4" ht="18" customHeight="1" x14ac:dyDescent="0.15">
      <c r="A95" s="8">
        <v>74</v>
      </c>
      <c r="B95" s="21">
        <v>59</v>
      </c>
      <c r="C95" s="6">
        <v>102</v>
      </c>
      <c r="D95" s="5">
        <v>161</v>
      </c>
    </row>
    <row r="96" spans="1:4" ht="18" customHeight="1" x14ac:dyDescent="0.15">
      <c r="A96" s="8" t="s">
        <v>9</v>
      </c>
      <c r="B96" s="21">
        <v>377</v>
      </c>
      <c r="C96" s="6">
        <v>431</v>
      </c>
      <c r="D96" s="5">
        <v>808</v>
      </c>
    </row>
    <row r="97" spans="1:4" ht="18" customHeight="1" x14ac:dyDescent="0.15">
      <c r="A97" s="8">
        <v>75</v>
      </c>
      <c r="B97" s="21">
        <v>80</v>
      </c>
      <c r="C97" s="6">
        <v>101</v>
      </c>
      <c r="D97" s="5">
        <v>181</v>
      </c>
    </row>
    <row r="98" spans="1:4" ht="18" customHeight="1" x14ac:dyDescent="0.15">
      <c r="A98" s="8">
        <v>76</v>
      </c>
      <c r="B98" s="21">
        <v>81</v>
      </c>
      <c r="C98" s="6">
        <v>127</v>
      </c>
      <c r="D98" s="5">
        <v>208</v>
      </c>
    </row>
    <row r="99" spans="1:4" ht="18" customHeight="1" x14ac:dyDescent="0.15">
      <c r="A99" s="8">
        <v>77</v>
      </c>
      <c r="B99" s="21">
        <v>95</v>
      </c>
      <c r="C99" s="6">
        <v>97</v>
      </c>
      <c r="D99" s="5">
        <v>192</v>
      </c>
    </row>
    <row r="100" spans="1:4" ht="18" customHeight="1" x14ac:dyDescent="0.15">
      <c r="A100" s="8">
        <v>78</v>
      </c>
      <c r="B100" s="21">
        <v>94</v>
      </c>
      <c r="C100" s="6">
        <v>118</v>
      </c>
      <c r="D100" s="5">
        <v>212</v>
      </c>
    </row>
    <row r="101" spans="1:4" ht="18" customHeight="1" x14ac:dyDescent="0.15">
      <c r="A101" s="8">
        <v>79</v>
      </c>
      <c r="B101" s="21">
        <v>65</v>
      </c>
      <c r="C101" s="6">
        <v>60</v>
      </c>
      <c r="D101" s="5">
        <v>125</v>
      </c>
    </row>
    <row r="102" spans="1:4" ht="18" customHeight="1" x14ac:dyDescent="0.15">
      <c r="A102" s="8" t="s">
        <v>8</v>
      </c>
      <c r="B102" s="21">
        <v>415</v>
      </c>
      <c r="C102" s="6">
        <v>503</v>
      </c>
      <c r="D102" s="5">
        <v>918</v>
      </c>
    </row>
    <row r="103" spans="1:4" ht="18" customHeight="1" x14ac:dyDescent="0.15">
      <c r="A103" s="8">
        <v>80</v>
      </c>
      <c r="B103" s="21">
        <v>45</v>
      </c>
      <c r="C103" s="6">
        <v>76</v>
      </c>
      <c r="D103" s="5">
        <v>121</v>
      </c>
    </row>
    <row r="104" spans="1:4" ht="18" customHeight="1" x14ac:dyDescent="0.15">
      <c r="A104" s="8">
        <v>81</v>
      </c>
      <c r="B104" s="21">
        <v>62</v>
      </c>
      <c r="C104" s="6">
        <v>98</v>
      </c>
      <c r="D104" s="5">
        <v>160</v>
      </c>
    </row>
    <row r="105" spans="1:4" ht="18" customHeight="1" x14ac:dyDescent="0.15">
      <c r="A105" s="8">
        <v>82</v>
      </c>
      <c r="B105" s="21">
        <v>57</v>
      </c>
      <c r="C105" s="6">
        <v>75</v>
      </c>
      <c r="D105" s="5">
        <v>132</v>
      </c>
    </row>
    <row r="106" spans="1:4" ht="18" customHeight="1" x14ac:dyDescent="0.15">
      <c r="A106" s="8">
        <v>83</v>
      </c>
      <c r="B106" s="21">
        <v>50</v>
      </c>
      <c r="C106" s="6">
        <v>85</v>
      </c>
      <c r="D106" s="5">
        <v>135</v>
      </c>
    </row>
    <row r="107" spans="1:4" ht="18" customHeight="1" x14ac:dyDescent="0.15">
      <c r="A107" s="8">
        <v>84</v>
      </c>
      <c r="B107" s="21">
        <v>48</v>
      </c>
      <c r="C107" s="6">
        <v>83</v>
      </c>
      <c r="D107" s="5">
        <v>131</v>
      </c>
    </row>
    <row r="108" spans="1:4" ht="18" customHeight="1" x14ac:dyDescent="0.15">
      <c r="A108" s="8" t="s">
        <v>7</v>
      </c>
      <c r="B108" s="21">
        <v>262</v>
      </c>
      <c r="C108" s="6">
        <v>417</v>
      </c>
      <c r="D108" s="5">
        <v>679</v>
      </c>
    </row>
    <row r="109" spans="1:4" ht="18" customHeight="1" x14ac:dyDescent="0.15">
      <c r="A109" s="8">
        <v>85</v>
      </c>
      <c r="B109" s="21">
        <v>50</v>
      </c>
      <c r="C109" s="6">
        <v>54</v>
      </c>
      <c r="D109" s="5">
        <v>104</v>
      </c>
    </row>
    <row r="110" spans="1:4" ht="18" customHeight="1" x14ac:dyDescent="0.15">
      <c r="A110" s="8">
        <v>86</v>
      </c>
      <c r="B110" s="21">
        <v>39</v>
      </c>
      <c r="C110" s="6">
        <v>52</v>
      </c>
      <c r="D110" s="5">
        <v>91</v>
      </c>
    </row>
    <row r="111" spans="1:4" ht="18" customHeight="1" x14ac:dyDescent="0.15">
      <c r="A111" s="8">
        <v>87</v>
      </c>
      <c r="B111" s="21">
        <v>24</v>
      </c>
      <c r="C111" s="6">
        <v>39</v>
      </c>
      <c r="D111" s="5">
        <v>63</v>
      </c>
    </row>
    <row r="112" spans="1:4" ht="18" customHeight="1" x14ac:dyDescent="0.15">
      <c r="A112" s="8">
        <v>88</v>
      </c>
      <c r="B112" s="21">
        <v>30</v>
      </c>
      <c r="C112" s="6">
        <v>52</v>
      </c>
      <c r="D112" s="5">
        <v>82</v>
      </c>
    </row>
    <row r="113" spans="1:4" ht="18" customHeight="1" x14ac:dyDescent="0.15">
      <c r="A113" s="8">
        <v>89</v>
      </c>
      <c r="B113" s="21">
        <v>27</v>
      </c>
      <c r="C113" s="6">
        <v>46</v>
      </c>
      <c r="D113" s="5">
        <v>73</v>
      </c>
    </row>
    <row r="114" spans="1:4" ht="18" customHeight="1" x14ac:dyDescent="0.15">
      <c r="A114" s="8" t="s">
        <v>6</v>
      </c>
      <c r="B114" s="21">
        <v>170</v>
      </c>
      <c r="C114" s="6">
        <v>243</v>
      </c>
      <c r="D114" s="5">
        <v>413</v>
      </c>
    </row>
    <row r="115" spans="1:4" ht="18" customHeight="1" x14ac:dyDescent="0.15">
      <c r="A115" s="8">
        <v>90</v>
      </c>
      <c r="B115" s="21">
        <v>24</v>
      </c>
      <c r="C115" s="6">
        <v>44</v>
      </c>
      <c r="D115" s="5">
        <v>68</v>
      </c>
    </row>
    <row r="116" spans="1:4" ht="18" customHeight="1" x14ac:dyDescent="0.15">
      <c r="A116" s="8">
        <v>91</v>
      </c>
      <c r="B116" s="21">
        <v>14</v>
      </c>
      <c r="C116" s="6">
        <v>40</v>
      </c>
      <c r="D116" s="5">
        <v>54</v>
      </c>
    </row>
    <row r="117" spans="1:4" ht="18" customHeight="1" x14ac:dyDescent="0.15">
      <c r="A117" s="8">
        <v>92</v>
      </c>
      <c r="B117" s="21">
        <v>13</v>
      </c>
      <c r="C117" s="6">
        <v>38</v>
      </c>
      <c r="D117" s="5">
        <v>51</v>
      </c>
    </row>
    <row r="118" spans="1:4" ht="18" customHeight="1" x14ac:dyDescent="0.15">
      <c r="A118" s="8">
        <v>93</v>
      </c>
      <c r="B118" s="21">
        <v>5</v>
      </c>
      <c r="C118" s="6">
        <v>33</v>
      </c>
      <c r="D118" s="5">
        <v>38</v>
      </c>
    </row>
    <row r="119" spans="1:4" ht="18" customHeight="1" x14ac:dyDescent="0.15">
      <c r="A119" s="8">
        <v>94</v>
      </c>
      <c r="B119" s="21">
        <v>5</v>
      </c>
      <c r="C119" s="6">
        <v>27</v>
      </c>
      <c r="D119" s="5">
        <v>32</v>
      </c>
    </row>
    <row r="120" spans="1:4" ht="18" customHeight="1" x14ac:dyDescent="0.15">
      <c r="A120" s="8" t="s">
        <v>5</v>
      </c>
      <c r="B120" s="21">
        <v>61</v>
      </c>
      <c r="C120" s="6">
        <v>182</v>
      </c>
      <c r="D120" s="5">
        <v>243</v>
      </c>
    </row>
    <row r="121" spans="1:4" ht="18" customHeight="1" x14ac:dyDescent="0.15">
      <c r="A121" s="8">
        <v>95</v>
      </c>
      <c r="B121" s="21">
        <v>7</v>
      </c>
      <c r="C121" s="6">
        <v>15</v>
      </c>
      <c r="D121" s="5">
        <v>22</v>
      </c>
    </row>
    <row r="122" spans="1:4" ht="18" customHeight="1" x14ac:dyDescent="0.15">
      <c r="A122" s="8">
        <v>96</v>
      </c>
      <c r="B122" s="21">
        <v>2</v>
      </c>
      <c r="C122" s="6">
        <v>11</v>
      </c>
      <c r="D122" s="5">
        <v>13</v>
      </c>
    </row>
    <row r="123" spans="1:4" ht="18" customHeight="1" x14ac:dyDescent="0.15">
      <c r="A123" s="8">
        <v>97</v>
      </c>
      <c r="B123" s="21">
        <v>2</v>
      </c>
      <c r="C123" s="6">
        <v>7</v>
      </c>
      <c r="D123" s="5">
        <v>9</v>
      </c>
    </row>
    <row r="124" spans="1:4" ht="18" customHeight="1" x14ac:dyDescent="0.15">
      <c r="A124" s="8">
        <v>98</v>
      </c>
      <c r="B124" s="21">
        <v>2</v>
      </c>
      <c r="C124" s="6">
        <v>7</v>
      </c>
      <c r="D124" s="5">
        <v>9</v>
      </c>
    </row>
    <row r="125" spans="1:4" ht="18" customHeight="1" x14ac:dyDescent="0.15">
      <c r="A125" s="8">
        <v>99</v>
      </c>
      <c r="B125" s="21">
        <v>1</v>
      </c>
      <c r="C125" s="6">
        <v>4</v>
      </c>
      <c r="D125" s="5">
        <v>5</v>
      </c>
    </row>
    <row r="126" spans="1:4" ht="18" customHeight="1" x14ac:dyDescent="0.15">
      <c r="A126" s="8" t="s">
        <v>4</v>
      </c>
      <c r="B126" s="21">
        <v>14</v>
      </c>
      <c r="C126" s="6">
        <v>44</v>
      </c>
      <c r="D126" s="5">
        <v>58</v>
      </c>
    </row>
    <row r="127" spans="1:4" ht="18" customHeight="1" x14ac:dyDescent="0.15">
      <c r="A127" s="8">
        <v>100</v>
      </c>
      <c r="B127" s="21">
        <v>1</v>
      </c>
      <c r="C127" s="6">
        <v>5</v>
      </c>
      <c r="D127" s="5">
        <v>6</v>
      </c>
    </row>
    <row r="128" spans="1:4" ht="18" customHeight="1" x14ac:dyDescent="0.15">
      <c r="A128" s="9" t="s">
        <v>3</v>
      </c>
      <c r="B128" s="21">
        <v>0</v>
      </c>
      <c r="C128" s="6">
        <v>6</v>
      </c>
      <c r="D128" s="5">
        <v>6</v>
      </c>
    </row>
    <row r="129" spans="1:4" ht="18" customHeight="1" x14ac:dyDescent="0.15">
      <c r="A129" s="8" t="s">
        <v>2</v>
      </c>
      <c r="B129" s="21">
        <v>1</v>
      </c>
      <c r="C129" s="6">
        <v>11</v>
      </c>
      <c r="D129" s="5">
        <v>12</v>
      </c>
    </row>
    <row r="130" spans="1:4" ht="18" customHeight="1" x14ac:dyDescent="0.15">
      <c r="A130" s="8" t="s">
        <v>1</v>
      </c>
      <c r="B130" s="21">
        <v>1656</v>
      </c>
      <c r="C130" s="6">
        <v>2218</v>
      </c>
      <c r="D130" s="5">
        <v>3874</v>
      </c>
    </row>
    <row r="131" spans="1:4" ht="18" customHeight="1" x14ac:dyDescent="0.15">
      <c r="A131" s="4" t="s">
        <v>0</v>
      </c>
      <c r="B131" s="20">
        <v>7351</v>
      </c>
      <c r="C131" s="2">
        <v>7806</v>
      </c>
      <c r="D131" s="1">
        <v>1515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277A6B-F870-41E3-BFDE-7FC5F538EF84}">
  <sheetPr codeName="Sheet2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5</v>
      </c>
      <c r="C5" s="11">
        <v>16</v>
      </c>
      <c r="D5" s="10">
        <v>31</v>
      </c>
    </row>
    <row r="6" spans="1:4" ht="18" customHeight="1" x14ac:dyDescent="0.15">
      <c r="A6" s="8">
        <v>1</v>
      </c>
      <c r="B6" s="21">
        <v>25</v>
      </c>
      <c r="C6" s="6">
        <v>21</v>
      </c>
      <c r="D6" s="5">
        <v>46</v>
      </c>
    </row>
    <row r="7" spans="1:4" ht="18" customHeight="1" x14ac:dyDescent="0.15">
      <c r="A7" s="8">
        <v>2</v>
      </c>
      <c r="B7" s="21">
        <v>21</v>
      </c>
      <c r="C7" s="6">
        <v>19</v>
      </c>
      <c r="D7" s="5">
        <v>40</v>
      </c>
    </row>
    <row r="8" spans="1:4" ht="18" customHeight="1" x14ac:dyDescent="0.15">
      <c r="A8" s="8">
        <v>3</v>
      </c>
      <c r="B8" s="21">
        <v>23</v>
      </c>
      <c r="C8" s="6">
        <v>19</v>
      </c>
      <c r="D8" s="5">
        <v>42</v>
      </c>
    </row>
    <row r="9" spans="1:4" ht="18" customHeight="1" x14ac:dyDescent="0.15">
      <c r="A9" s="8">
        <v>4</v>
      </c>
      <c r="B9" s="21">
        <v>19</v>
      </c>
      <c r="C9" s="6">
        <v>20</v>
      </c>
      <c r="D9" s="5">
        <v>39</v>
      </c>
    </row>
    <row r="10" spans="1:4" ht="18" customHeight="1" x14ac:dyDescent="0.15">
      <c r="A10" s="8" t="s">
        <v>25</v>
      </c>
      <c r="B10" s="21">
        <v>103</v>
      </c>
      <c r="C10" s="6">
        <v>95</v>
      </c>
      <c r="D10" s="5">
        <v>198</v>
      </c>
    </row>
    <row r="11" spans="1:4" ht="18" customHeight="1" x14ac:dyDescent="0.15">
      <c r="A11" s="8">
        <v>5</v>
      </c>
      <c r="B11" s="21">
        <v>30</v>
      </c>
      <c r="C11" s="6">
        <v>18</v>
      </c>
      <c r="D11" s="5">
        <v>48</v>
      </c>
    </row>
    <row r="12" spans="1:4" ht="18" customHeight="1" x14ac:dyDescent="0.15">
      <c r="A12" s="8">
        <v>6</v>
      </c>
      <c r="B12" s="21">
        <v>28</v>
      </c>
      <c r="C12" s="6">
        <v>27</v>
      </c>
      <c r="D12" s="5">
        <v>55</v>
      </c>
    </row>
    <row r="13" spans="1:4" ht="18" customHeight="1" x14ac:dyDescent="0.15">
      <c r="A13" s="8">
        <v>7</v>
      </c>
      <c r="B13" s="21">
        <v>22</v>
      </c>
      <c r="C13" s="6">
        <v>29</v>
      </c>
      <c r="D13" s="5">
        <v>51</v>
      </c>
    </row>
    <row r="14" spans="1:4" ht="18" customHeight="1" x14ac:dyDescent="0.15">
      <c r="A14" s="8">
        <v>8</v>
      </c>
      <c r="B14" s="21">
        <v>27</v>
      </c>
      <c r="C14" s="6">
        <v>32</v>
      </c>
      <c r="D14" s="5">
        <v>59</v>
      </c>
    </row>
    <row r="15" spans="1:4" ht="18" customHeight="1" x14ac:dyDescent="0.15">
      <c r="A15" s="8">
        <v>9</v>
      </c>
      <c r="B15" s="21">
        <v>21</v>
      </c>
      <c r="C15" s="6">
        <v>32</v>
      </c>
      <c r="D15" s="5">
        <v>53</v>
      </c>
    </row>
    <row r="16" spans="1:4" ht="18" customHeight="1" x14ac:dyDescent="0.15">
      <c r="A16" s="8" t="s">
        <v>24</v>
      </c>
      <c r="B16" s="21">
        <v>128</v>
      </c>
      <c r="C16" s="6">
        <v>138</v>
      </c>
      <c r="D16" s="5">
        <v>266</v>
      </c>
    </row>
    <row r="17" spans="1:4" ht="18" customHeight="1" x14ac:dyDescent="0.15">
      <c r="A17" s="8">
        <v>10</v>
      </c>
      <c r="B17" s="21">
        <v>32</v>
      </c>
      <c r="C17" s="6">
        <v>32</v>
      </c>
      <c r="D17" s="5">
        <v>64</v>
      </c>
    </row>
    <row r="18" spans="1:4" ht="18" customHeight="1" x14ac:dyDescent="0.15">
      <c r="A18" s="8">
        <v>11</v>
      </c>
      <c r="B18" s="21">
        <v>29</v>
      </c>
      <c r="C18" s="6">
        <v>33</v>
      </c>
      <c r="D18" s="5">
        <v>62</v>
      </c>
    </row>
    <row r="19" spans="1:4" ht="18" customHeight="1" x14ac:dyDescent="0.15">
      <c r="A19" s="8">
        <v>12</v>
      </c>
      <c r="B19" s="21">
        <v>31</v>
      </c>
      <c r="C19" s="6">
        <v>27</v>
      </c>
      <c r="D19" s="5">
        <v>58</v>
      </c>
    </row>
    <row r="20" spans="1:4" ht="18" customHeight="1" x14ac:dyDescent="0.15">
      <c r="A20" s="8">
        <v>13</v>
      </c>
      <c r="B20" s="21">
        <v>25</v>
      </c>
      <c r="C20" s="6">
        <v>36</v>
      </c>
      <c r="D20" s="5">
        <v>61</v>
      </c>
    </row>
    <row r="21" spans="1:4" ht="18" customHeight="1" x14ac:dyDescent="0.15">
      <c r="A21" s="8">
        <v>14</v>
      </c>
      <c r="B21" s="21">
        <v>23</v>
      </c>
      <c r="C21" s="6">
        <v>30</v>
      </c>
      <c r="D21" s="5">
        <v>53</v>
      </c>
    </row>
    <row r="22" spans="1:4" ht="18" customHeight="1" x14ac:dyDescent="0.15">
      <c r="A22" s="8" t="s">
        <v>23</v>
      </c>
      <c r="B22" s="21">
        <v>140</v>
      </c>
      <c r="C22" s="6">
        <v>158</v>
      </c>
      <c r="D22" s="5">
        <v>298</v>
      </c>
    </row>
    <row r="23" spans="1:4" ht="18" customHeight="1" x14ac:dyDescent="0.15">
      <c r="A23" s="8" t="s">
        <v>22</v>
      </c>
      <c r="B23" s="21">
        <v>371</v>
      </c>
      <c r="C23" s="6">
        <v>391</v>
      </c>
      <c r="D23" s="5">
        <v>762</v>
      </c>
    </row>
    <row r="24" spans="1:4" ht="18" customHeight="1" x14ac:dyDescent="0.15">
      <c r="A24" s="8">
        <v>15</v>
      </c>
      <c r="B24" s="21">
        <v>24</v>
      </c>
      <c r="C24" s="6">
        <v>32</v>
      </c>
      <c r="D24" s="5">
        <v>56</v>
      </c>
    </row>
    <row r="25" spans="1:4" ht="18" customHeight="1" x14ac:dyDescent="0.15">
      <c r="A25" s="8">
        <v>16</v>
      </c>
      <c r="B25" s="21">
        <v>30</v>
      </c>
      <c r="C25" s="6">
        <v>25</v>
      </c>
      <c r="D25" s="5">
        <v>55</v>
      </c>
    </row>
    <row r="26" spans="1:4" ht="18" customHeight="1" x14ac:dyDescent="0.15">
      <c r="A26" s="8">
        <v>17</v>
      </c>
      <c r="B26" s="21">
        <v>22</v>
      </c>
      <c r="C26" s="6">
        <v>27</v>
      </c>
      <c r="D26" s="5">
        <v>49</v>
      </c>
    </row>
    <row r="27" spans="1:4" ht="18" customHeight="1" x14ac:dyDescent="0.15">
      <c r="A27" s="8">
        <v>18</v>
      </c>
      <c r="B27" s="21">
        <v>27</v>
      </c>
      <c r="C27" s="6">
        <v>26</v>
      </c>
      <c r="D27" s="5">
        <v>53</v>
      </c>
    </row>
    <row r="28" spans="1:4" ht="18" customHeight="1" x14ac:dyDescent="0.15">
      <c r="A28" s="8">
        <v>19</v>
      </c>
      <c r="B28" s="21">
        <v>27</v>
      </c>
      <c r="C28" s="6">
        <v>33</v>
      </c>
      <c r="D28" s="5">
        <v>60</v>
      </c>
    </row>
    <row r="29" spans="1:4" ht="18" customHeight="1" x14ac:dyDescent="0.15">
      <c r="A29" s="8" t="s">
        <v>21</v>
      </c>
      <c r="B29" s="21">
        <v>130</v>
      </c>
      <c r="C29" s="6">
        <v>143</v>
      </c>
      <c r="D29" s="5">
        <v>273</v>
      </c>
    </row>
    <row r="30" spans="1:4" ht="18" customHeight="1" x14ac:dyDescent="0.15">
      <c r="A30" s="8">
        <v>20</v>
      </c>
      <c r="B30" s="21">
        <v>29</v>
      </c>
      <c r="C30" s="6">
        <v>33</v>
      </c>
      <c r="D30" s="5">
        <v>62</v>
      </c>
    </row>
    <row r="31" spans="1:4" ht="18" customHeight="1" x14ac:dyDescent="0.15">
      <c r="A31" s="8">
        <v>21</v>
      </c>
      <c r="B31" s="21">
        <v>25</v>
      </c>
      <c r="C31" s="6">
        <v>40</v>
      </c>
      <c r="D31" s="5">
        <v>65</v>
      </c>
    </row>
    <row r="32" spans="1:4" ht="18" customHeight="1" x14ac:dyDescent="0.15">
      <c r="A32" s="8">
        <v>22</v>
      </c>
      <c r="B32" s="21">
        <v>30</v>
      </c>
      <c r="C32" s="6">
        <v>42</v>
      </c>
      <c r="D32" s="5">
        <v>72</v>
      </c>
    </row>
    <row r="33" spans="1:4" ht="18" customHeight="1" x14ac:dyDescent="0.15">
      <c r="A33" s="8">
        <v>23</v>
      </c>
      <c r="B33" s="21">
        <v>47</v>
      </c>
      <c r="C33" s="6">
        <v>38</v>
      </c>
      <c r="D33" s="5">
        <v>85</v>
      </c>
    </row>
    <row r="34" spans="1:4" ht="18" customHeight="1" x14ac:dyDescent="0.15">
      <c r="A34" s="8">
        <v>24</v>
      </c>
      <c r="B34" s="21">
        <v>50</v>
      </c>
      <c r="C34" s="6">
        <v>44</v>
      </c>
      <c r="D34" s="5">
        <v>94</v>
      </c>
    </row>
    <row r="35" spans="1:4" ht="18" customHeight="1" x14ac:dyDescent="0.15">
      <c r="A35" s="8" t="s">
        <v>20</v>
      </c>
      <c r="B35" s="21">
        <v>181</v>
      </c>
      <c r="C35" s="6">
        <v>197</v>
      </c>
      <c r="D35" s="5">
        <v>378</v>
      </c>
    </row>
    <row r="36" spans="1:4" ht="18" customHeight="1" x14ac:dyDescent="0.15">
      <c r="A36" s="8">
        <v>25</v>
      </c>
      <c r="B36" s="21">
        <v>52</v>
      </c>
      <c r="C36" s="6">
        <v>45</v>
      </c>
      <c r="D36" s="5">
        <v>97</v>
      </c>
    </row>
    <row r="37" spans="1:4" ht="18" customHeight="1" x14ac:dyDescent="0.15">
      <c r="A37" s="8">
        <v>26</v>
      </c>
      <c r="B37" s="21">
        <v>61</v>
      </c>
      <c r="C37" s="6">
        <v>28</v>
      </c>
      <c r="D37" s="5">
        <v>89</v>
      </c>
    </row>
    <row r="38" spans="1:4" ht="18" customHeight="1" x14ac:dyDescent="0.15">
      <c r="A38" s="8">
        <v>27</v>
      </c>
      <c r="B38" s="21">
        <v>68</v>
      </c>
      <c r="C38" s="6">
        <v>37</v>
      </c>
      <c r="D38" s="5">
        <v>105</v>
      </c>
    </row>
    <row r="39" spans="1:4" ht="18" customHeight="1" x14ac:dyDescent="0.15">
      <c r="A39" s="8">
        <v>28</v>
      </c>
      <c r="B39" s="21">
        <v>55</v>
      </c>
      <c r="C39" s="6">
        <v>35</v>
      </c>
      <c r="D39" s="5">
        <v>90</v>
      </c>
    </row>
    <row r="40" spans="1:4" ht="18" customHeight="1" x14ac:dyDescent="0.15">
      <c r="A40" s="8">
        <v>29</v>
      </c>
      <c r="B40" s="21">
        <v>48</v>
      </c>
      <c r="C40" s="6">
        <v>41</v>
      </c>
      <c r="D40" s="5">
        <v>89</v>
      </c>
    </row>
    <row r="41" spans="1:4" ht="18" customHeight="1" x14ac:dyDescent="0.15">
      <c r="A41" s="8" t="s">
        <v>19</v>
      </c>
      <c r="B41" s="21">
        <v>284</v>
      </c>
      <c r="C41" s="6">
        <v>186</v>
      </c>
      <c r="D41" s="5">
        <v>470</v>
      </c>
    </row>
    <row r="42" spans="1:4" ht="18" customHeight="1" x14ac:dyDescent="0.15">
      <c r="A42" s="8">
        <v>30</v>
      </c>
      <c r="B42" s="21">
        <v>50</v>
      </c>
      <c r="C42" s="6">
        <v>37</v>
      </c>
      <c r="D42" s="5">
        <v>87</v>
      </c>
    </row>
    <row r="43" spans="1:4" ht="18" customHeight="1" x14ac:dyDescent="0.15">
      <c r="A43" s="8">
        <v>31</v>
      </c>
      <c r="B43" s="21">
        <v>38</v>
      </c>
      <c r="C43" s="6">
        <v>24</v>
      </c>
      <c r="D43" s="5">
        <v>62</v>
      </c>
    </row>
    <row r="44" spans="1:4" ht="18" customHeight="1" x14ac:dyDescent="0.15">
      <c r="A44" s="8">
        <v>32</v>
      </c>
      <c r="B44" s="21">
        <v>45</v>
      </c>
      <c r="C44" s="6">
        <v>35</v>
      </c>
      <c r="D44" s="5">
        <v>80</v>
      </c>
    </row>
    <row r="45" spans="1:4" ht="18" customHeight="1" x14ac:dyDescent="0.15">
      <c r="A45" s="8">
        <v>33</v>
      </c>
      <c r="B45" s="21">
        <v>37</v>
      </c>
      <c r="C45" s="6">
        <v>24</v>
      </c>
      <c r="D45" s="5">
        <v>61</v>
      </c>
    </row>
    <row r="46" spans="1:4" ht="18" customHeight="1" x14ac:dyDescent="0.15">
      <c r="A46" s="8">
        <v>34</v>
      </c>
      <c r="B46" s="21">
        <v>33</v>
      </c>
      <c r="C46" s="6">
        <v>30</v>
      </c>
      <c r="D46" s="5">
        <v>63</v>
      </c>
    </row>
    <row r="47" spans="1:4" ht="18" customHeight="1" x14ac:dyDescent="0.15">
      <c r="A47" s="8" t="s">
        <v>18</v>
      </c>
      <c r="B47" s="21">
        <v>203</v>
      </c>
      <c r="C47" s="6">
        <v>150</v>
      </c>
      <c r="D47" s="5">
        <v>353</v>
      </c>
    </row>
    <row r="48" spans="1:4" ht="18" customHeight="1" x14ac:dyDescent="0.15">
      <c r="A48" s="8">
        <v>35</v>
      </c>
      <c r="B48" s="21">
        <v>31</v>
      </c>
      <c r="C48" s="6">
        <v>18</v>
      </c>
      <c r="D48" s="5">
        <v>49</v>
      </c>
    </row>
    <row r="49" spans="1:4" ht="18" customHeight="1" x14ac:dyDescent="0.15">
      <c r="A49" s="8">
        <v>36</v>
      </c>
      <c r="B49" s="21">
        <v>38</v>
      </c>
      <c r="C49" s="6">
        <v>44</v>
      </c>
      <c r="D49" s="5">
        <v>82</v>
      </c>
    </row>
    <row r="50" spans="1:4" ht="18" customHeight="1" x14ac:dyDescent="0.15">
      <c r="A50" s="8">
        <v>37</v>
      </c>
      <c r="B50" s="21">
        <v>39</v>
      </c>
      <c r="C50" s="6">
        <v>32</v>
      </c>
      <c r="D50" s="5">
        <v>71</v>
      </c>
    </row>
    <row r="51" spans="1:4" ht="18" customHeight="1" x14ac:dyDescent="0.15">
      <c r="A51" s="8">
        <v>38</v>
      </c>
      <c r="B51" s="21">
        <v>53</v>
      </c>
      <c r="C51" s="6">
        <v>41</v>
      </c>
      <c r="D51" s="5">
        <v>94</v>
      </c>
    </row>
    <row r="52" spans="1:4" ht="18" customHeight="1" x14ac:dyDescent="0.15">
      <c r="A52" s="8">
        <v>39</v>
      </c>
      <c r="B52" s="21">
        <v>40</v>
      </c>
      <c r="C52" s="6">
        <v>42</v>
      </c>
      <c r="D52" s="5">
        <v>82</v>
      </c>
    </row>
    <row r="53" spans="1:4" ht="18" customHeight="1" x14ac:dyDescent="0.15">
      <c r="A53" s="8" t="s">
        <v>17</v>
      </c>
      <c r="B53" s="21">
        <v>201</v>
      </c>
      <c r="C53" s="6">
        <v>177</v>
      </c>
      <c r="D53" s="5">
        <v>378</v>
      </c>
    </row>
    <row r="54" spans="1:4" ht="18" customHeight="1" x14ac:dyDescent="0.15">
      <c r="A54" s="8">
        <v>40</v>
      </c>
      <c r="B54" s="21">
        <v>36</v>
      </c>
      <c r="C54" s="6">
        <v>43</v>
      </c>
      <c r="D54" s="5">
        <v>79</v>
      </c>
    </row>
    <row r="55" spans="1:4" ht="18" customHeight="1" x14ac:dyDescent="0.15">
      <c r="A55" s="8">
        <v>41</v>
      </c>
      <c r="B55" s="21">
        <v>55</v>
      </c>
      <c r="C55" s="6">
        <v>46</v>
      </c>
      <c r="D55" s="5">
        <v>101</v>
      </c>
    </row>
    <row r="56" spans="1:4" ht="18" customHeight="1" x14ac:dyDescent="0.15">
      <c r="A56" s="8">
        <v>42</v>
      </c>
      <c r="B56" s="21">
        <v>61</v>
      </c>
      <c r="C56" s="6">
        <v>36</v>
      </c>
      <c r="D56" s="5">
        <v>97</v>
      </c>
    </row>
    <row r="57" spans="1:4" ht="18" customHeight="1" x14ac:dyDescent="0.15">
      <c r="A57" s="8">
        <v>43</v>
      </c>
      <c r="B57" s="21">
        <v>39</v>
      </c>
      <c r="C57" s="6">
        <v>49</v>
      </c>
      <c r="D57" s="5">
        <v>88</v>
      </c>
    </row>
    <row r="58" spans="1:4" ht="18" customHeight="1" x14ac:dyDescent="0.15">
      <c r="A58" s="8">
        <v>44</v>
      </c>
      <c r="B58" s="21">
        <v>35</v>
      </c>
      <c r="C58" s="6">
        <v>43</v>
      </c>
      <c r="D58" s="5">
        <v>78</v>
      </c>
    </row>
    <row r="59" spans="1:4" ht="18" customHeight="1" x14ac:dyDescent="0.15">
      <c r="A59" s="8" t="s">
        <v>16</v>
      </c>
      <c r="B59" s="21">
        <v>226</v>
      </c>
      <c r="C59" s="6">
        <v>217</v>
      </c>
      <c r="D59" s="5">
        <v>443</v>
      </c>
    </row>
    <row r="60" spans="1:4" ht="18" customHeight="1" x14ac:dyDescent="0.15">
      <c r="A60" s="8">
        <v>45</v>
      </c>
      <c r="B60" s="21">
        <v>51</v>
      </c>
      <c r="C60" s="6">
        <v>50</v>
      </c>
      <c r="D60" s="5">
        <v>101</v>
      </c>
    </row>
    <row r="61" spans="1:4" ht="18" customHeight="1" x14ac:dyDescent="0.15">
      <c r="A61" s="8">
        <v>46</v>
      </c>
      <c r="B61" s="21">
        <v>37</v>
      </c>
      <c r="C61" s="6">
        <v>53</v>
      </c>
      <c r="D61" s="5">
        <v>90</v>
      </c>
    </row>
    <row r="62" spans="1:4" ht="18" customHeight="1" x14ac:dyDescent="0.15">
      <c r="A62" s="8">
        <v>47</v>
      </c>
      <c r="B62" s="21">
        <v>42</v>
      </c>
      <c r="C62" s="6">
        <v>48</v>
      </c>
      <c r="D62" s="5">
        <v>90</v>
      </c>
    </row>
    <row r="63" spans="1:4" ht="18" customHeight="1" x14ac:dyDescent="0.15">
      <c r="A63" s="8">
        <v>48</v>
      </c>
      <c r="B63" s="21">
        <v>58</v>
      </c>
      <c r="C63" s="6">
        <v>40</v>
      </c>
      <c r="D63" s="5">
        <v>98</v>
      </c>
    </row>
    <row r="64" spans="1:4" ht="18" customHeight="1" x14ac:dyDescent="0.15">
      <c r="A64" s="8">
        <v>49</v>
      </c>
      <c r="B64" s="21">
        <v>43</v>
      </c>
      <c r="C64" s="6">
        <v>40</v>
      </c>
      <c r="D64" s="5">
        <v>83</v>
      </c>
    </row>
    <row r="65" spans="1:4" ht="18" customHeight="1" x14ac:dyDescent="0.15">
      <c r="A65" s="8" t="s">
        <v>15</v>
      </c>
      <c r="B65" s="21">
        <v>231</v>
      </c>
      <c r="C65" s="6">
        <v>231</v>
      </c>
      <c r="D65" s="5">
        <v>462</v>
      </c>
    </row>
    <row r="66" spans="1:4" ht="18" customHeight="1" x14ac:dyDescent="0.15">
      <c r="A66" s="8">
        <v>50</v>
      </c>
      <c r="B66" s="21">
        <v>56</v>
      </c>
      <c r="C66" s="6">
        <v>60</v>
      </c>
      <c r="D66" s="5">
        <v>116</v>
      </c>
    </row>
    <row r="67" spans="1:4" ht="18" customHeight="1" x14ac:dyDescent="0.15">
      <c r="A67" s="8">
        <v>51</v>
      </c>
      <c r="B67" s="21">
        <v>64</v>
      </c>
      <c r="C67" s="6">
        <v>67</v>
      </c>
      <c r="D67" s="5">
        <v>131</v>
      </c>
    </row>
    <row r="68" spans="1:4" ht="18" customHeight="1" x14ac:dyDescent="0.15">
      <c r="A68" s="8">
        <v>52</v>
      </c>
      <c r="B68" s="21">
        <v>76</v>
      </c>
      <c r="C68" s="6">
        <v>67</v>
      </c>
      <c r="D68" s="5">
        <v>143</v>
      </c>
    </row>
    <row r="69" spans="1:4" ht="18" customHeight="1" x14ac:dyDescent="0.15">
      <c r="A69" s="8">
        <v>53</v>
      </c>
      <c r="B69" s="21">
        <v>64</v>
      </c>
      <c r="C69" s="6">
        <v>60</v>
      </c>
      <c r="D69" s="5">
        <v>124</v>
      </c>
    </row>
    <row r="70" spans="1:4" ht="18" customHeight="1" x14ac:dyDescent="0.15">
      <c r="A70" s="8">
        <v>54</v>
      </c>
      <c r="B70" s="21">
        <v>61</v>
      </c>
      <c r="C70" s="6">
        <v>64</v>
      </c>
      <c r="D70" s="5">
        <v>125</v>
      </c>
    </row>
    <row r="71" spans="1:4" ht="18" customHeight="1" x14ac:dyDescent="0.15">
      <c r="A71" s="8" t="s">
        <v>14</v>
      </c>
      <c r="B71" s="21">
        <v>321</v>
      </c>
      <c r="C71" s="6">
        <v>318</v>
      </c>
      <c r="D71" s="5">
        <v>639</v>
      </c>
    </row>
    <row r="72" spans="1:4" ht="18" customHeight="1" x14ac:dyDescent="0.15">
      <c r="A72" s="8">
        <v>55</v>
      </c>
      <c r="B72" s="21">
        <v>63</v>
      </c>
      <c r="C72" s="6">
        <v>57</v>
      </c>
      <c r="D72" s="5">
        <v>120</v>
      </c>
    </row>
    <row r="73" spans="1:4" ht="18" customHeight="1" x14ac:dyDescent="0.15">
      <c r="A73" s="8">
        <v>56</v>
      </c>
      <c r="B73" s="21">
        <v>70</v>
      </c>
      <c r="C73" s="6">
        <v>45</v>
      </c>
      <c r="D73" s="5">
        <v>115</v>
      </c>
    </row>
    <row r="74" spans="1:4" ht="18" customHeight="1" x14ac:dyDescent="0.15">
      <c r="A74" s="8">
        <v>57</v>
      </c>
      <c r="B74" s="21">
        <v>70</v>
      </c>
      <c r="C74" s="6">
        <v>47</v>
      </c>
      <c r="D74" s="5">
        <v>117</v>
      </c>
    </row>
    <row r="75" spans="1:4" ht="18" customHeight="1" x14ac:dyDescent="0.15">
      <c r="A75" s="8">
        <v>58</v>
      </c>
      <c r="B75" s="21">
        <v>60</v>
      </c>
      <c r="C75" s="6">
        <v>50</v>
      </c>
      <c r="D75" s="5">
        <v>110</v>
      </c>
    </row>
    <row r="76" spans="1:4" ht="18" customHeight="1" x14ac:dyDescent="0.15">
      <c r="A76" s="8">
        <v>59</v>
      </c>
      <c r="B76" s="21">
        <v>42</v>
      </c>
      <c r="C76" s="6">
        <v>43</v>
      </c>
      <c r="D76" s="5">
        <v>85</v>
      </c>
    </row>
    <row r="77" spans="1:4" ht="18" customHeight="1" x14ac:dyDescent="0.15">
      <c r="A77" s="8" t="s">
        <v>13</v>
      </c>
      <c r="B77" s="21">
        <v>305</v>
      </c>
      <c r="C77" s="6">
        <v>242</v>
      </c>
      <c r="D77" s="5">
        <v>547</v>
      </c>
    </row>
    <row r="78" spans="1:4" ht="18" customHeight="1" x14ac:dyDescent="0.15">
      <c r="A78" s="8">
        <v>60</v>
      </c>
      <c r="B78" s="21">
        <v>52</v>
      </c>
      <c r="C78" s="6">
        <v>60</v>
      </c>
      <c r="D78" s="5">
        <v>112</v>
      </c>
    </row>
    <row r="79" spans="1:4" ht="18" customHeight="1" x14ac:dyDescent="0.15">
      <c r="A79" s="8">
        <v>61</v>
      </c>
      <c r="B79" s="21">
        <v>45</v>
      </c>
      <c r="C79" s="6">
        <v>49</v>
      </c>
      <c r="D79" s="5">
        <v>94</v>
      </c>
    </row>
    <row r="80" spans="1:4" ht="18" customHeight="1" x14ac:dyDescent="0.15">
      <c r="A80" s="8">
        <v>62</v>
      </c>
      <c r="B80" s="21">
        <v>56</v>
      </c>
      <c r="C80" s="6">
        <v>54</v>
      </c>
      <c r="D80" s="5">
        <v>110</v>
      </c>
    </row>
    <row r="81" spans="1:4" ht="18" customHeight="1" x14ac:dyDescent="0.15">
      <c r="A81" s="8">
        <v>63</v>
      </c>
      <c r="B81" s="21">
        <v>38</v>
      </c>
      <c r="C81" s="6">
        <v>53</v>
      </c>
      <c r="D81" s="5">
        <v>91</v>
      </c>
    </row>
    <row r="82" spans="1:4" ht="18" customHeight="1" x14ac:dyDescent="0.15">
      <c r="A82" s="8">
        <v>64</v>
      </c>
      <c r="B82" s="21">
        <v>52</v>
      </c>
      <c r="C82" s="6">
        <v>48</v>
      </c>
      <c r="D82" s="5">
        <v>100</v>
      </c>
    </row>
    <row r="83" spans="1:4" ht="18" customHeight="1" x14ac:dyDescent="0.15">
      <c r="A83" s="8" t="s">
        <v>12</v>
      </c>
      <c r="B83" s="21">
        <v>243</v>
      </c>
      <c r="C83" s="6">
        <v>264</v>
      </c>
      <c r="D83" s="5">
        <v>507</v>
      </c>
    </row>
    <row r="84" spans="1:4" ht="18" customHeight="1" x14ac:dyDescent="0.15">
      <c r="A84" s="8" t="s">
        <v>11</v>
      </c>
      <c r="B84" s="21">
        <v>2325</v>
      </c>
      <c r="C84" s="6">
        <v>2125</v>
      </c>
      <c r="D84" s="5">
        <v>4450</v>
      </c>
    </row>
    <row r="85" spans="1:4" ht="18" customHeight="1" x14ac:dyDescent="0.15">
      <c r="A85" s="8">
        <v>65</v>
      </c>
      <c r="B85" s="21">
        <v>41</v>
      </c>
      <c r="C85" s="6">
        <v>48</v>
      </c>
      <c r="D85" s="5">
        <v>89</v>
      </c>
    </row>
    <row r="86" spans="1:4" ht="18" customHeight="1" x14ac:dyDescent="0.15">
      <c r="A86" s="8">
        <v>66</v>
      </c>
      <c r="B86" s="21">
        <v>64</v>
      </c>
      <c r="C86" s="6">
        <v>51</v>
      </c>
      <c r="D86" s="5">
        <v>115</v>
      </c>
    </row>
    <row r="87" spans="1:4" ht="18" customHeight="1" x14ac:dyDescent="0.15">
      <c r="A87" s="8">
        <v>67</v>
      </c>
      <c r="B87" s="21">
        <v>44</v>
      </c>
      <c r="C87" s="6">
        <v>41</v>
      </c>
      <c r="D87" s="5">
        <v>85</v>
      </c>
    </row>
    <row r="88" spans="1:4" ht="18" customHeight="1" x14ac:dyDescent="0.15">
      <c r="A88" s="8">
        <v>68</v>
      </c>
      <c r="B88" s="21">
        <v>49</v>
      </c>
      <c r="C88" s="6">
        <v>36</v>
      </c>
      <c r="D88" s="5">
        <v>85</v>
      </c>
    </row>
    <row r="89" spans="1:4" ht="18" customHeight="1" x14ac:dyDescent="0.15">
      <c r="A89" s="8">
        <v>69</v>
      </c>
      <c r="B89" s="21">
        <v>48</v>
      </c>
      <c r="C89" s="6">
        <v>52</v>
      </c>
      <c r="D89" s="5">
        <v>100</v>
      </c>
    </row>
    <row r="90" spans="1:4" ht="18" customHeight="1" x14ac:dyDescent="0.15">
      <c r="A90" s="8" t="s">
        <v>10</v>
      </c>
      <c r="B90" s="21">
        <v>246</v>
      </c>
      <c r="C90" s="6">
        <v>228</v>
      </c>
      <c r="D90" s="5">
        <v>474</v>
      </c>
    </row>
    <row r="91" spans="1:4" ht="18" customHeight="1" x14ac:dyDescent="0.15">
      <c r="A91" s="8">
        <v>70</v>
      </c>
      <c r="B91" s="21">
        <v>43</v>
      </c>
      <c r="C91" s="6">
        <v>57</v>
      </c>
      <c r="D91" s="5">
        <v>100</v>
      </c>
    </row>
    <row r="92" spans="1:4" ht="18" customHeight="1" x14ac:dyDescent="0.15">
      <c r="A92" s="8">
        <v>71</v>
      </c>
      <c r="B92" s="21">
        <v>47</v>
      </c>
      <c r="C92" s="6">
        <v>51</v>
      </c>
      <c r="D92" s="5">
        <v>98</v>
      </c>
    </row>
    <row r="93" spans="1:4" ht="18" customHeight="1" x14ac:dyDescent="0.15">
      <c r="A93" s="8">
        <v>72</v>
      </c>
      <c r="B93" s="21">
        <v>45</v>
      </c>
      <c r="C93" s="6">
        <v>44</v>
      </c>
      <c r="D93" s="5">
        <v>89</v>
      </c>
    </row>
    <row r="94" spans="1:4" ht="18" customHeight="1" x14ac:dyDescent="0.15">
      <c r="A94" s="8">
        <v>73</v>
      </c>
      <c r="B94" s="21">
        <v>38</v>
      </c>
      <c r="C94" s="6">
        <v>59</v>
      </c>
      <c r="D94" s="5">
        <v>97</v>
      </c>
    </row>
    <row r="95" spans="1:4" ht="18" customHeight="1" x14ac:dyDescent="0.15">
      <c r="A95" s="8">
        <v>74</v>
      </c>
      <c r="B95" s="21">
        <v>34</v>
      </c>
      <c r="C95" s="6">
        <v>58</v>
      </c>
      <c r="D95" s="5">
        <v>92</v>
      </c>
    </row>
    <row r="96" spans="1:4" ht="18" customHeight="1" x14ac:dyDescent="0.15">
      <c r="A96" s="8" t="s">
        <v>9</v>
      </c>
      <c r="B96" s="21">
        <v>207</v>
      </c>
      <c r="C96" s="6">
        <v>269</v>
      </c>
      <c r="D96" s="5">
        <v>476</v>
      </c>
    </row>
    <row r="97" spans="1:4" ht="18" customHeight="1" x14ac:dyDescent="0.15">
      <c r="A97" s="8">
        <v>75</v>
      </c>
      <c r="B97" s="21">
        <v>59</v>
      </c>
      <c r="C97" s="6">
        <v>72</v>
      </c>
      <c r="D97" s="5">
        <v>131</v>
      </c>
    </row>
    <row r="98" spans="1:4" ht="18" customHeight="1" x14ac:dyDescent="0.15">
      <c r="A98" s="8">
        <v>76</v>
      </c>
      <c r="B98" s="21">
        <v>47</v>
      </c>
      <c r="C98" s="6">
        <v>88</v>
      </c>
      <c r="D98" s="5">
        <v>135</v>
      </c>
    </row>
    <row r="99" spans="1:4" ht="18" customHeight="1" x14ac:dyDescent="0.15">
      <c r="A99" s="8">
        <v>77</v>
      </c>
      <c r="B99" s="21">
        <v>60</v>
      </c>
      <c r="C99" s="6">
        <v>67</v>
      </c>
      <c r="D99" s="5">
        <v>127</v>
      </c>
    </row>
    <row r="100" spans="1:4" ht="18" customHeight="1" x14ac:dyDescent="0.15">
      <c r="A100" s="8">
        <v>78</v>
      </c>
      <c r="B100" s="21">
        <v>78</v>
      </c>
      <c r="C100" s="6">
        <v>99</v>
      </c>
      <c r="D100" s="5">
        <v>177</v>
      </c>
    </row>
    <row r="101" spans="1:4" ht="18" customHeight="1" x14ac:dyDescent="0.15">
      <c r="A101" s="8">
        <v>79</v>
      </c>
      <c r="B101" s="21">
        <v>40</v>
      </c>
      <c r="C101" s="6">
        <v>48</v>
      </c>
      <c r="D101" s="5">
        <v>88</v>
      </c>
    </row>
    <row r="102" spans="1:4" ht="18" customHeight="1" x14ac:dyDescent="0.15">
      <c r="A102" s="8" t="s">
        <v>8</v>
      </c>
      <c r="B102" s="21">
        <v>284</v>
      </c>
      <c r="C102" s="6">
        <v>374</v>
      </c>
      <c r="D102" s="5">
        <v>658</v>
      </c>
    </row>
    <row r="103" spans="1:4" ht="18" customHeight="1" x14ac:dyDescent="0.15">
      <c r="A103" s="8">
        <v>80</v>
      </c>
      <c r="B103" s="21">
        <v>47</v>
      </c>
      <c r="C103" s="6">
        <v>42</v>
      </c>
      <c r="D103" s="5">
        <v>89</v>
      </c>
    </row>
    <row r="104" spans="1:4" ht="18" customHeight="1" x14ac:dyDescent="0.15">
      <c r="A104" s="8">
        <v>81</v>
      </c>
      <c r="B104" s="21">
        <v>37</v>
      </c>
      <c r="C104" s="6">
        <v>49</v>
      </c>
      <c r="D104" s="5">
        <v>86</v>
      </c>
    </row>
    <row r="105" spans="1:4" ht="18" customHeight="1" x14ac:dyDescent="0.15">
      <c r="A105" s="8">
        <v>82</v>
      </c>
      <c r="B105" s="21">
        <v>32</v>
      </c>
      <c r="C105" s="6">
        <v>64</v>
      </c>
      <c r="D105" s="5">
        <v>96</v>
      </c>
    </row>
    <row r="106" spans="1:4" ht="18" customHeight="1" x14ac:dyDescent="0.15">
      <c r="A106" s="8">
        <v>83</v>
      </c>
      <c r="B106" s="21">
        <v>35</v>
      </c>
      <c r="C106" s="6">
        <v>62</v>
      </c>
      <c r="D106" s="5">
        <v>97</v>
      </c>
    </row>
    <row r="107" spans="1:4" ht="18" customHeight="1" x14ac:dyDescent="0.15">
      <c r="A107" s="8">
        <v>84</v>
      </c>
      <c r="B107" s="21">
        <v>43</v>
      </c>
      <c r="C107" s="6">
        <v>49</v>
      </c>
      <c r="D107" s="5">
        <v>92</v>
      </c>
    </row>
    <row r="108" spans="1:4" ht="18" customHeight="1" x14ac:dyDescent="0.15">
      <c r="A108" s="8" t="s">
        <v>7</v>
      </c>
      <c r="B108" s="21">
        <v>194</v>
      </c>
      <c r="C108" s="6">
        <v>266</v>
      </c>
      <c r="D108" s="5">
        <v>460</v>
      </c>
    </row>
    <row r="109" spans="1:4" ht="18" customHeight="1" x14ac:dyDescent="0.15">
      <c r="A109" s="8">
        <v>85</v>
      </c>
      <c r="B109" s="21">
        <v>24</v>
      </c>
      <c r="C109" s="6">
        <v>43</v>
      </c>
      <c r="D109" s="5">
        <v>67</v>
      </c>
    </row>
    <row r="110" spans="1:4" ht="18" customHeight="1" x14ac:dyDescent="0.15">
      <c r="A110" s="8">
        <v>86</v>
      </c>
      <c r="B110" s="21">
        <v>27</v>
      </c>
      <c r="C110" s="6">
        <v>30</v>
      </c>
      <c r="D110" s="5">
        <v>57</v>
      </c>
    </row>
    <row r="111" spans="1:4" ht="18" customHeight="1" x14ac:dyDescent="0.15">
      <c r="A111" s="8">
        <v>87</v>
      </c>
      <c r="B111" s="21">
        <v>17</v>
      </c>
      <c r="C111" s="6">
        <v>37</v>
      </c>
      <c r="D111" s="5">
        <v>54</v>
      </c>
    </row>
    <row r="112" spans="1:4" ht="18" customHeight="1" x14ac:dyDescent="0.15">
      <c r="A112" s="8">
        <v>88</v>
      </c>
      <c r="B112" s="21">
        <v>21</v>
      </c>
      <c r="C112" s="6">
        <v>39</v>
      </c>
      <c r="D112" s="5">
        <v>60</v>
      </c>
    </row>
    <row r="113" spans="1:4" ht="18" customHeight="1" x14ac:dyDescent="0.15">
      <c r="A113" s="8">
        <v>89</v>
      </c>
      <c r="B113" s="21">
        <v>14</v>
      </c>
      <c r="C113" s="6">
        <v>27</v>
      </c>
      <c r="D113" s="5">
        <v>41</v>
      </c>
    </row>
    <row r="114" spans="1:4" ht="18" customHeight="1" x14ac:dyDescent="0.15">
      <c r="A114" s="8" t="s">
        <v>6</v>
      </c>
      <c r="B114" s="21">
        <v>103</v>
      </c>
      <c r="C114" s="6">
        <v>176</v>
      </c>
      <c r="D114" s="5">
        <v>279</v>
      </c>
    </row>
    <row r="115" spans="1:4" ht="18" customHeight="1" x14ac:dyDescent="0.15">
      <c r="A115" s="8">
        <v>90</v>
      </c>
      <c r="B115" s="21">
        <v>14</v>
      </c>
      <c r="C115" s="6">
        <v>29</v>
      </c>
      <c r="D115" s="5">
        <v>43</v>
      </c>
    </row>
    <row r="116" spans="1:4" ht="18" customHeight="1" x14ac:dyDescent="0.15">
      <c r="A116" s="8">
        <v>91</v>
      </c>
      <c r="B116" s="21">
        <v>12</v>
      </c>
      <c r="C116" s="6">
        <v>44</v>
      </c>
      <c r="D116" s="5">
        <v>56</v>
      </c>
    </row>
    <row r="117" spans="1:4" ht="18" customHeight="1" x14ac:dyDescent="0.15">
      <c r="A117" s="8">
        <v>92</v>
      </c>
      <c r="B117" s="21">
        <v>3</v>
      </c>
      <c r="C117" s="6">
        <v>24</v>
      </c>
      <c r="D117" s="5">
        <v>27</v>
      </c>
    </row>
    <row r="118" spans="1:4" ht="18" customHeight="1" x14ac:dyDescent="0.15">
      <c r="A118" s="8">
        <v>93</v>
      </c>
      <c r="B118" s="21">
        <v>9</v>
      </c>
      <c r="C118" s="6">
        <v>24</v>
      </c>
      <c r="D118" s="5">
        <v>33</v>
      </c>
    </row>
    <row r="119" spans="1:4" ht="18" customHeight="1" x14ac:dyDescent="0.15">
      <c r="A119" s="8">
        <v>94</v>
      </c>
      <c r="B119" s="21">
        <v>4</v>
      </c>
      <c r="C119" s="6">
        <v>18</v>
      </c>
      <c r="D119" s="5">
        <v>22</v>
      </c>
    </row>
    <row r="120" spans="1:4" ht="18" customHeight="1" x14ac:dyDescent="0.15">
      <c r="A120" s="8" t="s">
        <v>5</v>
      </c>
      <c r="B120" s="21">
        <v>42</v>
      </c>
      <c r="C120" s="6">
        <v>139</v>
      </c>
      <c r="D120" s="5">
        <v>181</v>
      </c>
    </row>
    <row r="121" spans="1:4" ht="18" customHeight="1" x14ac:dyDescent="0.15">
      <c r="A121" s="8">
        <v>95</v>
      </c>
      <c r="B121" s="21">
        <v>3</v>
      </c>
      <c r="C121" s="6">
        <v>10</v>
      </c>
      <c r="D121" s="5">
        <v>13</v>
      </c>
    </row>
    <row r="122" spans="1:4" ht="18" customHeight="1" x14ac:dyDescent="0.15">
      <c r="A122" s="8">
        <v>96</v>
      </c>
      <c r="B122" s="21">
        <v>4</v>
      </c>
      <c r="C122" s="6">
        <v>7</v>
      </c>
      <c r="D122" s="5">
        <v>11</v>
      </c>
    </row>
    <row r="123" spans="1:4" ht="18" customHeight="1" x14ac:dyDescent="0.15">
      <c r="A123" s="8">
        <v>97</v>
      </c>
      <c r="B123" s="21">
        <v>0</v>
      </c>
      <c r="C123" s="6">
        <v>11</v>
      </c>
      <c r="D123" s="5">
        <v>11</v>
      </c>
    </row>
    <row r="124" spans="1:4" ht="18" customHeight="1" x14ac:dyDescent="0.15">
      <c r="A124" s="8">
        <v>98</v>
      </c>
      <c r="B124" s="21">
        <v>1</v>
      </c>
      <c r="C124" s="6">
        <v>3</v>
      </c>
      <c r="D124" s="5">
        <v>4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8</v>
      </c>
      <c r="C126" s="6">
        <v>34</v>
      </c>
      <c r="D126" s="5">
        <v>42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7</v>
      </c>
      <c r="D128" s="5">
        <v>7</v>
      </c>
    </row>
    <row r="129" spans="1:4" ht="18" customHeight="1" x14ac:dyDescent="0.15">
      <c r="A129" s="8" t="s">
        <v>2</v>
      </c>
      <c r="B129" s="21">
        <v>0</v>
      </c>
      <c r="C129" s="6">
        <v>9</v>
      </c>
      <c r="D129" s="5">
        <v>9</v>
      </c>
    </row>
    <row r="130" spans="1:4" ht="18" customHeight="1" x14ac:dyDescent="0.15">
      <c r="A130" s="8" t="s">
        <v>1</v>
      </c>
      <c r="B130" s="21">
        <v>1084</v>
      </c>
      <c r="C130" s="6">
        <v>1495</v>
      </c>
      <c r="D130" s="5">
        <v>2579</v>
      </c>
    </row>
    <row r="131" spans="1:4" ht="18" customHeight="1" x14ac:dyDescent="0.15">
      <c r="A131" s="4" t="s">
        <v>0</v>
      </c>
      <c r="B131" s="20">
        <v>3780</v>
      </c>
      <c r="C131" s="2">
        <v>4011</v>
      </c>
      <c r="D131" s="1">
        <v>779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875BA2-B258-48E3-96F7-A514FFCCB1A4}">
  <sheetPr codeName="Sheet2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3</v>
      </c>
      <c r="C5" s="11">
        <v>26</v>
      </c>
      <c r="D5" s="10">
        <v>49</v>
      </c>
    </row>
    <row r="6" spans="1:4" ht="18" customHeight="1" x14ac:dyDescent="0.15">
      <c r="A6" s="8">
        <v>1</v>
      </c>
      <c r="B6" s="21">
        <v>31</v>
      </c>
      <c r="C6" s="6">
        <v>27</v>
      </c>
      <c r="D6" s="5">
        <v>58</v>
      </c>
    </row>
    <row r="7" spans="1:4" ht="18" customHeight="1" x14ac:dyDescent="0.15">
      <c r="A7" s="8">
        <v>2</v>
      </c>
      <c r="B7" s="21">
        <v>32</v>
      </c>
      <c r="C7" s="6">
        <v>39</v>
      </c>
      <c r="D7" s="5">
        <v>71</v>
      </c>
    </row>
    <row r="8" spans="1:4" ht="18" customHeight="1" x14ac:dyDescent="0.15">
      <c r="A8" s="8">
        <v>3</v>
      </c>
      <c r="B8" s="21">
        <v>35</v>
      </c>
      <c r="C8" s="6">
        <v>28</v>
      </c>
      <c r="D8" s="5">
        <v>63</v>
      </c>
    </row>
    <row r="9" spans="1:4" ht="18" customHeight="1" x14ac:dyDescent="0.15">
      <c r="A9" s="8">
        <v>4</v>
      </c>
      <c r="B9" s="21">
        <v>33</v>
      </c>
      <c r="C9" s="6">
        <v>36</v>
      </c>
      <c r="D9" s="5">
        <v>69</v>
      </c>
    </row>
    <row r="10" spans="1:4" ht="18" customHeight="1" x14ac:dyDescent="0.15">
      <c r="A10" s="8" t="s">
        <v>25</v>
      </c>
      <c r="B10" s="21">
        <v>154</v>
      </c>
      <c r="C10" s="6">
        <v>156</v>
      </c>
      <c r="D10" s="5">
        <v>310</v>
      </c>
    </row>
    <row r="11" spans="1:4" ht="18" customHeight="1" x14ac:dyDescent="0.15">
      <c r="A11" s="8">
        <v>5</v>
      </c>
      <c r="B11" s="21">
        <v>34</v>
      </c>
      <c r="C11" s="6">
        <v>42</v>
      </c>
      <c r="D11" s="5">
        <v>76</v>
      </c>
    </row>
    <row r="12" spans="1:4" ht="18" customHeight="1" x14ac:dyDescent="0.15">
      <c r="A12" s="8">
        <v>6</v>
      </c>
      <c r="B12" s="21">
        <v>41</v>
      </c>
      <c r="C12" s="6">
        <v>38</v>
      </c>
      <c r="D12" s="5">
        <v>79</v>
      </c>
    </row>
    <row r="13" spans="1:4" ht="18" customHeight="1" x14ac:dyDescent="0.15">
      <c r="A13" s="8">
        <v>7</v>
      </c>
      <c r="B13" s="21">
        <v>50</v>
      </c>
      <c r="C13" s="6">
        <v>31</v>
      </c>
      <c r="D13" s="5">
        <v>81</v>
      </c>
    </row>
    <row r="14" spans="1:4" ht="18" customHeight="1" x14ac:dyDescent="0.15">
      <c r="A14" s="8">
        <v>8</v>
      </c>
      <c r="B14" s="21">
        <v>27</v>
      </c>
      <c r="C14" s="6">
        <v>34</v>
      </c>
      <c r="D14" s="5">
        <v>61</v>
      </c>
    </row>
    <row r="15" spans="1:4" ht="18" customHeight="1" x14ac:dyDescent="0.15">
      <c r="A15" s="8">
        <v>9</v>
      </c>
      <c r="B15" s="21">
        <v>41</v>
      </c>
      <c r="C15" s="6">
        <v>38</v>
      </c>
      <c r="D15" s="5">
        <v>79</v>
      </c>
    </row>
    <row r="16" spans="1:4" ht="18" customHeight="1" x14ac:dyDescent="0.15">
      <c r="A16" s="8" t="s">
        <v>24</v>
      </c>
      <c r="B16" s="21">
        <v>193</v>
      </c>
      <c r="C16" s="6">
        <v>183</v>
      </c>
      <c r="D16" s="5">
        <v>376</v>
      </c>
    </row>
    <row r="17" spans="1:4" ht="18" customHeight="1" x14ac:dyDescent="0.15">
      <c r="A17" s="8">
        <v>10</v>
      </c>
      <c r="B17" s="21">
        <v>35</v>
      </c>
      <c r="C17" s="6">
        <v>43</v>
      </c>
      <c r="D17" s="5">
        <v>78</v>
      </c>
    </row>
    <row r="18" spans="1:4" ht="18" customHeight="1" x14ac:dyDescent="0.15">
      <c r="A18" s="8">
        <v>11</v>
      </c>
      <c r="B18" s="21">
        <v>45</v>
      </c>
      <c r="C18" s="6">
        <v>32</v>
      </c>
      <c r="D18" s="5">
        <v>77</v>
      </c>
    </row>
    <row r="19" spans="1:4" ht="18" customHeight="1" x14ac:dyDescent="0.15">
      <c r="A19" s="8">
        <v>12</v>
      </c>
      <c r="B19" s="21">
        <v>40</v>
      </c>
      <c r="C19" s="6">
        <v>37</v>
      </c>
      <c r="D19" s="5">
        <v>77</v>
      </c>
    </row>
    <row r="20" spans="1:4" ht="18" customHeight="1" x14ac:dyDescent="0.15">
      <c r="A20" s="8">
        <v>13</v>
      </c>
      <c r="B20" s="21">
        <v>40</v>
      </c>
      <c r="C20" s="6">
        <v>38</v>
      </c>
      <c r="D20" s="5">
        <v>78</v>
      </c>
    </row>
    <row r="21" spans="1:4" ht="18" customHeight="1" x14ac:dyDescent="0.15">
      <c r="A21" s="8">
        <v>14</v>
      </c>
      <c r="B21" s="21">
        <v>39</v>
      </c>
      <c r="C21" s="6">
        <v>35</v>
      </c>
      <c r="D21" s="5">
        <v>74</v>
      </c>
    </row>
    <row r="22" spans="1:4" ht="18" customHeight="1" x14ac:dyDescent="0.15">
      <c r="A22" s="8" t="s">
        <v>23</v>
      </c>
      <c r="B22" s="21">
        <v>199</v>
      </c>
      <c r="C22" s="6">
        <v>185</v>
      </c>
      <c r="D22" s="5">
        <v>384</v>
      </c>
    </row>
    <row r="23" spans="1:4" ht="18" customHeight="1" x14ac:dyDescent="0.15">
      <c r="A23" s="8" t="s">
        <v>22</v>
      </c>
      <c r="B23" s="21">
        <v>546</v>
      </c>
      <c r="C23" s="6">
        <v>524</v>
      </c>
      <c r="D23" s="5">
        <v>1070</v>
      </c>
    </row>
    <row r="24" spans="1:4" ht="18" customHeight="1" x14ac:dyDescent="0.15">
      <c r="A24" s="8">
        <v>15</v>
      </c>
      <c r="B24" s="21">
        <v>45</v>
      </c>
      <c r="C24" s="6">
        <v>35</v>
      </c>
      <c r="D24" s="5">
        <v>80</v>
      </c>
    </row>
    <row r="25" spans="1:4" ht="18" customHeight="1" x14ac:dyDescent="0.15">
      <c r="A25" s="8">
        <v>16</v>
      </c>
      <c r="B25" s="21">
        <v>44</v>
      </c>
      <c r="C25" s="6">
        <v>48</v>
      </c>
      <c r="D25" s="5">
        <v>92</v>
      </c>
    </row>
    <row r="26" spans="1:4" ht="18" customHeight="1" x14ac:dyDescent="0.15">
      <c r="A26" s="8">
        <v>17</v>
      </c>
      <c r="B26" s="21">
        <v>57</v>
      </c>
      <c r="C26" s="6">
        <v>44</v>
      </c>
      <c r="D26" s="5">
        <v>101</v>
      </c>
    </row>
    <row r="27" spans="1:4" ht="18" customHeight="1" x14ac:dyDescent="0.15">
      <c r="A27" s="8">
        <v>18</v>
      </c>
      <c r="B27" s="21">
        <v>44</v>
      </c>
      <c r="C27" s="6">
        <v>38</v>
      </c>
      <c r="D27" s="5">
        <v>82</v>
      </c>
    </row>
    <row r="28" spans="1:4" ht="18" customHeight="1" x14ac:dyDescent="0.15">
      <c r="A28" s="8">
        <v>19</v>
      </c>
      <c r="B28" s="21">
        <v>43</v>
      </c>
      <c r="C28" s="6">
        <v>40</v>
      </c>
      <c r="D28" s="5">
        <v>83</v>
      </c>
    </row>
    <row r="29" spans="1:4" ht="18" customHeight="1" x14ac:dyDescent="0.15">
      <c r="A29" s="8" t="s">
        <v>21</v>
      </c>
      <c r="B29" s="21">
        <v>233</v>
      </c>
      <c r="C29" s="6">
        <v>205</v>
      </c>
      <c r="D29" s="5">
        <v>438</v>
      </c>
    </row>
    <row r="30" spans="1:4" ht="18" customHeight="1" x14ac:dyDescent="0.15">
      <c r="A30" s="8">
        <v>20</v>
      </c>
      <c r="B30" s="21">
        <v>60</v>
      </c>
      <c r="C30" s="6">
        <v>31</v>
      </c>
      <c r="D30" s="5">
        <v>91</v>
      </c>
    </row>
    <row r="31" spans="1:4" ht="18" customHeight="1" x14ac:dyDescent="0.15">
      <c r="A31" s="8">
        <v>21</v>
      </c>
      <c r="B31" s="21">
        <v>48</v>
      </c>
      <c r="C31" s="6">
        <v>51</v>
      </c>
      <c r="D31" s="5">
        <v>99</v>
      </c>
    </row>
    <row r="32" spans="1:4" ht="18" customHeight="1" x14ac:dyDescent="0.15">
      <c r="A32" s="8">
        <v>22</v>
      </c>
      <c r="B32" s="21">
        <v>50</v>
      </c>
      <c r="C32" s="6">
        <v>51</v>
      </c>
      <c r="D32" s="5">
        <v>101</v>
      </c>
    </row>
    <row r="33" spans="1:4" ht="18" customHeight="1" x14ac:dyDescent="0.15">
      <c r="A33" s="8">
        <v>23</v>
      </c>
      <c r="B33" s="21">
        <v>77</v>
      </c>
      <c r="C33" s="6">
        <v>63</v>
      </c>
      <c r="D33" s="5">
        <v>140</v>
      </c>
    </row>
    <row r="34" spans="1:4" ht="18" customHeight="1" x14ac:dyDescent="0.15">
      <c r="A34" s="8">
        <v>24</v>
      </c>
      <c r="B34" s="21">
        <v>67</v>
      </c>
      <c r="C34" s="6">
        <v>49</v>
      </c>
      <c r="D34" s="5">
        <v>116</v>
      </c>
    </row>
    <row r="35" spans="1:4" ht="18" customHeight="1" x14ac:dyDescent="0.15">
      <c r="A35" s="8" t="s">
        <v>20</v>
      </c>
      <c r="B35" s="21">
        <v>302</v>
      </c>
      <c r="C35" s="6">
        <v>245</v>
      </c>
      <c r="D35" s="5">
        <v>547</v>
      </c>
    </row>
    <row r="36" spans="1:4" ht="18" customHeight="1" x14ac:dyDescent="0.15">
      <c r="A36" s="8">
        <v>25</v>
      </c>
      <c r="B36" s="21">
        <v>65</v>
      </c>
      <c r="C36" s="6">
        <v>56</v>
      </c>
      <c r="D36" s="5">
        <v>121</v>
      </c>
    </row>
    <row r="37" spans="1:4" ht="18" customHeight="1" x14ac:dyDescent="0.15">
      <c r="A37" s="8">
        <v>26</v>
      </c>
      <c r="B37" s="21">
        <v>67</v>
      </c>
      <c r="C37" s="6">
        <v>53</v>
      </c>
      <c r="D37" s="5">
        <v>120</v>
      </c>
    </row>
    <row r="38" spans="1:4" ht="18" customHeight="1" x14ac:dyDescent="0.15">
      <c r="A38" s="8">
        <v>27</v>
      </c>
      <c r="B38" s="21">
        <v>64</v>
      </c>
      <c r="C38" s="6">
        <v>44</v>
      </c>
      <c r="D38" s="5">
        <v>108</v>
      </c>
    </row>
    <row r="39" spans="1:4" ht="18" customHeight="1" x14ac:dyDescent="0.15">
      <c r="A39" s="8">
        <v>28</v>
      </c>
      <c r="B39" s="21">
        <v>63</v>
      </c>
      <c r="C39" s="6">
        <v>39</v>
      </c>
      <c r="D39" s="5">
        <v>102</v>
      </c>
    </row>
    <row r="40" spans="1:4" ht="18" customHeight="1" x14ac:dyDescent="0.15">
      <c r="A40" s="8">
        <v>29</v>
      </c>
      <c r="B40" s="21">
        <v>53</v>
      </c>
      <c r="C40" s="6">
        <v>50</v>
      </c>
      <c r="D40" s="5">
        <v>103</v>
      </c>
    </row>
    <row r="41" spans="1:4" ht="18" customHeight="1" x14ac:dyDescent="0.15">
      <c r="A41" s="8" t="s">
        <v>19</v>
      </c>
      <c r="B41" s="21">
        <v>312</v>
      </c>
      <c r="C41" s="6">
        <v>242</v>
      </c>
      <c r="D41" s="5">
        <v>554</v>
      </c>
    </row>
    <row r="42" spans="1:4" ht="18" customHeight="1" x14ac:dyDescent="0.15">
      <c r="A42" s="8">
        <v>30</v>
      </c>
      <c r="B42" s="21">
        <v>66</v>
      </c>
      <c r="C42" s="6">
        <v>51</v>
      </c>
      <c r="D42" s="5">
        <v>117</v>
      </c>
    </row>
    <row r="43" spans="1:4" ht="18" customHeight="1" x14ac:dyDescent="0.15">
      <c r="A43" s="8">
        <v>31</v>
      </c>
      <c r="B43" s="21">
        <v>68</v>
      </c>
      <c r="C43" s="6">
        <v>53</v>
      </c>
      <c r="D43" s="5">
        <v>121</v>
      </c>
    </row>
    <row r="44" spans="1:4" ht="18" customHeight="1" x14ac:dyDescent="0.15">
      <c r="A44" s="8">
        <v>32</v>
      </c>
      <c r="B44" s="21">
        <v>51</v>
      </c>
      <c r="C44" s="6">
        <v>50</v>
      </c>
      <c r="D44" s="5">
        <v>101</v>
      </c>
    </row>
    <row r="45" spans="1:4" ht="18" customHeight="1" x14ac:dyDescent="0.15">
      <c r="A45" s="8">
        <v>33</v>
      </c>
      <c r="B45" s="21">
        <v>48</v>
      </c>
      <c r="C45" s="6">
        <v>46</v>
      </c>
      <c r="D45" s="5">
        <v>94</v>
      </c>
    </row>
    <row r="46" spans="1:4" ht="18" customHeight="1" x14ac:dyDescent="0.15">
      <c r="A46" s="8">
        <v>34</v>
      </c>
      <c r="B46" s="21">
        <v>41</v>
      </c>
      <c r="C46" s="6">
        <v>45</v>
      </c>
      <c r="D46" s="5">
        <v>86</v>
      </c>
    </row>
    <row r="47" spans="1:4" ht="18" customHeight="1" x14ac:dyDescent="0.15">
      <c r="A47" s="8" t="s">
        <v>18</v>
      </c>
      <c r="B47" s="21">
        <v>274</v>
      </c>
      <c r="C47" s="6">
        <v>245</v>
      </c>
      <c r="D47" s="5">
        <v>519</v>
      </c>
    </row>
    <row r="48" spans="1:4" ht="18" customHeight="1" x14ac:dyDescent="0.15">
      <c r="A48" s="8">
        <v>35</v>
      </c>
      <c r="B48" s="21">
        <v>61</v>
      </c>
      <c r="C48" s="6">
        <v>47</v>
      </c>
      <c r="D48" s="5">
        <v>108</v>
      </c>
    </row>
    <row r="49" spans="1:4" ht="18" customHeight="1" x14ac:dyDescent="0.15">
      <c r="A49" s="8">
        <v>36</v>
      </c>
      <c r="B49" s="21">
        <v>71</v>
      </c>
      <c r="C49" s="6">
        <v>43</v>
      </c>
      <c r="D49" s="5">
        <v>114</v>
      </c>
    </row>
    <row r="50" spans="1:4" ht="18" customHeight="1" x14ac:dyDescent="0.15">
      <c r="A50" s="8">
        <v>37</v>
      </c>
      <c r="B50" s="21">
        <v>60</v>
      </c>
      <c r="C50" s="6">
        <v>63</v>
      </c>
      <c r="D50" s="5">
        <v>123</v>
      </c>
    </row>
    <row r="51" spans="1:4" ht="18" customHeight="1" x14ac:dyDescent="0.15">
      <c r="A51" s="8">
        <v>38</v>
      </c>
      <c r="B51" s="21">
        <v>51</v>
      </c>
      <c r="C51" s="6">
        <v>55</v>
      </c>
      <c r="D51" s="5">
        <v>106</v>
      </c>
    </row>
    <row r="52" spans="1:4" ht="18" customHeight="1" x14ac:dyDescent="0.15">
      <c r="A52" s="8">
        <v>39</v>
      </c>
      <c r="B52" s="21">
        <v>49</v>
      </c>
      <c r="C52" s="6">
        <v>43</v>
      </c>
      <c r="D52" s="5">
        <v>92</v>
      </c>
    </row>
    <row r="53" spans="1:4" ht="18" customHeight="1" x14ac:dyDescent="0.15">
      <c r="A53" s="8" t="s">
        <v>17</v>
      </c>
      <c r="B53" s="21">
        <v>292</v>
      </c>
      <c r="C53" s="6">
        <v>251</v>
      </c>
      <c r="D53" s="5">
        <v>543</v>
      </c>
    </row>
    <row r="54" spans="1:4" ht="18" customHeight="1" x14ac:dyDescent="0.15">
      <c r="A54" s="8">
        <v>40</v>
      </c>
      <c r="B54" s="21">
        <v>61</v>
      </c>
      <c r="C54" s="6">
        <v>54</v>
      </c>
      <c r="D54" s="5">
        <v>115</v>
      </c>
    </row>
    <row r="55" spans="1:4" ht="18" customHeight="1" x14ac:dyDescent="0.15">
      <c r="A55" s="8">
        <v>41</v>
      </c>
      <c r="B55" s="21">
        <v>60</v>
      </c>
      <c r="C55" s="6">
        <v>56</v>
      </c>
      <c r="D55" s="5">
        <v>116</v>
      </c>
    </row>
    <row r="56" spans="1:4" ht="18" customHeight="1" x14ac:dyDescent="0.15">
      <c r="A56" s="8">
        <v>42</v>
      </c>
      <c r="B56" s="21">
        <v>62</v>
      </c>
      <c r="C56" s="6">
        <v>59</v>
      </c>
      <c r="D56" s="5">
        <v>121</v>
      </c>
    </row>
    <row r="57" spans="1:4" ht="18" customHeight="1" x14ac:dyDescent="0.15">
      <c r="A57" s="8">
        <v>43</v>
      </c>
      <c r="B57" s="21">
        <v>64</v>
      </c>
      <c r="C57" s="6">
        <v>47</v>
      </c>
      <c r="D57" s="5">
        <v>111</v>
      </c>
    </row>
    <row r="58" spans="1:4" ht="18" customHeight="1" x14ac:dyDescent="0.15">
      <c r="A58" s="8">
        <v>44</v>
      </c>
      <c r="B58" s="21">
        <v>64</v>
      </c>
      <c r="C58" s="6">
        <v>46</v>
      </c>
      <c r="D58" s="5">
        <v>110</v>
      </c>
    </row>
    <row r="59" spans="1:4" ht="18" customHeight="1" x14ac:dyDescent="0.15">
      <c r="A59" s="8" t="s">
        <v>16</v>
      </c>
      <c r="B59" s="21">
        <v>311</v>
      </c>
      <c r="C59" s="6">
        <v>262</v>
      </c>
      <c r="D59" s="5">
        <v>573</v>
      </c>
    </row>
    <row r="60" spans="1:4" ht="18" customHeight="1" x14ac:dyDescent="0.15">
      <c r="A60" s="8">
        <v>45</v>
      </c>
      <c r="B60" s="21">
        <v>72</v>
      </c>
      <c r="C60" s="6">
        <v>60</v>
      </c>
      <c r="D60" s="5">
        <v>132</v>
      </c>
    </row>
    <row r="61" spans="1:4" ht="18" customHeight="1" x14ac:dyDescent="0.15">
      <c r="A61" s="8">
        <v>46</v>
      </c>
      <c r="B61" s="21">
        <v>62</v>
      </c>
      <c r="C61" s="6">
        <v>70</v>
      </c>
      <c r="D61" s="5">
        <v>132</v>
      </c>
    </row>
    <row r="62" spans="1:4" ht="18" customHeight="1" x14ac:dyDescent="0.15">
      <c r="A62" s="8">
        <v>47</v>
      </c>
      <c r="B62" s="21">
        <v>70</v>
      </c>
      <c r="C62" s="6">
        <v>64</v>
      </c>
      <c r="D62" s="5">
        <v>134</v>
      </c>
    </row>
    <row r="63" spans="1:4" ht="18" customHeight="1" x14ac:dyDescent="0.15">
      <c r="A63" s="8">
        <v>48</v>
      </c>
      <c r="B63" s="21">
        <v>73</v>
      </c>
      <c r="C63" s="6">
        <v>67</v>
      </c>
      <c r="D63" s="5">
        <v>140</v>
      </c>
    </row>
    <row r="64" spans="1:4" ht="18" customHeight="1" x14ac:dyDescent="0.15">
      <c r="A64" s="8">
        <v>49</v>
      </c>
      <c r="B64" s="21">
        <v>66</v>
      </c>
      <c r="C64" s="6">
        <v>69</v>
      </c>
      <c r="D64" s="5">
        <v>135</v>
      </c>
    </row>
    <row r="65" spans="1:4" ht="18" customHeight="1" x14ac:dyDescent="0.15">
      <c r="A65" s="8" t="s">
        <v>15</v>
      </c>
      <c r="B65" s="21">
        <v>343</v>
      </c>
      <c r="C65" s="6">
        <v>330</v>
      </c>
      <c r="D65" s="5">
        <v>673</v>
      </c>
    </row>
    <row r="66" spans="1:4" ht="18" customHeight="1" x14ac:dyDescent="0.15">
      <c r="A66" s="8">
        <v>50</v>
      </c>
      <c r="B66" s="21">
        <v>88</v>
      </c>
      <c r="C66" s="6">
        <v>96</v>
      </c>
      <c r="D66" s="5">
        <v>184</v>
      </c>
    </row>
    <row r="67" spans="1:4" ht="18" customHeight="1" x14ac:dyDescent="0.15">
      <c r="A67" s="8">
        <v>51</v>
      </c>
      <c r="B67" s="21">
        <v>102</v>
      </c>
      <c r="C67" s="6">
        <v>77</v>
      </c>
      <c r="D67" s="5">
        <v>179</v>
      </c>
    </row>
    <row r="68" spans="1:4" ht="18" customHeight="1" x14ac:dyDescent="0.15">
      <c r="A68" s="8">
        <v>52</v>
      </c>
      <c r="B68" s="21">
        <v>96</v>
      </c>
      <c r="C68" s="6">
        <v>95</v>
      </c>
      <c r="D68" s="5">
        <v>191</v>
      </c>
    </row>
    <row r="69" spans="1:4" ht="18" customHeight="1" x14ac:dyDescent="0.15">
      <c r="A69" s="8">
        <v>53</v>
      </c>
      <c r="B69" s="21">
        <v>96</v>
      </c>
      <c r="C69" s="6">
        <v>92</v>
      </c>
      <c r="D69" s="5">
        <v>188</v>
      </c>
    </row>
    <row r="70" spans="1:4" ht="18" customHeight="1" x14ac:dyDescent="0.15">
      <c r="A70" s="8">
        <v>54</v>
      </c>
      <c r="B70" s="21">
        <v>86</v>
      </c>
      <c r="C70" s="6">
        <v>90</v>
      </c>
      <c r="D70" s="5">
        <v>176</v>
      </c>
    </row>
    <row r="71" spans="1:4" ht="18" customHeight="1" x14ac:dyDescent="0.15">
      <c r="A71" s="8" t="s">
        <v>14</v>
      </c>
      <c r="B71" s="21">
        <v>468</v>
      </c>
      <c r="C71" s="6">
        <v>450</v>
      </c>
      <c r="D71" s="5">
        <v>918</v>
      </c>
    </row>
    <row r="72" spans="1:4" ht="18" customHeight="1" x14ac:dyDescent="0.15">
      <c r="A72" s="8">
        <v>55</v>
      </c>
      <c r="B72" s="21">
        <v>68</v>
      </c>
      <c r="C72" s="6">
        <v>96</v>
      </c>
      <c r="D72" s="5">
        <v>164</v>
      </c>
    </row>
    <row r="73" spans="1:4" ht="18" customHeight="1" x14ac:dyDescent="0.15">
      <c r="A73" s="8">
        <v>56</v>
      </c>
      <c r="B73" s="21">
        <v>95</v>
      </c>
      <c r="C73" s="6">
        <v>90</v>
      </c>
      <c r="D73" s="5">
        <v>185</v>
      </c>
    </row>
    <row r="74" spans="1:4" ht="18" customHeight="1" x14ac:dyDescent="0.15">
      <c r="A74" s="8">
        <v>57</v>
      </c>
      <c r="B74" s="21">
        <v>69</v>
      </c>
      <c r="C74" s="6">
        <v>71</v>
      </c>
      <c r="D74" s="5">
        <v>140</v>
      </c>
    </row>
    <row r="75" spans="1:4" ht="18" customHeight="1" x14ac:dyDescent="0.15">
      <c r="A75" s="8">
        <v>58</v>
      </c>
      <c r="B75" s="21">
        <v>89</v>
      </c>
      <c r="C75" s="6">
        <v>73</v>
      </c>
      <c r="D75" s="5">
        <v>162</v>
      </c>
    </row>
    <row r="76" spans="1:4" ht="18" customHeight="1" x14ac:dyDescent="0.15">
      <c r="A76" s="8">
        <v>59</v>
      </c>
      <c r="B76" s="21">
        <v>66</v>
      </c>
      <c r="C76" s="6">
        <v>48</v>
      </c>
      <c r="D76" s="5">
        <v>114</v>
      </c>
    </row>
    <row r="77" spans="1:4" ht="18" customHeight="1" x14ac:dyDescent="0.15">
      <c r="A77" s="8" t="s">
        <v>13</v>
      </c>
      <c r="B77" s="21">
        <v>387</v>
      </c>
      <c r="C77" s="6">
        <v>378</v>
      </c>
      <c r="D77" s="5">
        <v>765</v>
      </c>
    </row>
    <row r="78" spans="1:4" ht="18" customHeight="1" x14ac:dyDescent="0.15">
      <c r="A78" s="8">
        <v>60</v>
      </c>
      <c r="B78" s="21">
        <v>54</v>
      </c>
      <c r="C78" s="6">
        <v>71</v>
      </c>
      <c r="D78" s="5">
        <v>125</v>
      </c>
    </row>
    <row r="79" spans="1:4" ht="18" customHeight="1" x14ac:dyDescent="0.15">
      <c r="A79" s="8">
        <v>61</v>
      </c>
      <c r="B79" s="21">
        <v>67</v>
      </c>
      <c r="C79" s="6">
        <v>78</v>
      </c>
      <c r="D79" s="5">
        <v>145</v>
      </c>
    </row>
    <row r="80" spans="1:4" ht="18" customHeight="1" x14ac:dyDescent="0.15">
      <c r="A80" s="8">
        <v>62</v>
      </c>
      <c r="B80" s="21">
        <v>67</v>
      </c>
      <c r="C80" s="6">
        <v>71</v>
      </c>
      <c r="D80" s="5">
        <v>138</v>
      </c>
    </row>
    <row r="81" spans="1:4" ht="18" customHeight="1" x14ac:dyDescent="0.15">
      <c r="A81" s="8">
        <v>63</v>
      </c>
      <c r="B81" s="21">
        <v>58</v>
      </c>
      <c r="C81" s="6">
        <v>63</v>
      </c>
      <c r="D81" s="5">
        <v>121</v>
      </c>
    </row>
    <row r="82" spans="1:4" ht="18" customHeight="1" x14ac:dyDescent="0.15">
      <c r="A82" s="8">
        <v>64</v>
      </c>
      <c r="B82" s="21">
        <v>54</v>
      </c>
      <c r="C82" s="6">
        <v>63</v>
      </c>
      <c r="D82" s="5">
        <v>117</v>
      </c>
    </row>
    <row r="83" spans="1:4" ht="18" customHeight="1" x14ac:dyDescent="0.15">
      <c r="A83" s="8" t="s">
        <v>12</v>
      </c>
      <c r="B83" s="21">
        <v>300</v>
      </c>
      <c r="C83" s="6">
        <v>346</v>
      </c>
      <c r="D83" s="5">
        <v>646</v>
      </c>
    </row>
    <row r="84" spans="1:4" ht="18" customHeight="1" x14ac:dyDescent="0.15">
      <c r="A84" s="8" t="s">
        <v>11</v>
      </c>
      <c r="B84" s="21">
        <v>3222</v>
      </c>
      <c r="C84" s="6">
        <v>2954</v>
      </c>
      <c r="D84" s="5">
        <v>6176</v>
      </c>
    </row>
    <row r="85" spans="1:4" ht="18" customHeight="1" x14ac:dyDescent="0.15">
      <c r="A85" s="8">
        <v>65</v>
      </c>
      <c r="B85" s="21">
        <v>57</v>
      </c>
      <c r="C85" s="6">
        <v>80</v>
      </c>
      <c r="D85" s="5">
        <v>137</v>
      </c>
    </row>
    <row r="86" spans="1:4" ht="18" customHeight="1" x14ac:dyDescent="0.15">
      <c r="A86" s="8">
        <v>66</v>
      </c>
      <c r="B86" s="21">
        <v>59</v>
      </c>
      <c r="C86" s="6">
        <v>62</v>
      </c>
      <c r="D86" s="5">
        <v>121</v>
      </c>
    </row>
    <row r="87" spans="1:4" ht="18" customHeight="1" x14ac:dyDescent="0.15">
      <c r="A87" s="8">
        <v>67</v>
      </c>
      <c r="B87" s="21">
        <v>57</v>
      </c>
      <c r="C87" s="6">
        <v>47</v>
      </c>
      <c r="D87" s="5">
        <v>104</v>
      </c>
    </row>
    <row r="88" spans="1:4" ht="18" customHeight="1" x14ac:dyDescent="0.15">
      <c r="A88" s="8">
        <v>68</v>
      </c>
      <c r="B88" s="21">
        <v>56</v>
      </c>
      <c r="C88" s="6">
        <v>69</v>
      </c>
      <c r="D88" s="5">
        <v>125</v>
      </c>
    </row>
    <row r="89" spans="1:4" ht="18" customHeight="1" x14ac:dyDescent="0.15">
      <c r="A89" s="8">
        <v>69</v>
      </c>
      <c r="B89" s="21">
        <v>49</v>
      </c>
      <c r="C89" s="6">
        <v>55</v>
      </c>
      <c r="D89" s="5">
        <v>104</v>
      </c>
    </row>
    <row r="90" spans="1:4" ht="18" customHeight="1" x14ac:dyDescent="0.15">
      <c r="A90" s="8" t="s">
        <v>10</v>
      </c>
      <c r="B90" s="21">
        <v>278</v>
      </c>
      <c r="C90" s="6">
        <v>313</v>
      </c>
      <c r="D90" s="5">
        <v>591</v>
      </c>
    </row>
    <row r="91" spans="1:4" ht="18" customHeight="1" x14ac:dyDescent="0.15">
      <c r="A91" s="8">
        <v>70</v>
      </c>
      <c r="B91" s="21">
        <v>61</v>
      </c>
      <c r="C91" s="6">
        <v>72</v>
      </c>
      <c r="D91" s="5">
        <v>133</v>
      </c>
    </row>
    <row r="92" spans="1:4" ht="18" customHeight="1" x14ac:dyDescent="0.15">
      <c r="A92" s="8">
        <v>71</v>
      </c>
      <c r="B92" s="21">
        <v>49</v>
      </c>
      <c r="C92" s="6">
        <v>66</v>
      </c>
      <c r="D92" s="5">
        <v>115</v>
      </c>
    </row>
    <row r="93" spans="1:4" ht="18" customHeight="1" x14ac:dyDescent="0.15">
      <c r="A93" s="8">
        <v>72</v>
      </c>
      <c r="B93" s="21">
        <v>64</v>
      </c>
      <c r="C93" s="6">
        <v>61</v>
      </c>
      <c r="D93" s="5">
        <v>125</v>
      </c>
    </row>
    <row r="94" spans="1:4" ht="18" customHeight="1" x14ac:dyDescent="0.15">
      <c r="A94" s="8">
        <v>73</v>
      </c>
      <c r="B94" s="21">
        <v>69</v>
      </c>
      <c r="C94" s="6">
        <v>69</v>
      </c>
      <c r="D94" s="5">
        <v>138</v>
      </c>
    </row>
    <row r="95" spans="1:4" ht="18" customHeight="1" x14ac:dyDescent="0.15">
      <c r="A95" s="8">
        <v>74</v>
      </c>
      <c r="B95" s="21">
        <v>56</v>
      </c>
      <c r="C95" s="6">
        <v>73</v>
      </c>
      <c r="D95" s="5">
        <v>129</v>
      </c>
    </row>
    <row r="96" spans="1:4" ht="18" customHeight="1" x14ac:dyDescent="0.15">
      <c r="A96" s="8" t="s">
        <v>9</v>
      </c>
      <c r="B96" s="21">
        <v>299</v>
      </c>
      <c r="C96" s="6">
        <v>341</v>
      </c>
      <c r="D96" s="5">
        <v>640</v>
      </c>
    </row>
    <row r="97" spans="1:4" ht="18" customHeight="1" x14ac:dyDescent="0.15">
      <c r="A97" s="8">
        <v>75</v>
      </c>
      <c r="B97" s="21">
        <v>60</v>
      </c>
      <c r="C97" s="6">
        <v>74</v>
      </c>
      <c r="D97" s="5">
        <v>134</v>
      </c>
    </row>
    <row r="98" spans="1:4" ht="18" customHeight="1" x14ac:dyDescent="0.15">
      <c r="A98" s="8">
        <v>76</v>
      </c>
      <c r="B98" s="21">
        <v>73</v>
      </c>
      <c r="C98" s="6">
        <v>86</v>
      </c>
      <c r="D98" s="5">
        <v>159</v>
      </c>
    </row>
    <row r="99" spans="1:4" ht="18" customHeight="1" x14ac:dyDescent="0.15">
      <c r="A99" s="8">
        <v>77</v>
      </c>
      <c r="B99" s="21">
        <v>58</v>
      </c>
      <c r="C99" s="6">
        <v>83</v>
      </c>
      <c r="D99" s="5">
        <v>141</v>
      </c>
    </row>
    <row r="100" spans="1:4" ht="18" customHeight="1" x14ac:dyDescent="0.15">
      <c r="A100" s="8">
        <v>78</v>
      </c>
      <c r="B100" s="21">
        <v>79</v>
      </c>
      <c r="C100" s="6">
        <v>97</v>
      </c>
      <c r="D100" s="5">
        <v>176</v>
      </c>
    </row>
    <row r="101" spans="1:4" ht="18" customHeight="1" x14ac:dyDescent="0.15">
      <c r="A101" s="8">
        <v>79</v>
      </c>
      <c r="B101" s="21">
        <v>31</v>
      </c>
      <c r="C101" s="6">
        <v>60</v>
      </c>
      <c r="D101" s="5">
        <v>91</v>
      </c>
    </row>
    <row r="102" spans="1:4" ht="18" customHeight="1" x14ac:dyDescent="0.15">
      <c r="A102" s="8" t="s">
        <v>8</v>
      </c>
      <c r="B102" s="21">
        <v>301</v>
      </c>
      <c r="C102" s="6">
        <v>400</v>
      </c>
      <c r="D102" s="5">
        <v>701</v>
      </c>
    </row>
    <row r="103" spans="1:4" ht="18" customHeight="1" x14ac:dyDescent="0.15">
      <c r="A103" s="8">
        <v>80</v>
      </c>
      <c r="B103" s="21">
        <v>35</v>
      </c>
      <c r="C103" s="6">
        <v>51</v>
      </c>
      <c r="D103" s="5">
        <v>86</v>
      </c>
    </row>
    <row r="104" spans="1:4" ht="18" customHeight="1" x14ac:dyDescent="0.15">
      <c r="A104" s="8">
        <v>81</v>
      </c>
      <c r="B104" s="21">
        <v>53</v>
      </c>
      <c r="C104" s="6">
        <v>71</v>
      </c>
      <c r="D104" s="5">
        <v>124</v>
      </c>
    </row>
    <row r="105" spans="1:4" ht="18" customHeight="1" x14ac:dyDescent="0.15">
      <c r="A105" s="8">
        <v>82</v>
      </c>
      <c r="B105" s="21">
        <v>50</v>
      </c>
      <c r="C105" s="6">
        <v>57</v>
      </c>
      <c r="D105" s="5">
        <v>107</v>
      </c>
    </row>
    <row r="106" spans="1:4" ht="18" customHeight="1" x14ac:dyDescent="0.15">
      <c r="A106" s="8">
        <v>83</v>
      </c>
      <c r="B106" s="21">
        <v>41</v>
      </c>
      <c r="C106" s="6">
        <v>56</v>
      </c>
      <c r="D106" s="5">
        <v>97</v>
      </c>
    </row>
    <row r="107" spans="1:4" ht="18" customHeight="1" x14ac:dyDescent="0.15">
      <c r="A107" s="8">
        <v>84</v>
      </c>
      <c r="B107" s="21">
        <v>28</v>
      </c>
      <c r="C107" s="6">
        <v>59</v>
      </c>
      <c r="D107" s="5">
        <v>87</v>
      </c>
    </row>
    <row r="108" spans="1:4" ht="18" customHeight="1" x14ac:dyDescent="0.15">
      <c r="A108" s="8" t="s">
        <v>7</v>
      </c>
      <c r="B108" s="21">
        <v>207</v>
      </c>
      <c r="C108" s="6">
        <v>294</v>
      </c>
      <c r="D108" s="5">
        <v>501</v>
      </c>
    </row>
    <row r="109" spans="1:4" ht="18" customHeight="1" x14ac:dyDescent="0.15">
      <c r="A109" s="8">
        <v>85</v>
      </c>
      <c r="B109" s="21">
        <v>27</v>
      </c>
      <c r="C109" s="6">
        <v>46</v>
      </c>
      <c r="D109" s="5">
        <v>73</v>
      </c>
    </row>
    <row r="110" spans="1:4" ht="18" customHeight="1" x14ac:dyDescent="0.15">
      <c r="A110" s="8">
        <v>86</v>
      </c>
      <c r="B110" s="21">
        <v>21</v>
      </c>
      <c r="C110" s="6">
        <v>43</v>
      </c>
      <c r="D110" s="5">
        <v>64</v>
      </c>
    </row>
    <row r="111" spans="1:4" ht="18" customHeight="1" x14ac:dyDescent="0.15">
      <c r="A111" s="8">
        <v>87</v>
      </c>
      <c r="B111" s="21">
        <v>30</v>
      </c>
      <c r="C111" s="6">
        <v>45</v>
      </c>
      <c r="D111" s="5">
        <v>75</v>
      </c>
    </row>
    <row r="112" spans="1:4" ht="18" customHeight="1" x14ac:dyDescent="0.15">
      <c r="A112" s="8">
        <v>88</v>
      </c>
      <c r="B112" s="21">
        <v>24</v>
      </c>
      <c r="C112" s="6">
        <v>50</v>
      </c>
      <c r="D112" s="5">
        <v>74</v>
      </c>
    </row>
    <row r="113" spans="1:4" ht="18" customHeight="1" x14ac:dyDescent="0.15">
      <c r="A113" s="8">
        <v>89</v>
      </c>
      <c r="B113" s="21">
        <v>20</v>
      </c>
      <c r="C113" s="6">
        <v>47</v>
      </c>
      <c r="D113" s="5">
        <v>67</v>
      </c>
    </row>
    <row r="114" spans="1:4" ht="18" customHeight="1" x14ac:dyDescent="0.15">
      <c r="A114" s="8" t="s">
        <v>6</v>
      </c>
      <c r="B114" s="21">
        <v>122</v>
      </c>
      <c r="C114" s="6">
        <v>231</v>
      </c>
      <c r="D114" s="5">
        <v>353</v>
      </c>
    </row>
    <row r="115" spans="1:4" ht="18" customHeight="1" x14ac:dyDescent="0.15">
      <c r="A115" s="8">
        <v>90</v>
      </c>
      <c r="B115" s="21">
        <v>15</v>
      </c>
      <c r="C115" s="6">
        <v>34</v>
      </c>
      <c r="D115" s="5">
        <v>49</v>
      </c>
    </row>
    <row r="116" spans="1:4" ht="18" customHeight="1" x14ac:dyDescent="0.15">
      <c r="A116" s="8">
        <v>91</v>
      </c>
      <c r="B116" s="21">
        <v>13</v>
      </c>
      <c r="C116" s="6">
        <v>37</v>
      </c>
      <c r="D116" s="5">
        <v>50</v>
      </c>
    </row>
    <row r="117" spans="1:4" ht="18" customHeight="1" x14ac:dyDescent="0.15">
      <c r="A117" s="8">
        <v>92</v>
      </c>
      <c r="B117" s="21">
        <v>14</v>
      </c>
      <c r="C117" s="6">
        <v>41</v>
      </c>
      <c r="D117" s="5">
        <v>55</v>
      </c>
    </row>
    <row r="118" spans="1:4" ht="18" customHeight="1" x14ac:dyDescent="0.15">
      <c r="A118" s="8">
        <v>93</v>
      </c>
      <c r="B118" s="21">
        <v>8</v>
      </c>
      <c r="C118" s="6">
        <v>27</v>
      </c>
      <c r="D118" s="5">
        <v>35</v>
      </c>
    </row>
    <row r="119" spans="1:4" ht="18" customHeight="1" x14ac:dyDescent="0.15">
      <c r="A119" s="8">
        <v>94</v>
      </c>
      <c r="B119" s="21">
        <v>10</v>
      </c>
      <c r="C119" s="6">
        <v>24</v>
      </c>
      <c r="D119" s="5">
        <v>34</v>
      </c>
    </row>
    <row r="120" spans="1:4" ht="18" customHeight="1" x14ac:dyDescent="0.15">
      <c r="A120" s="8" t="s">
        <v>5</v>
      </c>
      <c r="B120" s="21">
        <v>60</v>
      </c>
      <c r="C120" s="6">
        <v>163</v>
      </c>
      <c r="D120" s="5">
        <v>223</v>
      </c>
    </row>
    <row r="121" spans="1:4" ht="18" customHeight="1" x14ac:dyDescent="0.15">
      <c r="A121" s="8">
        <v>95</v>
      </c>
      <c r="B121" s="21">
        <v>1</v>
      </c>
      <c r="C121" s="6">
        <v>20</v>
      </c>
      <c r="D121" s="5">
        <v>21</v>
      </c>
    </row>
    <row r="122" spans="1:4" ht="18" customHeight="1" x14ac:dyDescent="0.15">
      <c r="A122" s="8">
        <v>96</v>
      </c>
      <c r="B122" s="21">
        <v>6</v>
      </c>
      <c r="C122" s="6">
        <v>8</v>
      </c>
      <c r="D122" s="5">
        <v>14</v>
      </c>
    </row>
    <row r="123" spans="1:4" ht="18" customHeight="1" x14ac:dyDescent="0.15">
      <c r="A123" s="8">
        <v>97</v>
      </c>
      <c r="B123" s="21">
        <v>2</v>
      </c>
      <c r="C123" s="6">
        <v>11</v>
      </c>
      <c r="D123" s="5">
        <v>13</v>
      </c>
    </row>
    <row r="124" spans="1:4" ht="18" customHeight="1" x14ac:dyDescent="0.15">
      <c r="A124" s="8">
        <v>98</v>
      </c>
      <c r="B124" s="21">
        <v>0</v>
      </c>
      <c r="C124" s="6">
        <v>9</v>
      </c>
      <c r="D124" s="5">
        <v>9</v>
      </c>
    </row>
    <row r="125" spans="1:4" ht="18" customHeight="1" x14ac:dyDescent="0.15">
      <c r="A125" s="8">
        <v>99</v>
      </c>
      <c r="B125" s="21">
        <v>1</v>
      </c>
      <c r="C125" s="6">
        <v>6</v>
      </c>
      <c r="D125" s="5">
        <v>7</v>
      </c>
    </row>
    <row r="126" spans="1:4" ht="18" customHeight="1" x14ac:dyDescent="0.15">
      <c r="A126" s="8" t="s">
        <v>4</v>
      </c>
      <c r="B126" s="21">
        <v>10</v>
      </c>
      <c r="C126" s="6">
        <v>54</v>
      </c>
      <c r="D126" s="5">
        <v>64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7</v>
      </c>
      <c r="D128" s="5">
        <v>7</v>
      </c>
    </row>
    <row r="129" spans="1:4" ht="18" customHeight="1" x14ac:dyDescent="0.15">
      <c r="A129" s="8" t="s">
        <v>2</v>
      </c>
      <c r="B129" s="21">
        <v>0</v>
      </c>
      <c r="C129" s="6">
        <v>9</v>
      </c>
      <c r="D129" s="5">
        <v>9</v>
      </c>
    </row>
    <row r="130" spans="1:4" ht="18" customHeight="1" x14ac:dyDescent="0.15">
      <c r="A130" s="8" t="s">
        <v>1</v>
      </c>
      <c r="B130" s="21">
        <v>1277</v>
      </c>
      <c r="C130" s="6">
        <v>1805</v>
      </c>
      <c r="D130" s="5">
        <v>3082</v>
      </c>
    </row>
    <row r="131" spans="1:4" ht="18" customHeight="1" x14ac:dyDescent="0.15">
      <c r="A131" s="4" t="s">
        <v>0</v>
      </c>
      <c r="B131" s="20">
        <v>5045</v>
      </c>
      <c r="C131" s="2">
        <v>5283</v>
      </c>
      <c r="D131" s="1">
        <v>1032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DB9BAB-E6CC-4E3D-AA3E-0B96852877A2}">
  <sheetPr codeName="Sheet2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3</v>
      </c>
      <c r="C5" s="11">
        <v>26</v>
      </c>
      <c r="D5" s="10">
        <v>49</v>
      </c>
    </row>
    <row r="6" spans="1:4" ht="18" customHeight="1" x14ac:dyDescent="0.15">
      <c r="A6" s="8">
        <v>1</v>
      </c>
      <c r="B6" s="21">
        <v>24</v>
      </c>
      <c r="C6" s="6">
        <v>27</v>
      </c>
      <c r="D6" s="5">
        <v>51</v>
      </c>
    </row>
    <row r="7" spans="1:4" ht="18" customHeight="1" x14ac:dyDescent="0.15">
      <c r="A7" s="8">
        <v>2</v>
      </c>
      <c r="B7" s="21">
        <v>25</v>
      </c>
      <c r="C7" s="6">
        <v>31</v>
      </c>
      <c r="D7" s="5">
        <v>56</v>
      </c>
    </row>
    <row r="8" spans="1:4" ht="18" customHeight="1" x14ac:dyDescent="0.15">
      <c r="A8" s="8">
        <v>3</v>
      </c>
      <c r="B8" s="21">
        <v>32</v>
      </c>
      <c r="C8" s="6">
        <v>28</v>
      </c>
      <c r="D8" s="5">
        <v>60</v>
      </c>
    </row>
    <row r="9" spans="1:4" ht="18" customHeight="1" x14ac:dyDescent="0.15">
      <c r="A9" s="8">
        <v>4</v>
      </c>
      <c r="B9" s="21">
        <v>33</v>
      </c>
      <c r="C9" s="6">
        <v>25</v>
      </c>
      <c r="D9" s="5">
        <v>58</v>
      </c>
    </row>
    <row r="10" spans="1:4" ht="18" customHeight="1" x14ac:dyDescent="0.15">
      <c r="A10" s="8" t="s">
        <v>25</v>
      </c>
      <c r="B10" s="21">
        <v>137</v>
      </c>
      <c r="C10" s="6">
        <v>137</v>
      </c>
      <c r="D10" s="5">
        <v>274</v>
      </c>
    </row>
    <row r="11" spans="1:4" ht="18" customHeight="1" x14ac:dyDescent="0.15">
      <c r="A11" s="8">
        <v>5</v>
      </c>
      <c r="B11" s="21">
        <v>37</v>
      </c>
      <c r="C11" s="6">
        <v>18</v>
      </c>
      <c r="D11" s="5">
        <v>55</v>
      </c>
    </row>
    <row r="12" spans="1:4" ht="18" customHeight="1" x14ac:dyDescent="0.15">
      <c r="A12" s="8">
        <v>6</v>
      </c>
      <c r="B12" s="21">
        <v>32</v>
      </c>
      <c r="C12" s="6">
        <v>30</v>
      </c>
      <c r="D12" s="5">
        <v>62</v>
      </c>
    </row>
    <row r="13" spans="1:4" ht="18" customHeight="1" x14ac:dyDescent="0.15">
      <c r="A13" s="8">
        <v>7</v>
      </c>
      <c r="B13" s="21">
        <v>38</v>
      </c>
      <c r="C13" s="6">
        <v>38</v>
      </c>
      <c r="D13" s="5">
        <v>76</v>
      </c>
    </row>
    <row r="14" spans="1:4" ht="18" customHeight="1" x14ac:dyDescent="0.15">
      <c r="A14" s="8">
        <v>8</v>
      </c>
      <c r="B14" s="21">
        <v>22</v>
      </c>
      <c r="C14" s="6">
        <v>41</v>
      </c>
      <c r="D14" s="5">
        <v>63</v>
      </c>
    </row>
    <row r="15" spans="1:4" ht="18" customHeight="1" x14ac:dyDescent="0.15">
      <c r="A15" s="8">
        <v>9</v>
      </c>
      <c r="B15" s="21">
        <v>35</v>
      </c>
      <c r="C15" s="6">
        <v>38</v>
      </c>
      <c r="D15" s="5">
        <v>73</v>
      </c>
    </row>
    <row r="16" spans="1:4" ht="18" customHeight="1" x14ac:dyDescent="0.15">
      <c r="A16" s="8" t="s">
        <v>24</v>
      </c>
      <c r="B16" s="21">
        <v>164</v>
      </c>
      <c r="C16" s="6">
        <v>165</v>
      </c>
      <c r="D16" s="5">
        <v>329</v>
      </c>
    </row>
    <row r="17" spans="1:4" ht="18" customHeight="1" x14ac:dyDescent="0.15">
      <c r="A17" s="8">
        <v>10</v>
      </c>
      <c r="B17" s="21">
        <v>37</v>
      </c>
      <c r="C17" s="6">
        <v>28</v>
      </c>
      <c r="D17" s="5">
        <v>65</v>
      </c>
    </row>
    <row r="18" spans="1:4" ht="18" customHeight="1" x14ac:dyDescent="0.15">
      <c r="A18" s="8">
        <v>11</v>
      </c>
      <c r="B18" s="21">
        <v>39</v>
      </c>
      <c r="C18" s="6">
        <v>33</v>
      </c>
      <c r="D18" s="5">
        <v>72</v>
      </c>
    </row>
    <row r="19" spans="1:4" ht="18" customHeight="1" x14ac:dyDescent="0.15">
      <c r="A19" s="8">
        <v>12</v>
      </c>
      <c r="B19" s="21">
        <v>28</v>
      </c>
      <c r="C19" s="6">
        <v>29</v>
      </c>
      <c r="D19" s="5">
        <v>57</v>
      </c>
    </row>
    <row r="20" spans="1:4" ht="18" customHeight="1" x14ac:dyDescent="0.15">
      <c r="A20" s="8">
        <v>13</v>
      </c>
      <c r="B20" s="21">
        <v>28</v>
      </c>
      <c r="C20" s="6">
        <v>32</v>
      </c>
      <c r="D20" s="5">
        <v>60</v>
      </c>
    </row>
    <row r="21" spans="1:4" ht="18" customHeight="1" x14ac:dyDescent="0.15">
      <c r="A21" s="8">
        <v>14</v>
      </c>
      <c r="B21" s="21">
        <v>32</v>
      </c>
      <c r="C21" s="6">
        <v>25</v>
      </c>
      <c r="D21" s="5">
        <v>57</v>
      </c>
    </row>
    <row r="22" spans="1:4" ht="18" customHeight="1" x14ac:dyDescent="0.15">
      <c r="A22" s="8" t="s">
        <v>23</v>
      </c>
      <c r="B22" s="21">
        <v>164</v>
      </c>
      <c r="C22" s="6">
        <v>147</v>
      </c>
      <c r="D22" s="5">
        <v>311</v>
      </c>
    </row>
    <row r="23" spans="1:4" ht="18" customHeight="1" x14ac:dyDescent="0.15">
      <c r="A23" s="8" t="s">
        <v>22</v>
      </c>
      <c r="B23" s="21">
        <v>465</v>
      </c>
      <c r="C23" s="6">
        <v>449</v>
      </c>
      <c r="D23" s="5">
        <v>914</v>
      </c>
    </row>
    <row r="24" spans="1:4" ht="18" customHeight="1" x14ac:dyDescent="0.15">
      <c r="A24" s="8">
        <v>15</v>
      </c>
      <c r="B24" s="21">
        <v>40</v>
      </c>
      <c r="C24" s="6">
        <v>32</v>
      </c>
      <c r="D24" s="5">
        <v>72</v>
      </c>
    </row>
    <row r="25" spans="1:4" ht="18" customHeight="1" x14ac:dyDescent="0.15">
      <c r="A25" s="8">
        <v>16</v>
      </c>
      <c r="B25" s="21">
        <v>35</v>
      </c>
      <c r="C25" s="6">
        <v>22</v>
      </c>
      <c r="D25" s="5">
        <v>57</v>
      </c>
    </row>
    <row r="26" spans="1:4" ht="18" customHeight="1" x14ac:dyDescent="0.15">
      <c r="A26" s="8">
        <v>17</v>
      </c>
      <c r="B26" s="21">
        <v>33</v>
      </c>
      <c r="C26" s="6">
        <v>26</v>
      </c>
      <c r="D26" s="5">
        <v>59</v>
      </c>
    </row>
    <row r="27" spans="1:4" ht="18" customHeight="1" x14ac:dyDescent="0.15">
      <c r="A27" s="8">
        <v>18</v>
      </c>
      <c r="B27" s="21">
        <v>29</v>
      </c>
      <c r="C27" s="6">
        <v>19</v>
      </c>
      <c r="D27" s="5">
        <v>48</v>
      </c>
    </row>
    <row r="28" spans="1:4" ht="18" customHeight="1" x14ac:dyDescent="0.15">
      <c r="A28" s="8">
        <v>19</v>
      </c>
      <c r="B28" s="21">
        <v>31</v>
      </c>
      <c r="C28" s="6">
        <v>32</v>
      </c>
      <c r="D28" s="5">
        <v>63</v>
      </c>
    </row>
    <row r="29" spans="1:4" ht="18" customHeight="1" x14ac:dyDescent="0.15">
      <c r="A29" s="8" t="s">
        <v>21</v>
      </c>
      <c r="B29" s="21">
        <v>168</v>
      </c>
      <c r="C29" s="6">
        <v>131</v>
      </c>
      <c r="D29" s="5">
        <v>299</v>
      </c>
    </row>
    <row r="30" spans="1:4" ht="18" customHeight="1" x14ac:dyDescent="0.15">
      <c r="A30" s="8">
        <v>20</v>
      </c>
      <c r="B30" s="21">
        <v>24</v>
      </c>
      <c r="C30" s="6">
        <v>20</v>
      </c>
      <c r="D30" s="5">
        <v>44</v>
      </c>
    </row>
    <row r="31" spans="1:4" ht="18" customHeight="1" x14ac:dyDescent="0.15">
      <c r="A31" s="8">
        <v>21</v>
      </c>
      <c r="B31" s="21">
        <v>22</v>
      </c>
      <c r="C31" s="6">
        <v>41</v>
      </c>
      <c r="D31" s="5">
        <v>63</v>
      </c>
    </row>
    <row r="32" spans="1:4" ht="18" customHeight="1" x14ac:dyDescent="0.15">
      <c r="A32" s="8">
        <v>22</v>
      </c>
      <c r="B32" s="21">
        <v>31</v>
      </c>
      <c r="C32" s="6">
        <v>31</v>
      </c>
      <c r="D32" s="5">
        <v>62</v>
      </c>
    </row>
    <row r="33" spans="1:4" ht="18" customHeight="1" x14ac:dyDescent="0.15">
      <c r="A33" s="8">
        <v>23</v>
      </c>
      <c r="B33" s="21">
        <v>41</v>
      </c>
      <c r="C33" s="6">
        <v>40</v>
      </c>
      <c r="D33" s="5">
        <v>81</v>
      </c>
    </row>
    <row r="34" spans="1:4" ht="18" customHeight="1" x14ac:dyDescent="0.15">
      <c r="A34" s="8">
        <v>24</v>
      </c>
      <c r="B34" s="21">
        <v>41</v>
      </c>
      <c r="C34" s="6">
        <v>27</v>
      </c>
      <c r="D34" s="5">
        <v>68</v>
      </c>
    </row>
    <row r="35" spans="1:4" ht="18" customHeight="1" x14ac:dyDescent="0.15">
      <c r="A35" s="8" t="s">
        <v>20</v>
      </c>
      <c r="B35" s="21">
        <v>159</v>
      </c>
      <c r="C35" s="6">
        <v>159</v>
      </c>
      <c r="D35" s="5">
        <v>318</v>
      </c>
    </row>
    <row r="36" spans="1:4" ht="18" customHeight="1" x14ac:dyDescent="0.15">
      <c r="A36" s="8">
        <v>25</v>
      </c>
      <c r="B36" s="21">
        <v>43</v>
      </c>
      <c r="C36" s="6">
        <v>33</v>
      </c>
      <c r="D36" s="5">
        <v>76</v>
      </c>
    </row>
    <row r="37" spans="1:4" ht="18" customHeight="1" x14ac:dyDescent="0.15">
      <c r="A37" s="8">
        <v>26</v>
      </c>
      <c r="B37" s="21">
        <v>43</v>
      </c>
      <c r="C37" s="6">
        <v>39</v>
      </c>
      <c r="D37" s="5">
        <v>82</v>
      </c>
    </row>
    <row r="38" spans="1:4" ht="18" customHeight="1" x14ac:dyDescent="0.15">
      <c r="A38" s="8">
        <v>27</v>
      </c>
      <c r="B38" s="21">
        <v>51</v>
      </c>
      <c r="C38" s="6">
        <v>51</v>
      </c>
      <c r="D38" s="5">
        <v>102</v>
      </c>
    </row>
    <row r="39" spans="1:4" ht="18" customHeight="1" x14ac:dyDescent="0.15">
      <c r="A39" s="8">
        <v>28</v>
      </c>
      <c r="B39" s="21">
        <v>37</v>
      </c>
      <c r="C39" s="6">
        <v>45</v>
      </c>
      <c r="D39" s="5">
        <v>82</v>
      </c>
    </row>
    <row r="40" spans="1:4" ht="18" customHeight="1" x14ac:dyDescent="0.15">
      <c r="A40" s="8">
        <v>29</v>
      </c>
      <c r="B40" s="21">
        <v>42</v>
      </c>
      <c r="C40" s="6">
        <v>39</v>
      </c>
      <c r="D40" s="5">
        <v>81</v>
      </c>
    </row>
    <row r="41" spans="1:4" ht="18" customHeight="1" x14ac:dyDescent="0.15">
      <c r="A41" s="8" t="s">
        <v>19</v>
      </c>
      <c r="B41" s="21">
        <v>216</v>
      </c>
      <c r="C41" s="6">
        <v>207</v>
      </c>
      <c r="D41" s="5">
        <v>423</v>
      </c>
    </row>
    <row r="42" spans="1:4" ht="18" customHeight="1" x14ac:dyDescent="0.15">
      <c r="A42" s="8">
        <v>30</v>
      </c>
      <c r="B42" s="21">
        <v>50</v>
      </c>
      <c r="C42" s="6">
        <v>43</v>
      </c>
      <c r="D42" s="5">
        <v>93</v>
      </c>
    </row>
    <row r="43" spans="1:4" ht="18" customHeight="1" x14ac:dyDescent="0.15">
      <c r="A43" s="8">
        <v>31</v>
      </c>
      <c r="B43" s="21">
        <v>41</v>
      </c>
      <c r="C43" s="6">
        <v>34</v>
      </c>
      <c r="D43" s="5">
        <v>75</v>
      </c>
    </row>
    <row r="44" spans="1:4" ht="18" customHeight="1" x14ac:dyDescent="0.15">
      <c r="A44" s="8">
        <v>32</v>
      </c>
      <c r="B44" s="21">
        <v>59</v>
      </c>
      <c r="C44" s="6">
        <v>42</v>
      </c>
      <c r="D44" s="5">
        <v>101</v>
      </c>
    </row>
    <row r="45" spans="1:4" ht="18" customHeight="1" x14ac:dyDescent="0.15">
      <c r="A45" s="8">
        <v>33</v>
      </c>
      <c r="B45" s="21">
        <v>37</v>
      </c>
      <c r="C45" s="6">
        <v>50</v>
      </c>
      <c r="D45" s="5">
        <v>87</v>
      </c>
    </row>
    <row r="46" spans="1:4" ht="18" customHeight="1" x14ac:dyDescent="0.15">
      <c r="A46" s="8">
        <v>34</v>
      </c>
      <c r="B46" s="21">
        <v>49</v>
      </c>
      <c r="C46" s="6">
        <v>32</v>
      </c>
      <c r="D46" s="5">
        <v>81</v>
      </c>
    </row>
    <row r="47" spans="1:4" ht="18" customHeight="1" x14ac:dyDescent="0.15">
      <c r="A47" s="8" t="s">
        <v>18</v>
      </c>
      <c r="B47" s="21">
        <v>236</v>
      </c>
      <c r="C47" s="6">
        <v>201</v>
      </c>
      <c r="D47" s="5">
        <v>437</v>
      </c>
    </row>
    <row r="48" spans="1:4" ht="18" customHeight="1" x14ac:dyDescent="0.15">
      <c r="A48" s="8">
        <v>35</v>
      </c>
      <c r="B48" s="21">
        <v>47</v>
      </c>
      <c r="C48" s="6">
        <v>45</v>
      </c>
      <c r="D48" s="5">
        <v>92</v>
      </c>
    </row>
    <row r="49" spans="1:4" ht="18" customHeight="1" x14ac:dyDescent="0.15">
      <c r="A49" s="8">
        <v>36</v>
      </c>
      <c r="B49" s="21">
        <v>37</v>
      </c>
      <c r="C49" s="6">
        <v>48</v>
      </c>
      <c r="D49" s="5">
        <v>85</v>
      </c>
    </row>
    <row r="50" spans="1:4" ht="18" customHeight="1" x14ac:dyDescent="0.15">
      <c r="A50" s="8">
        <v>37</v>
      </c>
      <c r="B50" s="21">
        <v>47</v>
      </c>
      <c r="C50" s="6">
        <v>36</v>
      </c>
      <c r="D50" s="5">
        <v>83</v>
      </c>
    </row>
    <row r="51" spans="1:4" ht="18" customHeight="1" x14ac:dyDescent="0.15">
      <c r="A51" s="8">
        <v>38</v>
      </c>
      <c r="B51" s="21">
        <v>51</v>
      </c>
      <c r="C51" s="6">
        <v>41</v>
      </c>
      <c r="D51" s="5">
        <v>92</v>
      </c>
    </row>
    <row r="52" spans="1:4" ht="18" customHeight="1" x14ac:dyDescent="0.15">
      <c r="A52" s="8">
        <v>39</v>
      </c>
      <c r="B52" s="21">
        <v>57</v>
      </c>
      <c r="C52" s="6">
        <v>42</v>
      </c>
      <c r="D52" s="5">
        <v>99</v>
      </c>
    </row>
    <row r="53" spans="1:4" ht="18" customHeight="1" x14ac:dyDescent="0.15">
      <c r="A53" s="8" t="s">
        <v>17</v>
      </c>
      <c r="B53" s="21">
        <v>239</v>
      </c>
      <c r="C53" s="6">
        <v>212</v>
      </c>
      <c r="D53" s="5">
        <v>451</v>
      </c>
    </row>
    <row r="54" spans="1:4" ht="18" customHeight="1" x14ac:dyDescent="0.15">
      <c r="A54" s="8">
        <v>40</v>
      </c>
      <c r="B54" s="21">
        <v>54</v>
      </c>
      <c r="C54" s="6">
        <v>50</v>
      </c>
      <c r="D54" s="5">
        <v>104</v>
      </c>
    </row>
    <row r="55" spans="1:4" ht="18" customHeight="1" x14ac:dyDescent="0.15">
      <c r="A55" s="8">
        <v>41</v>
      </c>
      <c r="B55" s="21">
        <v>53</v>
      </c>
      <c r="C55" s="6">
        <v>49</v>
      </c>
      <c r="D55" s="5">
        <v>102</v>
      </c>
    </row>
    <row r="56" spans="1:4" ht="18" customHeight="1" x14ac:dyDescent="0.15">
      <c r="A56" s="8">
        <v>42</v>
      </c>
      <c r="B56" s="21">
        <v>51</v>
      </c>
      <c r="C56" s="6">
        <v>43</v>
      </c>
      <c r="D56" s="5">
        <v>94</v>
      </c>
    </row>
    <row r="57" spans="1:4" ht="18" customHeight="1" x14ac:dyDescent="0.15">
      <c r="A57" s="8">
        <v>43</v>
      </c>
      <c r="B57" s="21">
        <v>65</v>
      </c>
      <c r="C57" s="6">
        <v>54</v>
      </c>
      <c r="D57" s="5">
        <v>119</v>
      </c>
    </row>
    <row r="58" spans="1:4" ht="18" customHeight="1" x14ac:dyDescent="0.15">
      <c r="A58" s="8">
        <v>44</v>
      </c>
      <c r="B58" s="21">
        <v>36</v>
      </c>
      <c r="C58" s="6">
        <v>42</v>
      </c>
      <c r="D58" s="5">
        <v>78</v>
      </c>
    </row>
    <row r="59" spans="1:4" ht="18" customHeight="1" x14ac:dyDescent="0.15">
      <c r="A59" s="8" t="s">
        <v>16</v>
      </c>
      <c r="B59" s="21">
        <v>259</v>
      </c>
      <c r="C59" s="6">
        <v>238</v>
      </c>
      <c r="D59" s="5">
        <v>497</v>
      </c>
    </row>
    <row r="60" spans="1:4" ht="18" customHeight="1" x14ac:dyDescent="0.15">
      <c r="A60" s="8">
        <v>45</v>
      </c>
      <c r="B60" s="21">
        <v>39</v>
      </c>
      <c r="C60" s="6">
        <v>43</v>
      </c>
      <c r="D60" s="5">
        <v>82</v>
      </c>
    </row>
    <row r="61" spans="1:4" ht="18" customHeight="1" x14ac:dyDescent="0.15">
      <c r="A61" s="8">
        <v>46</v>
      </c>
      <c r="B61" s="21">
        <v>43</v>
      </c>
      <c r="C61" s="6">
        <v>38</v>
      </c>
      <c r="D61" s="5">
        <v>81</v>
      </c>
    </row>
    <row r="62" spans="1:4" ht="18" customHeight="1" x14ac:dyDescent="0.15">
      <c r="A62" s="8">
        <v>47</v>
      </c>
      <c r="B62" s="21">
        <v>58</v>
      </c>
      <c r="C62" s="6">
        <v>49</v>
      </c>
      <c r="D62" s="5">
        <v>107</v>
      </c>
    </row>
    <row r="63" spans="1:4" ht="18" customHeight="1" x14ac:dyDescent="0.15">
      <c r="A63" s="8">
        <v>48</v>
      </c>
      <c r="B63" s="21">
        <v>56</v>
      </c>
      <c r="C63" s="6">
        <v>55</v>
      </c>
      <c r="D63" s="5">
        <v>111</v>
      </c>
    </row>
    <row r="64" spans="1:4" ht="18" customHeight="1" x14ac:dyDescent="0.15">
      <c r="A64" s="8">
        <v>49</v>
      </c>
      <c r="B64" s="21">
        <v>50</v>
      </c>
      <c r="C64" s="6">
        <v>55</v>
      </c>
      <c r="D64" s="5">
        <v>105</v>
      </c>
    </row>
    <row r="65" spans="1:4" ht="18" customHeight="1" x14ac:dyDescent="0.15">
      <c r="A65" s="8" t="s">
        <v>15</v>
      </c>
      <c r="B65" s="21">
        <v>246</v>
      </c>
      <c r="C65" s="6">
        <v>240</v>
      </c>
      <c r="D65" s="5">
        <v>486</v>
      </c>
    </row>
    <row r="66" spans="1:4" ht="18" customHeight="1" x14ac:dyDescent="0.15">
      <c r="A66" s="8">
        <v>50</v>
      </c>
      <c r="B66" s="21">
        <v>58</v>
      </c>
      <c r="C66" s="6">
        <v>58</v>
      </c>
      <c r="D66" s="5">
        <v>116</v>
      </c>
    </row>
    <row r="67" spans="1:4" ht="18" customHeight="1" x14ac:dyDescent="0.15">
      <c r="A67" s="8">
        <v>51</v>
      </c>
      <c r="B67" s="21">
        <v>59</v>
      </c>
      <c r="C67" s="6">
        <v>40</v>
      </c>
      <c r="D67" s="5">
        <v>99</v>
      </c>
    </row>
    <row r="68" spans="1:4" ht="18" customHeight="1" x14ac:dyDescent="0.15">
      <c r="A68" s="8">
        <v>52</v>
      </c>
      <c r="B68" s="21">
        <v>71</v>
      </c>
      <c r="C68" s="6">
        <v>66</v>
      </c>
      <c r="D68" s="5">
        <v>137</v>
      </c>
    </row>
    <row r="69" spans="1:4" ht="18" customHeight="1" x14ac:dyDescent="0.15">
      <c r="A69" s="8">
        <v>53</v>
      </c>
      <c r="B69" s="21">
        <v>64</v>
      </c>
      <c r="C69" s="6">
        <v>59</v>
      </c>
      <c r="D69" s="5">
        <v>123</v>
      </c>
    </row>
    <row r="70" spans="1:4" ht="18" customHeight="1" x14ac:dyDescent="0.15">
      <c r="A70" s="8">
        <v>54</v>
      </c>
      <c r="B70" s="21">
        <v>47</v>
      </c>
      <c r="C70" s="6">
        <v>52</v>
      </c>
      <c r="D70" s="5">
        <v>99</v>
      </c>
    </row>
    <row r="71" spans="1:4" ht="18" customHeight="1" x14ac:dyDescent="0.15">
      <c r="A71" s="8" t="s">
        <v>14</v>
      </c>
      <c r="B71" s="21">
        <v>299</v>
      </c>
      <c r="C71" s="6">
        <v>275</v>
      </c>
      <c r="D71" s="5">
        <v>574</v>
      </c>
    </row>
    <row r="72" spans="1:4" ht="18" customHeight="1" x14ac:dyDescent="0.15">
      <c r="A72" s="8">
        <v>55</v>
      </c>
      <c r="B72" s="21">
        <v>59</v>
      </c>
      <c r="C72" s="6">
        <v>56</v>
      </c>
      <c r="D72" s="5">
        <v>115</v>
      </c>
    </row>
    <row r="73" spans="1:4" ht="18" customHeight="1" x14ac:dyDescent="0.15">
      <c r="A73" s="8">
        <v>56</v>
      </c>
      <c r="B73" s="21">
        <v>67</v>
      </c>
      <c r="C73" s="6">
        <v>58</v>
      </c>
      <c r="D73" s="5">
        <v>125</v>
      </c>
    </row>
    <row r="74" spans="1:4" ht="18" customHeight="1" x14ac:dyDescent="0.15">
      <c r="A74" s="8">
        <v>57</v>
      </c>
      <c r="B74" s="21">
        <v>49</v>
      </c>
      <c r="C74" s="6">
        <v>60</v>
      </c>
      <c r="D74" s="5">
        <v>109</v>
      </c>
    </row>
    <row r="75" spans="1:4" ht="18" customHeight="1" x14ac:dyDescent="0.15">
      <c r="A75" s="8">
        <v>58</v>
      </c>
      <c r="B75" s="21">
        <v>72</v>
      </c>
      <c r="C75" s="6">
        <v>59</v>
      </c>
      <c r="D75" s="5">
        <v>131</v>
      </c>
    </row>
    <row r="76" spans="1:4" ht="18" customHeight="1" x14ac:dyDescent="0.15">
      <c r="A76" s="8">
        <v>59</v>
      </c>
      <c r="B76" s="21">
        <v>43</v>
      </c>
      <c r="C76" s="6">
        <v>51</v>
      </c>
      <c r="D76" s="5">
        <v>94</v>
      </c>
    </row>
    <row r="77" spans="1:4" ht="18" customHeight="1" x14ac:dyDescent="0.15">
      <c r="A77" s="8" t="s">
        <v>13</v>
      </c>
      <c r="B77" s="21">
        <v>290</v>
      </c>
      <c r="C77" s="6">
        <v>284</v>
      </c>
      <c r="D77" s="5">
        <v>574</v>
      </c>
    </row>
    <row r="78" spans="1:4" ht="18" customHeight="1" x14ac:dyDescent="0.15">
      <c r="A78" s="8">
        <v>60</v>
      </c>
      <c r="B78" s="21">
        <v>67</v>
      </c>
      <c r="C78" s="6">
        <v>54</v>
      </c>
      <c r="D78" s="5">
        <v>121</v>
      </c>
    </row>
    <row r="79" spans="1:4" ht="18" customHeight="1" x14ac:dyDescent="0.15">
      <c r="A79" s="8">
        <v>61</v>
      </c>
      <c r="B79" s="21">
        <v>58</v>
      </c>
      <c r="C79" s="6">
        <v>64</v>
      </c>
      <c r="D79" s="5">
        <v>122</v>
      </c>
    </row>
    <row r="80" spans="1:4" ht="18" customHeight="1" x14ac:dyDescent="0.15">
      <c r="A80" s="8">
        <v>62</v>
      </c>
      <c r="B80" s="21">
        <v>44</v>
      </c>
      <c r="C80" s="6">
        <v>54</v>
      </c>
      <c r="D80" s="5">
        <v>98</v>
      </c>
    </row>
    <row r="81" spans="1:4" ht="18" customHeight="1" x14ac:dyDescent="0.15">
      <c r="A81" s="8">
        <v>63</v>
      </c>
      <c r="B81" s="21">
        <v>37</v>
      </c>
      <c r="C81" s="6">
        <v>53</v>
      </c>
      <c r="D81" s="5">
        <v>90</v>
      </c>
    </row>
    <row r="82" spans="1:4" ht="18" customHeight="1" x14ac:dyDescent="0.15">
      <c r="A82" s="8">
        <v>64</v>
      </c>
      <c r="B82" s="21">
        <v>48</v>
      </c>
      <c r="C82" s="6">
        <v>44</v>
      </c>
      <c r="D82" s="5">
        <v>92</v>
      </c>
    </row>
    <row r="83" spans="1:4" ht="18" customHeight="1" x14ac:dyDescent="0.15">
      <c r="A83" s="8" t="s">
        <v>12</v>
      </c>
      <c r="B83" s="21">
        <v>254</v>
      </c>
      <c r="C83" s="6">
        <v>269</v>
      </c>
      <c r="D83" s="5">
        <v>523</v>
      </c>
    </row>
    <row r="84" spans="1:4" ht="18" customHeight="1" x14ac:dyDescent="0.15">
      <c r="A84" s="8" t="s">
        <v>11</v>
      </c>
      <c r="B84" s="21">
        <v>2366</v>
      </c>
      <c r="C84" s="6">
        <v>2216</v>
      </c>
      <c r="D84" s="5">
        <v>4582</v>
      </c>
    </row>
    <row r="85" spans="1:4" ht="18" customHeight="1" x14ac:dyDescent="0.15">
      <c r="A85" s="8">
        <v>65</v>
      </c>
      <c r="B85" s="21">
        <v>44</v>
      </c>
      <c r="C85" s="6">
        <v>37</v>
      </c>
      <c r="D85" s="5">
        <v>81</v>
      </c>
    </row>
    <row r="86" spans="1:4" ht="18" customHeight="1" x14ac:dyDescent="0.15">
      <c r="A86" s="8">
        <v>66</v>
      </c>
      <c r="B86" s="21">
        <v>57</v>
      </c>
      <c r="C86" s="6">
        <v>40</v>
      </c>
      <c r="D86" s="5">
        <v>97</v>
      </c>
    </row>
    <row r="87" spans="1:4" ht="18" customHeight="1" x14ac:dyDescent="0.15">
      <c r="A87" s="8">
        <v>67</v>
      </c>
      <c r="B87" s="21">
        <v>55</v>
      </c>
      <c r="C87" s="6">
        <v>44</v>
      </c>
      <c r="D87" s="5">
        <v>99</v>
      </c>
    </row>
    <row r="88" spans="1:4" ht="18" customHeight="1" x14ac:dyDescent="0.15">
      <c r="A88" s="8">
        <v>68</v>
      </c>
      <c r="B88" s="21">
        <v>33</v>
      </c>
      <c r="C88" s="6">
        <v>31</v>
      </c>
      <c r="D88" s="5">
        <v>64</v>
      </c>
    </row>
    <row r="89" spans="1:4" ht="18" customHeight="1" x14ac:dyDescent="0.15">
      <c r="A89" s="8">
        <v>69</v>
      </c>
      <c r="B89" s="21">
        <v>42</v>
      </c>
      <c r="C89" s="6">
        <v>47</v>
      </c>
      <c r="D89" s="5">
        <v>89</v>
      </c>
    </row>
    <row r="90" spans="1:4" ht="18" customHeight="1" x14ac:dyDescent="0.15">
      <c r="A90" s="8" t="s">
        <v>10</v>
      </c>
      <c r="B90" s="21">
        <v>231</v>
      </c>
      <c r="C90" s="6">
        <v>199</v>
      </c>
      <c r="D90" s="5">
        <v>430</v>
      </c>
    </row>
    <row r="91" spans="1:4" ht="18" customHeight="1" x14ac:dyDescent="0.15">
      <c r="A91" s="8">
        <v>70</v>
      </c>
      <c r="B91" s="21">
        <v>38</v>
      </c>
      <c r="C91" s="6">
        <v>48</v>
      </c>
      <c r="D91" s="5">
        <v>86</v>
      </c>
    </row>
    <row r="92" spans="1:4" ht="18" customHeight="1" x14ac:dyDescent="0.15">
      <c r="A92" s="8">
        <v>71</v>
      </c>
      <c r="B92" s="21">
        <v>37</v>
      </c>
      <c r="C92" s="6">
        <v>47</v>
      </c>
      <c r="D92" s="5">
        <v>84</v>
      </c>
    </row>
    <row r="93" spans="1:4" ht="18" customHeight="1" x14ac:dyDescent="0.15">
      <c r="A93" s="8">
        <v>72</v>
      </c>
      <c r="B93" s="21">
        <v>45</v>
      </c>
      <c r="C93" s="6">
        <v>50</v>
      </c>
      <c r="D93" s="5">
        <v>95</v>
      </c>
    </row>
    <row r="94" spans="1:4" ht="18" customHeight="1" x14ac:dyDescent="0.15">
      <c r="A94" s="8">
        <v>73</v>
      </c>
      <c r="B94" s="21">
        <v>32</v>
      </c>
      <c r="C94" s="6">
        <v>57</v>
      </c>
      <c r="D94" s="5">
        <v>89</v>
      </c>
    </row>
    <row r="95" spans="1:4" ht="18" customHeight="1" x14ac:dyDescent="0.15">
      <c r="A95" s="8">
        <v>74</v>
      </c>
      <c r="B95" s="21">
        <v>38</v>
      </c>
      <c r="C95" s="6">
        <v>53</v>
      </c>
      <c r="D95" s="5">
        <v>91</v>
      </c>
    </row>
    <row r="96" spans="1:4" ht="18" customHeight="1" x14ac:dyDescent="0.15">
      <c r="A96" s="8" t="s">
        <v>9</v>
      </c>
      <c r="B96" s="21">
        <v>190</v>
      </c>
      <c r="C96" s="6">
        <v>255</v>
      </c>
      <c r="D96" s="5">
        <v>445</v>
      </c>
    </row>
    <row r="97" spans="1:4" ht="18" customHeight="1" x14ac:dyDescent="0.15">
      <c r="A97" s="8">
        <v>75</v>
      </c>
      <c r="B97" s="21">
        <v>45</v>
      </c>
      <c r="C97" s="6">
        <v>55</v>
      </c>
      <c r="D97" s="5">
        <v>100</v>
      </c>
    </row>
    <row r="98" spans="1:4" ht="18" customHeight="1" x14ac:dyDescent="0.15">
      <c r="A98" s="8">
        <v>76</v>
      </c>
      <c r="B98" s="21">
        <v>73</v>
      </c>
      <c r="C98" s="6">
        <v>67</v>
      </c>
      <c r="D98" s="5">
        <v>140</v>
      </c>
    </row>
    <row r="99" spans="1:4" ht="18" customHeight="1" x14ac:dyDescent="0.15">
      <c r="A99" s="8">
        <v>77</v>
      </c>
      <c r="B99" s="21">
        <v>54</v>
      </c>
      <c r="C99" s="6">
        <v>77</v>
      </c>
      <c r="D99" s="5">
        <v>131</v>
      </c>
    </row>
    <row r="100" spans="1:4" ht="18" customHeight="1" x14ac:dyDescent="0.15">
      <c r="A100" s="8">
        <v>78</v>
      </c>
      <c r="B100" s="21">
        <v>60</v>
      </c>
      <c r="C100" s="6">
        <v>75</v>
      </c>
      <c r="D100" s="5">
        <v>135</v>
      </c>
    </row>
    <row r="101" spans="1:4" ht="18" customHeight="1" x14ac:dyDescent="0.15">
      <c r="A101" s="8">
        <v>79</v>
      </c>
      <c r="B101" s="21">
        <v>27</v>
      </c>
      <c r="C101" s="6">
        <v>42</v>
      </c>
      <c r="D101" s="5">
        <v>69</v>
      </c>
    </row>
    <row r="102" spans="1:4" ht="18" customHeight="1" x14ac:dyDescent="0.15">
      <c r="A102" s="8" t="s">
        <v>8</v>
      </c>
      <c r="B102" s="21">
        <v>259</v>
      </c>
      <c r="C102" s="6">
        <v>316</v>
      </c>
      <c r="D102" s="5">
        <v>575</v>
      </c>
    </row>
    <row r="103" spans="1:4" ht="18" customHeight="1" x14ac:dyDescent="0.15">
      <c r="A103" s="8">
        <v>80</v>
      </c>
      <c r="B103" s="21">
        <v>29</v>
      </c>
      <c r="C103" s="6">
        <v>45</v>
      </c>
      <c r="D103" s="5">
        <v>74</v>
      </c>
    </row>
    <row r="104" spans="1:4" ht="18" customHeight="1" x14ac:dyDescent="0.15">
      <c r="A104" s="8">
        <v>81</v>
      </c>
      <c r="B104" s="21">
        <v>45</v>
      </c>
      <c r="C104" s="6">
        <v>72</v>
      </c>
      <c r="D104" s="5">
        <v>117</v>
      </c>
    </row>
    <row r="105" spans="1:4" ht="18" customHeight="1" x14ac:dyDescent="0.15">
      <c r="A105" s="8">
        <v>82</v>
      </c>
      <c r="B105" s="21">
        <v>36</v>
      </c>
      <c r="C105" s="6">
        <v>55</v>
      </c>
      <c r="D105" s="5">
        <v>91</v>
      </c>
    </row>
    <row r="106" spans="1:4" ht="18" customHeight="1" x14ac:dyDescent="0.15">
      <c r="A106" s="8">
        <v>83</v>
      </c>
      <c r="B106" s="21">
        <v>39</v>
      </c>
      <c r="C106" s="6">
        <v>63</v>
      </c>
      <c r="D106" s="5">
        <v>102</v>
      </c>
    </row>
    <row r="107" spans="1:4" ht="18" customHeight="1" x14ac:dyDescent="0.15">
      <c r="A107" s="8">
        <v>84</v>
      </c>
      <c r="B107" s="21">
        <v>36</v>
      </c>
      <c r="C107" s="6">
        <v>64</v>
      </c>
      <c r="D107" s="5">
        <v>100</v>
      </c>
    </row>
    <row r="108" spans="1:4" ht="18" customHeight="1" x14ac:dyDescent="0.15">
      <c r="A108" s="8" t="s">
        <v>7</v>
      </c>
      <c r="B108" s="21">
        <v>185</v>
      </c>
      <c r="C108" s="6">
        <v>299</v>
      </c>
      <c r="D108" s="5">
        <v>484</v>
      </c>
    </row>
    <row r="109" spans="1:4" ht="18" customHeight="1" x14ac:dyDescent="0.15">
      <c r="A109" s="8">
        <v>85</v>
      </c>
      <c r="B109" s="21">
        <v>28</v>
      </c>
      <c r="C109" s="6">
        <v>43</v>
      </c>
      <c r="D109" s="5">
        <v>71</v>
      </c>
    </row>
    <row r="110" spans="1:4" ht="18" customHeight="1" x14ac:dyDescent="0.15">
      <c r="A110" s="8">
        <v>86</v>
      </c>
      <c r="B110" s="21">
        <v>23</v>
      </c>
      <c r="C110" s="6">
        <v>42</v>
      </c>
      <c r="D110" s="5">
        <v>65</v>
      </c>
    </row>
    <row r="111" spans="1:4" ht="18" customHeight="1" x14ac:dyDescent="0.15">
      <c r="A111" s="8">
        <v>87</v>
      </c>
      <c r="B111" s="21">
        <v>29</v>
      </c>
      <c r="C111" s="6">
        <v>38</v>
      </c>
      <c r="D111" s="5">
        <v>67</v>
      </c>
    </row>
    <row r="112" spans="1:4" ht="18" customHeight="1" x14ac:dyDescent="0.15">
      <c r="A112" s="8">
        <v>88</v>
      </c>
      <c r="B112" s="21">
        <v>23</v>
      </c>
      <c r="C112" s="6">
        <v>39</v>
      </c>
      <c r="D112" s="5">
        <v>62</v>
      </c>
    </row>
    <row r="113" spans="1:4" ht="18" customHeight="1" x14ac:dyDescent="0.15">
      <c r="A113" s="8">
        <v>89</v>
      </c>
      <c r="B113" s="21">
        <v>19</v>
      </c>
      <c r="C113" s="6">
        <v>36</v>
      </c>
      <c r="D113" s="5">
        <v>55</v>
      </c>
    </row>
    <row r="114" spans="1:4" ht="18" customHeight="1" x14ac:dyDescent="0.15">
      <c r="A114" s="8" t="s">
        <v>6</v>
      </c>
      <c r="B114" s="21">
        <v>122</v>
      </c>
      <c r="C114" s="6">
        <v>198</v>
      </c>
      <c r="D114" s="5">
        <v>320</v>
      </c>
    </row>
    <row r="115" spans="1:4" ht="18" customHeight="1" x14ac:dyDescent="0.15">
      <c r="A115" s="8">
        <v>90</v>
      </c>
      <c r="B115" s="21">
        <v>16</v>
      </c>
      <c r="C115" s="6">
        <v>22</v>
      </c>
      <c r="D115" s="5">
        <v>38</v>
      </c>
    </row>
    <row r="116" spans="1:4" ht="18" customHeight="1" x14ac:dyDescent="0.15">
      <c r="A116" s="8">
        <v>91</v>
      </c>
      <c r="B116" s="21">
        <v>16</v>
      </c>
      <c r="C116" s="6">
        <v>19</v>
      </c>
      <c r="D116" s="5">
        <v>35</v>
      </c>
    </row>
    <row r="117" spans="1:4" ht="18" customHeight="1" x14ac:dyDescent="0.15">
      <c r="A117" s="8">
        <v>92</v>
      </c>
      <c r="B117" s="21">
        <v>4</v>
      </c>
      <c r="C117" s="6">
        <v>29</v>
      </c>
      <c r="D117" s="5">
        <v>33</v>
      </c>
    </row>
    <row r="118" spans="1:4" ht="18" customHeight="1" x14ac:dyDescent="0.15">
      <c r="A118" s="8">
        <v>93</v>
      </c>
      <c r="B118" s="21">
        <v>6</v>
      </c>
      <c r="C118" s="6">
        <v>23</v>
      </c>
      <c r="D118" s="5">
        <v>29</v>
      </c>
    </row>
    <row r="119" spans="1:4" ht="18" customHeight="1" x14ac:dyDescent="0.15">
      <c r="A119" s="8">
        <v>94</v>
      </c>
      <c r="B119" s="21">
        <v>6</v>
      </c>
      <c r="C119" s="6">
        <v>17</v>
      </c>
      <c r="D119" s="5">
        <v>23</v>
      </c>
    </row>
    <row r="120" spans="1:4" ht="18" customHeight="1" x14ac:dyDescent="0.15">
      <c r="A120" s="8" t="s">
        <v>5</v>
      </c>
      <c r="B120" s="21">
        <v>48</v>
      </c>
      <c r="C120" s="6">
        <v>110</v>
      </c>
      <c r="D120" s="5">
        <v>158</v>
      </c>
    </row>
    <row r="121" spans="1:4" ht="18" customHeight="1" x14ac:dyDescent="0.15">
      <c r="A121" s="8">
        <v>95</v>
      </c>
      <c r="B121" s="21">
        <v>4</v>
      </c>
      <c r="C121" s="6">
        <v>18</v>
      </c>
      <c r="D121" s="5">
        <v>22</v>
      </c>
    </row>
    <row r="122" spans="1:4" ht="18" customHeight="1" x14ac:dyDescent="0.15">
      <c r="A122" s="8">
        <v>96</v>
      </c>
      <c r="B122" s="21">
        <v>3</v>
      </c>
      <c r="C122" s="6">
        <v>15</v>
      </c>
      <c r="D122" s="5">
        <v>18</v>
      </c>
    </row>
    <row r="123" spans="1:4" ht="18" customHeight="1" x14ac:dyDescent="0.15">
      <c r="A123" s="8">
        <v>97</v>
      </c>
      <c r="B123" s="21">
        <v>1</v>
      </c>
      <c r="C123" s="6">
        <v>9</v>
      </c>
      <c r="D123" s="5">
        <v>10</v>
      </c>
    </row>
    <row r="124" spans="1:4" ht="18" customHeight="1" x14ac:dyDescent="0.15">
      <c r="A124" s="8">
        <v>98</v>
      </c>
      <c r="B124" s="21">
        <v>1</v>
      </c>
      <c r="C124" s="6">
        <v>5</v>
      </c>
      <c r="D124" s="5">
        <v>6</v>
      </c>
    </row>
    <row r="125" spans="1:4" ht="18" customHeight="1" x14ac:dyDescent="0.15">
      <c r="A125" s="8">
        <v>99</v>
      </c>
      <c r="B125" s="21">
        <v>1</v>
      </c>
      <c r="C125" s="6">
        <v>1</v>
      </c>
      <c r="D125" s="5">
        <v>2</v>
      </c>
    </row>
    <row r="126" spans="1:4" ht="18" customHeight="1" x14ac:dyDescent="0.15">
      <c r="A126" s="8" t="s">
        <v>4</v>
      </c>
      <c r="B126" s="21">
        <v>10</v>
      </c>
      <c r="C126" s="6">
        <v>48</v>
      </c>
      <c r="D126" s="5">
        <v>58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21">
        <v>1045</v>
      </c>
      <c r="C130" s="6">
        <v>1431</v>
      </c>
      <c r="D130" s="5">
        <v>2476</v>
      </c>
    </row>
    <row r="131" spans="1:4" ht="18" customHeight="1" x14ac:dyDescent="0.15">
      <c r="A131" s="4" t="s">
        <v>0</v>
      </c>
      <c r="B131" s="20">
        <v>3876</v>
      </c>
      <c r="C131" s="2">
        <v>4096</v>
      </c>
      <c r="D131" s="1">
        <v>797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5AA5C0-0040-422C-AEE8-76A57D8795BA}">
  <sheetPr codeName="Sheet2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8</v>
      </c>
      <c r="C5" s="11">
        <v>16</v>
      </c>
      <c r="D5" s="10">
        <v>34</v>
      </c>
    </row>
    <row r="6" spans="1:4" ht="18" customHeight="1" x14ac:dyDescent="0.15">
      <c r="A6" s="8">
        <v>1</v>
      </c>
      <c r="B6" s="21">
        <v>21</v>
      </c>
      <c r="C6" s="6">
        <v>23</v>
      </c>
      <c r="D6" s="5">
        <v>44</v>
      </c>
    </row>
    <row r="7" spans="1:4" ht="18" customHeight="1" x14ac:dyDescent="0.15">
      <c r="A7" s="8">
        <v>2</v>
      </c>
      <c r="B7" s="21">
        <v>16</v>
      </c>
      <c r="C7" s="6">
        <v>16</v>
      </c>
      <c r="D7" s="5">
        <v>32</v>
      </c>
    </row>
    <row r="8" spans="1:4" ht="18" customHeight="1" x14ac:dyDescent="0.15">
      <c r="A8" s="8">
        <v>3</v>
      </c>
      <c r="B8" s="21">
        <v>18</v>
      </c>
      <c r="C8" s="6">
        <v>17</v>
      </c>
      <c r="D8" s="5">
        <v>35</v>
      </c>
    </row>
    <row r="9" spans="1:4" ht="18" customHeight="1" x14ac:dyDescent="0.15">
      <c r="A9" s="8">
        <v>4</v>
      </c>
      <c r="B9" s="21">
        <v>22</v>
      </c>
      <c r="C9" s="6">
        <v>25</v>
      </c>
      <c r="D9" s="5">
        <v>47</v>
      </c>
    </row>
    <row r="10" spans="1:4" ht="18" customHeight="1" x14ac:dyDescent="0.15">
      <c r="A10" s="8" t="s">
        <v>25</v>
      </c>
      <c r="B10" s="21">
        <v>95</v>
      </c>
      <c r="C10" s="6">
        <v>97</v>
      </c>
      <c r="D10" s="5">
        <v>192</v>
      </c>
    </row>
    <row r="11" spans="1:4" ht="18" customHeight="1" x14ac:dyDescent="0.15">
      <c r="A11" s="8">
        <v>5</v>
      </c>
      <c r="B11" s="21">
        <v>17</v>
      </c>
      <c r="C11" s="6">
        <v>34</v>
      </c>
      <c r="D11" s="5">
        <v>51</v>
      </c>
    </row>
    <row r="12" spans="1:4" ht="18" customHeight="1" x14ac:dyDescent="0.15">
      <c r="A12" s="8">
        <v>6</v>
      </c>
      <c r="B12" s="21">
        <v>23</v>
      </c>
      <c r="C12" s="6">
        <v>23</v>
      </c>
      <c r="D12" s="5">
        <v>46</v>
      </c>
    </row>
    <row r="13" spans="1:4" ht="18" customHeight="1" x14ac:dyDescent="0.15">
      <c r="A13" s="8">
        <v>7</v>
      </c>
      <c r="B13" s="21">
        <v>22</v>
      </c>
      <c r="C13" s="6">
        <v>39</v>
      </c>
      <c r="D13" s="5">
        <v>61</v>
      </c>
    </row>
    <row r="14" spans="1:4" ht="18" customHeight="1" x14ac:dyDescent="0.15">
      <c r="A14" s="8">
        <v>8</v>
      </c>
      <c r="B14" s="21">
        <v>24</v>
      </c>
      <c r="C14" s="6">
        <v>24</v>
      </c>
      <c r="D14" s="5">
        <v>48</v>
      </c>
    </row>
    <row r="15" spans="1:4" ht="18" customHeight="1" x14ac:dyDescent="0.15">
      <c r="A15" s="8">
        <v>9</v>
      </c>
      <c r="B15" s="21">
        <v>30</v>
      </c>
      <c r="C15" s="6">
        <v>32</v>
      </c>
      <c r="D15" s="5">
        <v>62</v>
      </c>
    </row>
    <row r="16" spans="1:4" ht="18" customHeight="1" x14ac:dyDescent="0.15">
      <c r="A16" s="8" t="s">
        <v>24</v>
      </c>
      <c r="B16" s="21">
        <v>116</v>
      </c>
      <c r="C16" s="6">
        <v>152</v>
      </c>
      <c r="D16" s="5">
        <v>268</v>
      </c>
    </row>
    <row r="17" spans="1:4" ht="18" customHeight="1" x14ac:dyDescent="0.15">
      <c r="A17" s="8">
        <v>10</v>
      </c>
      <c r="B17" s="21">
        <v>33</v>
      </c>
      <c r="C17" s="6">
        <v>30</v>
      </c>
      <c r="D17" s="5">
        <v>63</v>
      </c>
    </row>
    <row r="18" spans="1:4" ht="18" customHeight="1" x14ac:dyDescent="0.15">
      <c r="A18" s="8">
        <v>11</v>
      </c>
      <c r="B18" s="21">
        <v>29</v>
      </c>
      <c r="C18" s="6">
        <v>20</v>
      </c>
      <c r="D18" s="5">
        <v>49</v>
      </c>
    </row>
    <row r="19" spans="1:4" ht="18" customHeight="1" x14ac:dyDescent="0.15">
      <c r="A19" s="8">
        <v>12</v>
      </c>
      <c r="B19" s="21">
        <v>21</v>
      </c>
      <c r="C19" s="6">
        <v>20</v>
      </c>
      <c r="D19" s="5">
        <v>41</v>
      </c>
    </row>
    <row r="20" spans="1:4" ht="18" customHeight="1" x14ac:dyDescent="0.15">
      <c r="A20" s="8">
        <v>13</v>
      </c>
      <c r="B20" s="21">
        <v>26</v>
      </c>
      <c r="C20" s="6">
        <v>28</v>
      </c>
      <c r="D20" s="5">
        <v>54</v>
      </c>
    </row>
    <row r="21" spans="1:4" ht="18" customHeight="1" x14ac:dyDescent="0.15">
      <c r="A21" s="8">
        <v>14</v>
      </c>
      <c r="B21" s="21">
        <v>28</v>
      </c>
      <c r="C21" s="6">
        <v>23</v>
      </c>
      <c r="D21" s="5">
        <v>51</v>
      </c>
    </row>
    <row r="22" spans="1:4" ht="18" customHeight="1" x14ac:dyDescent="0.15">
      <c r="A22" s="8" t="s">
        <v>23</v>
      </c>
      <c r="B22" s="21">
        <v>137</v>
      </c>
      <c r="C22" s="6">
        <v>121</v>
      </c>
      <c r="D22" s="5">
        <v>258</v>
      </c>
    </row>
    <row r="23" spans="1:4" ht="18" customHeight="1" x14ac:dyDescent="0.15">
      <c r="A23" s="8" t="s">
        <v>22</v>
      </c>
      <c r="B23" s="21">
        <v>348</v>
      </c>
      <c r="C23" s="6">
        <v>370</v>
      </c>
      <c r="D23" s="5">
        <v>718</v>
      </c>
    </row>
    <row r="24" spans="1:4" ht="18" customHeight="1" x14ac:dyDescent="0.15">
      <c r="A24" s="8">
        <v>15</v>
      </c>
      <c r="B24" s="21">
        <v>30</v>
      </c>
      <c r="C24" s="6">
        <v>18</v>
      </c>
      <c r="D24" s="5">
        <v>48</v>
      </c>
    </row>
    <row r="25" spans="1:4" ht="18" customHeight="1" x14ac:dyDescent="0.15">
      <c r="A25" s="8">
        <v>16</v>
      </c>
      <c r="B25" s="21">
        <v>26</v>
      </c>
      <c r="C25" s="6">
        <v>25</v>
      </c>
      <c r="D25" s="5">
        <v>51</v>
      </c>
    </row>
    <row r="26" spans="1:4" ht="18" customHeight="1" x14ac:dyDescent="0.15">
      <c r="A26" s="8">
        <v>17</v>
      </c>
      <c r="B26" s="21">
        <v>32</v>
      </c>
      <c r="C26" s="6">
        <v>35</v>
      </c>
      <c r="D26" s="5">
        <v>67</v>
      </c>
    </row>
    <row r="27" spans="1:4" ht="18" customHeight="1" x14ac:dyDescent="0.15">
      <c r="A27" s="8">
        <v>18</v>
      </c>
      <c r="B27" s="21">
        <v>25</v>
      </c>
      <c r="C27" s="6">
        <v>24</v>
      </c>
      <c r="D27" s="5">
        <v>49</v>
      </c>
    </row>
    <row r="28" spans="1:4" ht="18" customHeight="1" x14ac:dyDescent="0.15">
      <c r="A28" s="8">
        <v>19</v>
      </c>
      <c r="B28" s="21">
        <v>34</v>
      </c>
      <c r="C28" s="6">
        <v>25</v>
      </c>
      <c r="D28" s="5">
        <v>59</v>
      </c>
    </row>
    <row r="29" spans="1:4" ht="18" customHeight="1" x14ac:dyDescent="0.15">
      <c r="A29" s="8" t="s">
        <v>21</v>
      </c>
      <c r="B29" s="21">
        <v>147</v>
      </c>
      <c r="C29" s="6">
        <v>127</v>
      </c>
      <c r="D29" s="5">
        <v>274</v>
      </c>
    </row>
    <row r="30" spans="1:4" ht="18" customHeight="1" x14ac:dyDescent="0.15">
      <c r="A30" s="8">
        <v>20</v>
      </c>
      <c r="B30" s="21">
        <v>27</v>
      </c>
      <c r="C30" s="6">
        <v>26</v>
      </c>
      <c r="D30" s="5">
        <v>53</v>
      </c>
    </row>
    <row r="31" spans="1:4" ht="18" customHeight="1" x14ac:dyDescent="0.15">
      <c r="A31" s="8">
        <v>21</v>
      </c>
      <c r="B31" s="21">
        <v>30</v>
      </c>
      <c r="C31" s="6">
        <v>35</v>
      </c>
      <c r="D31" s="5">
        <v>65</v>
      </c>
    </row>
    <row r="32" spans="1:4" ht="18" customHeight="1" x14ac:dyDescent="0.15">
      <c r="A32" s="8">
        <v>22</v>
      </c>
      <c r="B32" s="21">
        <v>33</v>
      </c>
      <c r="C32" s="6">
        <v>22</v>
      </c>
      <c r="D32" s="5">
        <v>55</v>
      </c>
    </row>
    <row r="33" spans="1:4" ht="18" customHeight="1" x14ac:dyDescent="0.15">
      <c r="A33" s="8">
        <v>23</v>
      </c>
      <c r="B33" s="21">
        <v>38</v>
      </c>
      <c r="C33" s="6">
        <v>26</v>
      </c>
      <c r="D33" s="5">
        <v>64</v>
      </c>
    </row>
    <row r="34" spans="1:4" ht="18" customHeight="1" x14ac:dyDescent="0.15">
      <c r="A34" s="8">
        <v>24</v>
      </c>
      <c r="B34" s="21">
        <v>31</v>
      </c>
      <c r="C34" s="6">
        <v>28</v>
      </c>
      <c r="D34" s="5">
        <v>59</v>
      </c>
    </row>
    <row r="35" spans="1:4" ht="18" customHeight="1" x14ac:dyDescent="0.15">
      <c r="A35" s="8" t="s">
        <v>20</v>
      </c>
      <c r="B35" s="21">
        <v>159</v>
      </c>
      <c r="C35" s="6">
        <v>137</v>
      </c>
      <c r="D35" s="5">
        <v>296</v>
      </c>
    </row>
    <row r="36" spans="1:4" ht="18" customHeight="1" x14ac:dyDescent="0.15">
      <c r="A36" s="8">
        <v>25</v>
      </c>
      <c r="B36" s="21">
        <v>36</v>
      </c>
      <c r="C36" s="6">
        <v>26</v>
      </c>
      <c r="D36" s="5">
        <v>62</v>
      </c>
    </row>
    <row r="37" spans="1:4" ht="18" customHeight="1" x14ac:dyDescent="0.15">
      <c r="A37" s="8">
        <v>26</v>
      </c>
      <c r="B37" s="21">
        <v>30</v>
      </c>
      <c r="C37" s="6">
        <v>18</v>
      </c>
      <c r="D37" s="5">
        <v>48</v>
      </c>
    </row>
    <row r="38" spans="1:4" ht="18" customHeight="1" x14ac:dyDescent="0.15">
      <c r="A38" s="8">
        <v>27</v>
      </c>
      <c r="B38" s="21">
        <v>22</v>
      </c>
      <c r="C38" s="6">
        <v>23</v>
      </c>
      <c r="D38" s="5">
        <v>45</v>
      </c>
    </row>
    <row r="39" spans="1:4" ht="18" customHeight="1" x14ac:dyDescent="0.15">
      <c r="A39" s="8">
        <v>28</v>
      </c>
      <c r="B39" s="21">
        <v>27</v>
      </c>
      <c r="C39" s="6">
        <v>28</v>
      </c>
      <c r="D39" s="5">
        <v>55</v>
      </c>
    </row>
    <row r="40" spans="1:4" ht="18" customHeight="1" x14ac:dyDescent="0.15">
      <c r="A40" s="8">
        <v>29</v>
      </c>
      <c r="B40" s="21">
        <v>16</v>
      </c>
      <c r="C40" s="6">
        <v>28</v>
      </c>
      <c r="D40" s="5">
        <v>44</v>
      </c>
    </row>
    <row r="41" spans="1:4" ht="18" customHeight="1" x14ac:dyDescent="0.15">
      <c r="A41" s="8" t="s">
        <v>19</v>
      </c>
      <c r="B41" s="21">
        <v>131</v>
      </c>
      <c r="C41" s="6">
        <v>123</v>
      </c>
      <c r="D41" s="5">
        <v>254</v>
      </c>
    </row>
    <row r="42" spans="1:4" ht="18" customHeight="1" x14ac:dyDescent="0.15">
      <c r="A42" s="8">
        <v>30</v>
      </c>
      <c r="B42" s="21">
        <v>27</v>
      </c>
      <c r="C42" s="6">
        <v>19</v>
      </c>
      <c r="D42" s="5">
        <v>46</v>
      </c>
    </row>
    <row r="43" spans="1:4" ht="18" customHeight="1" x14ac:dyDescent="0.15">
      <c r="A43" s="8">
        <v>31</v>
      </c>
      <c r="B43" s="21">
        <v>31</v>
      </c>
      <c r="C43" s="6">
        <v>23</v>
      </c>
      <c r="D43" s="5">
        <v>54</v>
      </c>
    </row>
    <row r="44" spans="1:4" ht="18" customHeight="1" x14ac:dyDescent="0.15">
      <c r="A44" s="8">
        <v>32</v>
      </c>
      <c r="B44" s="21">
        <v>25</v>
      </c>
      <c r="C44" s="6">
        <v>29</v>
      </c>
      <c r="D44" s="5">
        <v>54</v>
      </c>
    </row>
    <row r="45" spans="1:4" ht="18" customHeight="1" x14ac:dyDescent="0.15">
      <c r="A45" s="8">
        <v>33</v>
      </c>
      <c r="B45" s="21">
        <v>21</v>
      </c>
      <c r="C45" s="6">
        <v>23</v>
      </c>
      <c r="D45" s="5">
        <v>44</v>
      </c>
    </row>
    <row r="46" spans="1:4" ht="18" customHeight="1" x14ac:dyDescent="0.15">
      <c r="A46" s="8">
        <v>34</v>
      </c>
      <c r="B46" s="21">
        <v>29</v>
      </c>
      <c r="C46" s="6">
        <v>22</v>
      </c>
      <c r="D46" s="5">
        <v>51</v>
      </c>
    </row>
    <row r="47" spans="1:4" ht="18" customHeight="1" x14ac:dyDescent="0.15">
      <c r="A47" s="8" t="s">
        <v>18</v>
      </c>
      <c r="B47" s="21">
        <v>133</v>
      </c>
      <c r="C47" s="6">
        <v>116</v>
      </c>
      <c r="D47" s="5">
        <v>249</v>
      </c>
    </row>
    <row r="48" spans="1:4" ht="18" customHeight="1" x14ac:dyDescent="0.15">
      <c r="A48" s="8">
        <v>35</v>
      </c>
      <c r="B48" s="21">
        <v>34</v>
      </c>
      <c r="C48" s="6">
        <v>32</v>
      </c>
      <c r="D48" s="5">
        <v>66</v>
      </c>
    </row>
    <row r="49" spans="1:4" ht="18" customHeight="1" x14ac:dyDescent="0.15">
      <c r="A49" s="8">
        <v>36</v>
      </c>
      <c r="B49" s="21">
        <v>23</v>
      </c>
      <c r="C49" s="6">
        <v>28</v>
      </c>
      <c r="D49" s="5">
        <v>51</v>
      </c>
    </row>
    <row r="50" spans="1:4" ht="18" customHeight="1" x14ac:dyDescent="0.15">
      <c r="A50" s="8">
        <v>37</v>
      </c>
      <c r="B50" s="21">
        <v>36</v>
      </c>
      <c r="C50" s="6">
        <v>28</v>
      </c>
      <c r="D50" s="5">
        <v>64</v>
      </c>
    </row>
    <row r="51" spans="1:4" ht="18" customHeight="1" x14ac:dyDescent="0.15">
      <c r="A51" s="8">
        <v>38</v>
      </c>
      <c r="B51" s="21">
        <v>28</v>
      </c>
      <c r="C51" s="6">
        <v>39</v>
      </c>
      <c r="D51" s="5">
        <v>67</v>
      </c>
    </row>
    <row r="52" spans="1:4" ht="18" customHeight="1" x14ac:dyDescent="0.15">
      <c r="A52" s="8">
        <v>39</v>
      </c>
      <c r="B52" s="21">
        <v>33</v>
      </c>
      <c r="C52" s="6">
        <v>26</v>
      </c>
      <c r="D52" s="5">
        <v>59</v>
      </c>
    </row>
    <row r="53" spans="1:4" ht="18" customHeight="1" x14ac:dyDescent="0.15">
      <c r="A53" s="8" t="s">
        <v>17</v>
      </c>
      <c r="B53" s="21">
        <v>154</v>
      </c>
      <c r="C53" s="6">
        <v>153</v>
      </c>
      <c r="D53" s="5">
        <v>307</v>
      </c>
    </row>
    <row r="54" spans="1:4" ht="18" customHeight="1" x14ac:dyDescent="0.15">
      <c r="A54" s="8">
        <v>40</v>
      </c>
      <c r="B54" s="21">
        <v>31</v>
      </c>
      <c r="C54" s="6">
        <v>28</v>
      </c>
      <c r="D54" s="5">
        <v>59</v>
      </c>
    </row>
    <row r="55" spans="1:4" ht="18" customHeight="1" x14ac:dyDescent="0.15">
      <c r="A55" s="8">
        <v>41</v>
      </c>
      <c r="B55" s="21">
        <v>32</v>
      </c>
      <c r="C55" s="6">
        <v>30</v>
      </c>
      <c r="D55" s="5">
        <v>62</v>
      </c>
    </row>
    <row r="56" spans="1:4" ht="18" customHeight="1" x14ac:dyDescent="0.15">
      <c r="A56" s="8">
        <v>42</v>
      </c>
      <c r="B56" s="21">
        <v>36</v>
      </c>
      <c r="C56" s="6">
        <v>34</v>
      </c>
      <c r="D56" s="5">
        <v>70</v>
      </c>
    </row>
    <row r="57" spans="1:4" ht="18" customHeight="1" x14ac:dyDescent="0.15">
      <c r="A57" s="8">
        <v>43</v>
      </c>
      <c r="B57" s="21">
        <v>32</v>
      </c>
      <c r="C57" s="6">
        <v>42</v>
      </c>
      <c r="D57" s="5">
        <v>74</v>
      </c>
    </row>
    <row r="58" spans="1:4" ht="18" customHeight="1" x14ac:dyDescent="0.15">
      <c r="A58" s="8">
        <v>44</v>
      </c>
      <c r="B58" s="21">
        <v>27</v>
      </c>
      <c r="C58" s="6">
        <v>34</v>
      </c>
      <c r="D58" s="5">
        <v>61</v>
      </c>
    </row>
    <row r="59" spans="1:4" ht="18" customHeight="1" x14ac:dyDescent="0.15">
      <c r="A59" s="8" t="s">
        <v>16</v>
      </c>
      <c r="B59" s="21">
        <v>158</v>
      </c>
      <c r="C59" s="6">
        <v>168</v>
      </c>
      <c r="D59" s="5">
        <v>326</v>
      </c>
    </row>
    <row r="60" spans="1:4" ht="18" customHeight="1" x14ac:dyDescent="0.15">
      <c r="A60" s="8">
        <v>45</v>
      </c>
      <c r="B60" s="21">
        <v>26</v>
      </c>
      <c r="C60" s="6">
        <v>27</v>
      </c>
      <c r="D60" s="5">
        <v>53</v>
      </c>
    </row>
    <row r="61" spans="1:4" ht="18" customHeight="1" x14ac:dyDescent="0.15">
      <c r="A61" s="8">
        <v>46</v>
      </c>
      <c r="B61" s="21">
        <v>34</v>
      </c>
      <c r="C61" s="6">
        <v>35</v>
      </c>
      <c r="D61" s="5">
        <v>69</v>
      </c>
    </row>
    <row r="62" spans="1:4" ht="18" customHeight="1" x14ac:dyDescent="0.15">
      <c r="A62" s="8">
        <v>47</v>
      </c>
      <c r="B62" s="21">
        <v>29</v>
      </c>
      <c r="C62" s="6">
        <v>36</v>
      </c>
      <c r="D62" s="5">
        <v>65</v>
      </c>
    </row>
    <row r="63" spans="1:4" ht="18" customHeight="1" x14ac:dyDescent="0.15">
      <c r="A63" s="8">
        <v>48</v>
      </c>
      <c r="B63" s="21">
        <v>46</v>
      </c>
      <c r="C63" s="6">
        <v>38</v>
      </c>
      <c r="D63" s="5">
        <v>84</v>
      </c>
    </row>
    <row r="64" spans="1:4" ht="18" customHeight="1" x14ac:dyDescent="0.15">
      <c r="A64" s="8">
        <v>49</v>
      </c>
      <c r="B64" s="21">
        <v>42</v>
      </c>
      <c r="C64" s="6">
        <v>39</v>
      </c>
      <c r="D64" s="5">
        <v>81</v>
      </c>
    </row>
    <row r="65" spans="1:4" ht="18" customHeight="1" x14ac:dyDescent="0.15">
      <c r="A65" s="8" t="s">
        <v>15</v>
      </c>
      <c r="B65" s="21">
        <v>177</v>
      </c>
      <c r="C65" s="6">
        <v>175</v>
      </c>
      <c r="D65" s="5">
        <v>352</v>
      </c>
    </row>
    <row r="66" spans="1:4" ht="18" customHeight="1" x14ac:dyDescent="0.15">
      <c r="A66" s="8">
        <v>50</v>
      </c>
      <c r="B66" s="21">
        <v>43</v>
      </c>
      <c r="C66" s="6">
        <v>40</v>
      </c>
      <c r="D66" s="5">
        <v>83</v>
      </c>
    </row>
    <row r="67" spans="1:4" ht="18" customHeight="1" x14ac:dyDescent="0.15">
      <c r="A67" s="8">
        <v>51</v>
      </c>
      <c r="B67" s="21">
        <v>52</v>
      </c>
      <c r="C67" s="6">
        <v>46</v>
      </c>
      <c r="D67" s="5">
        <v>98</v>
      </c>
    </row>
    <row r="68" spans="1:4" ht="18" customHeight="1" x14ac:dyDescent="0.15">
      <c r="A68" s="8">
        <v>52</v>
      </c>
      <c r="B68" s="21">
        <v>47</v>
      </c>
      <c r="C68" s="6">
        <v>51</v>
      </c>
      <c r="D68" s="5">
        <v>98</v>
      </c>
    </row>
    <row r="69" spans="1:4" ht="18" customHeight="1" x14ac:dyDescent="0.15">
      <c r="A69" s="8">
        <v>53</v>
      </c>
      <c r="B69" s="21">
        <v>59</v>
      </c>
      <c r="C69" s="6">
        <v>52</v>
      </c>
      <c r="D69" s="5">
        <v>111</v>
      </c>
    </row>
    <row r="70" spans="1:4" ht="18" customHeight="1" x14ac:dyDescent="0.15">
      <c r="A70" s="8">
        <v>54</v>
      </c>
      <c r="B70" s="21">
        <v>43</v>
      </c>
      <c r="C70" s="6">
        <v>36</v>
      </c>
      <c r="D70" s="5">
        <v>79</v>
      </c>
    </row>
    <row r="71" spans="1:4" ht="18" customHeight="1" x14ac:dyDescent="0.15">
      <c r="A71" s="8" t="s">
        <v>14</v>
      </c>
      <c r="B71" s="21">
        <v>244</v>
      </c>
      <c r="C71" s="6">
        <v>225</v>
      </c>
      <c r="D71" s="5">
        <v>469</v>
      </c>
    </row>
    <row r="72" spans="1:4" ht="18" customHeight="1" x14ac:dyDescent="0.15">
      <c r="A72" s="8">
        <v>55</v>
      </c>
      <c r="B72" s="21">
        <v>51</v>
      </c>
      <c r="C72" s="6">
        <v>32</v>
      </c>
      <c r="D72" s="5">
        <v>83</v>
      </c>
    </row>
    <row r="73" spans="1:4" ht="18" customHeight="1" x14ac:dyDescent="0.15">
      <c r="A73" s="8">
        <v>56</v>
      </c>
      <c r="B73" s="21">
        <v>34</v>
      </c>
      <c r="C73" s="6">
        <v>42</v>
      </c>
      <c r="D73" s="5">
        <v>76</v>
      </c>
    </row>
    <row r="74" spans="1:4" ht="18" customHeight="1" x14ac:dyDescent="0.15">
      <c r="A74" s="8">
        <v>57</v>
      </c>
      <c r="B74" s="21">
        <v>39</v>
      </c>
      <c r="C74" s="6">
        <v>42</v>
      </c>
      <c r="D74" s="5">
        <v>81</v>
      </c>
    </row>
    <row r="75" spans="1:4" ht="18" customHeight="1" x14ac:dyDescent="0.15">
      <c r="A75" s="8">
        <v>58</v>
      </c>
      <c r="B75" s="21">
        <v>41</v>
      </c>
      <c r="C75" s="6">
        <v>43</v>
      </c>
      <c r="D75" s="5">
        <v>84</v>
      </c>
    </row>
    <row r="76" spans="1:4" ht="18" customHeight="1" x14ac:dyDescent="0.15">
      <c r="A76" s="8">
        <v>59</v>
      </c>
      <c r="B76" s="21">
        <v>24</v>
      </c>
      <c r="C76" s="6">
        <v>25</v>
      </c>
      <c r="D76" s="5">
        <v>49</v>
      </c>
    </row>
    <row r="77" spans="1:4" ht="18" customHeight="1" x14ac:dyDescent="0.15">
      <c r="A77" s="8" t="s">
        <v>13</v>
      </c>
      <c r="B77" s="21">
        <v>189</v>
      </c>
      <c r="C77" s="6">
        <v>184</v>
      </c>
      <c r="D77" s="5">
        <v>373</v>
      </c>
    </row>
    <row r="78" spans="1:4" ht="18" customHeight="1" x14ac:dyDescent="0.15">
      <c r="A78" s="8">
        <v>60</v>
      </c>
      <c r="B78" s="21">
        <v>44</v>
      </c>
      <c r="C78" s="6">
        <v>39</v>
      </c>
      <c r="D78" s="5">
        <v>83</v>
      </c>
    </row>
    <row r="79" spans="1:4" ht="18" customHeight="1" x14ac:dyDescent="0.15">
      <c r="A79" s="8">
        <v>61</v>
      </c>
      <c r="B79" s="21">
        <v>29</v>
      </c>
      <c r="C79" s="6">
        <v>42</v>
      </c>
      <c r="D79" s="5">
        <v>71</v>
      </c>
    </row>
    <row r="80" spans="1:4" ht="18" customHeight="1" x14ac:dyDescent="0.15">
      <c r="A80" s="8">
        <v>62</v>
      </c>
      <c r="B80" s="21">
        <v>40</v>
      </c>
      <c r="C80" s="6">
        <v>28</v>
      </c>
      <c r="D80" s="5">
        <v>68</v>
      </c>
    </row>
    <row r="81" spans="1:4" ht="18" customHeight="1" x14ac:dyDescent="0.15">
      <c r="A81" s="8">
        <v>63</v>
      </c>
      <c r="B81" s="21">
        <v>30</v>
      </c>
      <c r="C81" s="6">
        <v>27</v>
      </c>
      <c r="D81" s="5">
        <v>57</v>
      </c>
    </row>
    <row r="82" spans="1:4" ht="18" customHeight="1" x14ac:dyDescent="0.15">
      <c r="A82" s="8">
        <v>64</v>
      </c>
      <c r="B82" s="21">
        <v>41</v>
      </c>
      <c r="C82" s="6">
        <v>31</v>
      </c>
      <c r="D82" s="5">
        <v>72</v>
      </c>
    </row>
    <row r="83" spans="1:4" ht="18" customHeight="1" x14ac:dyDescent="0.15">
      <c r="A83" s="8" t="s">
        <v>12</v>
      </c>
      <c r="B83" s="21">
        <v>184</v>
      </c>
      <c r="C83" s="6">
        <v>167</v>
      </c>
      <c r="D83" s="5">
        <v>351</v>
      </c>
    </row>
    <row r="84" spans="1:4" ht="18" customHeight="1" x14ac:dyDescent="0.15">
      <c r="A84" s="8" t="s">
        <v>11</v>
      </c>
      <c r="B84" s="21">
        <v>1676</v>
      </c>
      <c r="C84" s="6">
        <v>1575</v>
      </c>
      <c r="D84" s="5">
        <v>3251</v>
      </c>
    </row>
    <row r="85" spans="1:4" ht="18" customHeight="1" x14ac:dyDescent="0.15">
      <c r="A85" s="8">
        <v>65</v>
      </c>
      <c r="B85" s="21">
        <v>37</v>
      </c>
      <c r="C85" s="6">
        <v>32</v>
      </c>
      <c r="D85" s="5">
        <v>69</v>
      </c>
    </row>
    <row r="86" spans="1:4" ht="18" customHeight="1" x14ac:dyDescent="0.15">
      <c r="A86" s="8">
        <v>66</v>
      </c>
      <c r="B86" s="21">
        <v>28</v>
      </c>
      <c r="C86" s="6">
        <v>33</v>
      </c>
      <c r="D86" s="5">
        <v>61</v>
      </c>
    </row>
    <row r="87" spans="1:4" ht="18" customHeight="1" x14ac:dyDescent="0.15">
      <c r="A87" s="8">
        <v>67</v>
      </c>
      <c r="B87" s="21">
        <v>25</v>
      </c>
      <c r="C87" s="6">
        <v>33</v>
      </c>
      <c r="D87" s="5">
        <v>58</v>
      </c>
    </row>
    <row r="88" spans="1:4" ht="18" customHeight="1" x14ac:dyDescent="0.15">
      <c r="A88" s="8">
        <v>68</v>
      </c>
      <c r="B88" s="21">
        <v>30</v>
      </c>
      <c r="C88" s="6">
        <v>33</v>
      </c>
      <c r="D88" s="5">
        <v>63</v>
      </c>
    </row>
    <row r="89" spans="1:4" ht="18" customHeight="1" x14ac:dyDescent="0.15">
      <c r="A89" s="8">
        <v>69</v>
      </c>
      <c r="B89" s="21">
        <v>24</v>
      </c>
      <c r="C89" s="6">
        <v>32</v>
      </c>
      <c r="D89" s="5">
        <v>56</v>
      </c>
    </row>
    <row r="90" spans="1:4" ht="18" customHeight="1" x14ac:dyDescent="0.15">
      <c r="A90" s="8" t="s">
        <v>10</v>
      </c>
      <c r="B90" s="21">
        <v>144</v>
      </c>
      <c r="C90" s="6">
        <v>163</v>
      </c>
      <c r="D90" s="5">
        <v>307</v>
      </c>
    </row>
    <row r="91" spans="1:4" ht="18" customHeight="1" x14ac:dyDescent="0.15">
      <c r="A91" s="8">
        <v>70</v>
      </c>
      <c r="B91" s="21">
        <v>38</v>
      </c>
      <c r="C91" s="6">
        <v>38</v>
      </c>
      <c r="D91" s="5">
        <v>76</v>
      </c>
    </row>
    <row r="92" spans="1:4" ht="18" customHeight="1" x14ac:dyDescent="0.15">
      <c r="A92" s="8">
        <v>71</v>
      </c>
      <c r="B92" s="21">
        <v>35</v>
      </c>
      <c r="C92" s="6">
        <v>27</v>
      </c>
      <c r="D92" s="5">
        <v>62</v>
      </c>
    </row>
    <row r="93" spans="1:4" ht="18" customHeight="1" x14ac:dyDescent="0.15">
      <c r="A93" s="8">
        <v>72</v>
      </c>
      <c r="B93" s="21">
        <v>32</v>
      </c>
      <c r="C93" s="6">
        <v>38</v>
      </c>
      <c r="D93" s="5">
        <v>70</v>
      </c>
    </row>
    <row r="94" spans="1:4" ht="18" customHeight="1" x14ac:dyDescent="0.15">
      <c r="A94" s="8">
        <v>73</v>
      </c>
      <c r="B94" s="21">
        <v>33</v>
      </c>
      <c r="C94" s="6">
        <v>35</v>
      </c>
      <c r="D94" s="5">
        <v>68</v>
      </c>
    </row>
    <row r="95" spans="1:4" ht="18" customHeight="1" x14ac:dyDescent="0.15">
      <c r="A95" s="8">
        <v>74</v>
      </c>
      <c r="B95" s="21">
        <v>27</v>
      </c>
      <c r="C95" s="6">
        <v>34</v>
      </c>
      <c r="D95" s="5">
        <v>61</v>
      </c>
    </row>
    <row r="96" spans="1:4" ht="18" customHeight="1" x14ac:dyDescent="0.15">
      <c r="A96" s="8" t="s">
        <v>9</v>
      </c>
      <c r="B96" s="21">
        <v>165</v>
      </c>
      <c r="C96" s="6">
        <v>172</v>
      </c>
      <c r="D96" s="5">
        <v>337</v>
      </c>
    </row>
    <row r="97" spans="1:4" ht="18" customHeight="1" x14ac:dyDescent="0.15">
      <c r="A97" s="8">
        <v>75</v>
      </c>
      <c r="B97" s="21">
        <v>32</v>
      </c>
      <c r="C97" s="6">
        <v>45</v>
      </c>
      <c r="D97" s="5">
        <v>77</v>
      </c>
    </row>
    <row r="98" spans="1:4" ht="18" customHeight="1" x14ac:dyDescent="0.15">
      <c r="A98" s="8">
        <v>76</v>
      </c>
      <c r="B98" s="21">
        <v>28</v>
      </c>
      <c r="C98" s="6">
        <v>40</v>
      </c>
      <c r="D98" s="5">
        <v>68</v>
      </c>
    </row>
    <row r="99" spans="1:4" ht="18" customHeight="1" x14ac:dyDescent="0.15">
      <c r="A99" s="8">
        <v>77</v>
      </c>
      <c r="B99" s="21">
        <v>29</v>
      </c>
      <c r="C99" s="6">
        <v>45</v>
      </c>
      <c r="D99" s="5">
        <v>74</v>
      </c>
    </row>
    <row r="100" spans="1:4" ht="18" customHeight="1" x14ac:dyDescent="0.15">
      <c r="A100" s="8">
        <v>78</v>
      </c>
      <c r="B100" s="21">
        <v>41</v>
      </c>
      <c r="C100" s="6">
        <v>53</v>
      </c>
      <c r="D100" s="5">
        <v>94</v>
      </c>
    </row>
    <row r="101" spans="1:4" ht="18" customHeight="1" x14ac:dyDescent="0.15">
      <c r="A101" s="8">
        <v>79</v>
      </c>
      <c r="B101" s="21">
        <v>16</v>
      </c>
      <c r="C101" s="6">
        <v>25</v>
      </c>
      <c r="D101" s="5">
        <v>41</v>
      </c>
    </row>
    <row r="102" spans="1:4" ht="18" customHeight="1" x14ac:dyDescent="0.15">
      <c r="A102" s="8" t="s">
        <v>8</v>
      </c>
      <c r="B102" s="21">
        <v>146</v>
      </c>
      <c r="C102" s="6">
        <v>208</v>
      </c>
      <c r="D102" s="5">
        <v>354</v>
      </c>
    </row>
    <row r="103" spans="1:4" ht="18" customHeight="1" x14ac:dyDescent="0.15">
      <c r="A103" s="8">
        <v>80</v>
      </c>
      <c r="B103" s="21">
        <v>29</v>
      </c>
      <c r="C103" s="6">
        <v>23</v>
      </c>
      <c r="D103" s="5">
        <v>52</v>
      </c>
    </row>
    <row r="104" spans="1:4" ht="18" customHeight="1" x14ac:dyDescent="0.15">
      <c r="A104" s="8">
        <v>81</v>
      </c>
      <c r="B104" s="21">
        <v>17</v>
      </c>
      <c r="C104" s="6">
        <v>34</v>
      </c>
      <c r="D104" s="5">
        <v>51</v>
      </c>
    </row>
    <row r="105" spans="1:4" ht="18" customHeight="1" x14ac:dyDescent="0.15">
      <c r="A105" s="8">
        <v>82</v>
      </c>
      <c r="B105" s="21">
        <v>30</v>
      </c>
      <c r="C105" s="6">
        <v>34</v>
      </c>
      <c r="D105" s="5">
        <v>64</v>
      </c>
    </row>
    <row r="106" spans="1:4" ht="18" customHeight="1" x14ac:dyDescent="0.15">
      <c r="A106" s="8">
        <v>83</v>
      </c>
      <c r="B106" s="21">
        <v>24</v>
      </c>
      <c r="C106" s="6">
        <v>28</v>
      </c>
      <c r="D106" s="5">
        <v>52</v>
      </c>
    </row>
    <row r="107" spans="1:4" ht="18" customHeight="1" x14ac:dyDescent="0.15">
      <c r="A107" s="8">
        <v>84</v>
      </c>
      <c r="B107" s="21">
        <v>27</v>
      </c>
      <c r="C107" s="6">
        <v>27</v>
      </c>
      <c r="D107" s="5">
        <v>54</v>
      </c>
    </row>
    <row r="108" spans="1:4" ht="18" customHeight="1" x14ac:dyDescent="0.15">
      <c r="A108" s="8" t="s">
        <v>7</v>
      </c>
      <c r="B108" s="21">
        <v>127</v>
      </c>
      <c r="C108" s="6">
        <v>146</v>
      </c>
      <c r="D108" s="5">
        <v>273</v>
      </c>
    </row>
    <row r="109" spans="1:4" ht="18" customHeight="1" x14ac:dyDescent="0.15">
      <c r="A109" s="8">
        <v>85</v>
      </c>
      <c r="B109" s="21">
        <v>13</v>
      </c>
      <c r="C109" s="6">
        <v>37</v>
      </c>
      <c r="D109" s="5">
        <v>50</v>
      </c>
    </row>
    <row r="110" spans="1:4" ht="18" customHeight="1" x14ac:dyDescent="0.15">
      <c r="A110" s="8">
        <v>86</v>
      </c>
      <c r="B110" s="21">
        <v>12</v>
      </c>
      <c r="C110" s="6">
        <v>18</v>
      </c>
      <c r="D110" s="5">
        <v>30</v>
      </c>
    </row>
    <row r="111" spans="1:4" ht="18" customHeight="1" x14ac:dyDescent="0.15">
      <c r="A111" s="8">
        <v>87</v>
      </c>
      <c r="B111" s="21">
        <v>8</v>
      </c>
      <c r="C111" s="6">
        <v>22</v>
      </c>
      <c r="D111" s="5">
        <v>30</v>
      </c>
    </row>
    <row r="112" spans="1:4" ht="18" customHeight="1" x14ac:dyDescent="0.15">
      <c r="A112" s="8">
        <v>88</v>
      </c>
      <c r="B112" s="21">
        <v>13</v>
      </c>
      <c r="C112" s="6">
        <v>20</v>
      </c>
      <c r="D112" s="5">
        <v>33</v>
      </c>
    </row>
    <row r="113" spans="1:4" ht="18" customHeight="1" x14ac:dyDescent="0.15">
      <c r="A113" s="8">
        <v>89</v>
      </c>
      <c r="B113" s="21">
        <v>11</v>
      </c>
      <c r="C113" s="6">
        <v>25</v>
      </c>
      <c r="D113" s="5">
        <v>36</v>
      </c>
    </row>
    <row r="114" spans="1:4" ht="18" customHeight="1" x14ac:dyDescent="0.15">
      <c r="A114" s="8" t="s">
        <v>6</v>
      </c>
      <c r="B114" s="21">
        <v>57</v>
      </c>
      <c r="C114" s="6">
        <v>122</v>
      </c>
      <c r="D114" s="5">
        <v>179</v>
      </c>
    </row>
    <row r="115" spans="1:4" ht="18" customHeight="1" x14ac:dyDescent="0.15">
      <c r="A115" s="8">
        <v>90</v>
      </c>
      <c r="B115" s="21">
        <v>4</v>
      </c>
      <c r="C115" s="6">
        <v>15</v>
      </c>
      <c r="D115" s="5">
        <v>19</v>
      </c>
    </row>
    <row r="116" spans="1:4" ht="18" customHeight="1" x14ac:dyDescent="0.15">
      <c r="A116" s="8">
        <v>91</v>
      </c>
      <c r="B116" s="21">
        <v>3</v>
      </c>
      <c r="C116" s="6">
        <v>23</v>
      </c>
      <c r="D116" s="5">
        <v>26</v>
      </c>
    </row>
    <row r="117" spans="1:4" ht="18" customHeight="1" x14ac:dyDescent="0.15">
      <c r="A117" s="8">
        <v>92</v>
      </c>
      <c r="B117" s="21">
        <v>6</v>
      </c>
      <c r="C117" s="6">
        <v>18</v>
      </c>
      <c r="D117" s="5">
        <v>24</v>
      </c>
    </row>
    <row r="118" spans="1:4" ht="18" customHeight="1" x14ac:dyDescent="0.15">
      <c r="A118" s="8">
        <v>93</v>
      </c>
      <c r="B118" s="21">
        <v>5</v>
      </c>
      <c r="C118" s="6">
        <v>8</v>
      </c>
      <c r="D118" s="5">
        <v>13</v>
      </c>
    </row>
    <row r="119" spans="1:4" ht="18" customHeight="1" x14ac:dyDescent="0.15">
      <c r="A119" s="8">
        <v>94</v>
      </c>
      <c r="B119" s="21">
        <v>7</v>
      </c>
      <c r="C119" s="6">
        <v>10</v>
      </c>
      <c r="D119" s="5">
        <v>17</v>
      </c>
    </row>
    <row r="120" spans="1:4" ht="18" customHeight="1" x14ac:dyDescent="0.15">
      <c r="A120" s="8" t="s">
        <v>5</v>
      </c>
      <c r="B120" s="21">
        <v>25</v>
      </c>
      <c r="C120" s="6">
        <v>74</v>
      </c>
      <c r="D120" s="5">
        <v>99</v>
      </c>
    </row>
    <row r="121" spans="1:4" ht="18" customHeight="1" x14ac:dyDescent="0.15">
      <c r="A121" s="8">
        <v>95</v>
      </c>
      <c r="B121" s="21">
        <v>0</v>
      </c>
      <c r="C121" s="6">
        <v>6</v>
      </c>
      <c r="D121" s="5">
        <v>6</v>
      </c>
    </row>
    <row r="122" spans="1:4" ht="18" customHeight="1" x14ac:dyDescent="0.15">
      <c r="A122" s="8">
        <v>96</v>
      </c>
      <c r="B122" s="21">
        <v>2</v>
      </c>
      <c r="C122" s="6">
        <v>5</v>
      </c>
      <c r="D122" s="5">
        <v>7</v>
      </c>
    </row>
    <row r="123" spans="1:4" ht="18" customHeight="1" x14ac:dyDescent="0.15">
      <c r="A123" s="8">
        <v>97</v>
      </c>
      <c r="B123" s="21">
        <v>0</v>
      </c>
      <c r="C123" s="6">
        <v>3</v>
      </c>
      <c r="D123" s="5">
        <v>3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3</v>
      </c>
      <c r="C126" s="6">
        <v>21</v>
      </c>
      <c r="D126" s="5">
        <v>24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21">
        <v>667</v>
      </c>
      <c r="C130" s="6">
        <v>912</v>
      </c>
      <c r="D130" s="5">
        <v>1579</v>
      </c>
    </row>
    <row r="131" spans="1:4" ht="18" customHeight="1" x14ac:dyDescent="0.15">
      <c r="A131" s="4" t="s">
        <v>0</v>
      </c>
      <c r="B131" s="20">
        <v>2691</v>
      </c>
      <c r="C131" s="2">
        <v>2857</v>
      </c>
      <c r="D131" s="1">
        <v>55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3A6933-6E49-4FD1-94F8-0E53A16651E5}">
  <sheetPr codeName="Sheet2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5</v>
      </c>
      <c r="C5" s="11">
        <v>32</v>
      </c>
      <c r="D5" s="10">
        <v>57</v>
      </c>
    </row>
    <row r="6" spans="1:4" ht="18" customHeight="1" x14ac:dyDescent="0.15">
      <c r="A6" s="8">
        <v>1</v>
      </c>
      <c r="B6" s="21">
        <v>28</v>
      </c>
      <c r="C6" s="6">
        <v>25</v>
      </c>
      <c r="D6" s="5">
        <v>53</v>
      </c>
    </row>
    <row r="7" spans="1:4" ht="18" customHeight="1" x14ac:dyDescent="0.15">
      <c r="A7" s="8">
        <v>2</v>
      </c>
      <c r="B7" s="21">
        <v>38</v>
      </c>
      <c r="C7" s="6">
        <v>23</v>
      </c>
      <c r="D7" s="5">
        <v>61</v>
      </c>
    </row>
    <row r="8" spans="1:4" ht="18" customHeight="1" x14ac:dyDescent="0.15">
      <c r="A8" s="8">
        <v>3</v>
      </c>
      <c r="B8" s="21">
        <v>31</v>
      </c>
      <c r="C8" s="6">
        <v>26</v>
      </c>
      <c r="D8" s="5">
        <v>57</v>
      </c>
    </row>
    <row r="9" spans="1:4" ht="18" customHeight="1" x14ac:dyDescent="0.15">
      <c r="A9" s="8">
        <v>4</v>
      </c>
      <c r="B9" s="21">
        <v>30</v>
      </c>
      <c r="C9" s="6">
        <v>31</v>
      </c>
      <c r="D9" s="5">
        <v>61</v>
      </c>
    </row>
    <row r="10" spans="1:4" ht="18" customHeight="1" x14ac:dyDescent="0.15">
      <c r="A10" s="8" t="s">
        <v>25</v>
      </c>
      <c r="B10" s="21">
        <v>152</v>
      </c>
      <c r="C10" s="6">
        <v>137</v>
      </c>
      <c r="D10" s="5">
        <v>289</v>
      </c>
    </row>
    <row r="11" spans="1:4" ht="18" customHeight="1" x14ac:dyDescent="0.15">
      <c r="A11" s="8">
        <v>5</v>
      </c>
      <c r="B11" s="21">
        <v>32</v>
      </c>
      <c r="C11" s="6">
        <v>24</v>
      </c>
      <c r="D11" s="5">
        <v>56</v>
      </c>
    </row>
    <row r="12" spans="1:4" ht="18" customHeight="1" x14ac:dyDescent="0.15">
      <c r="A12" s="8">
        <v>6</v>
      </c>
      <c r="B12" s="21">
        <v>33</v>
      </c>
      <c r="C12" s="6">
        <v>32</v>
      </c>
      <c r="D12" s="5">
        <v>65</v>
      </c>
    </row>
    <row r="13" spans="1:4" ht="18" customHeight="1" x14ac:dyDescent="0.15">
      <c r="A13" s="8">
        <v>7</v>
      </c>
      <c r="B13" s="21">
        <v>27</v>
      </c>
      <c r="C13" s="6">
        <v>39</v>
      </c>
      <c r="D13" s="5">
        <v>66</v>
      </c>
    </row>
    <row r="14" spans="1:4" ht="18" customHeight="1" x14ac:dyDescent="0.15">
      <c r="A14" s="8">
        <v>8</v>
      </c>
      <c r="B14" s="21">
        <v>23</v>
      </c>
      <c r="C14" s="6">
        <v>35</v>
      </c>
      <c r="D14" s="5">
        <v>58</v>
      </c>
    </row>
    <row r="15" spans="1:4" ht="18" customHeight="1" x14ac:dyDescent="0.15">
      <c r="A15" s="8">
        <v>9</v>
      </c>
      <c r="B15" s="21">
        <v>31</v>
      </c>
      <c r="C15" s="6">
        <v>25</v>
      </c>
      <c r="D15" s="5">
        <v>56</v>
      </c>
    </row>
    <row r="16" spans="1:4" ht="18" customHeight="1" x14ac:dyDescent="0.15">
      <c r="A16" s="8" t="s">
        <v>24</v>
      </c>
      <c r="B16" s="21">
        <v>146</v>
      </c>
      <c r="C16" s="6">
        <v>155</v>
      </c>
      <c r="D16" s="5">
        <v>301</v>
      </c>
    </row>
    <row r="17" spans="1:4" ht="18" customHeight="1" x14ac:dyDescent="0.15">
      <c r="A17" s="8">
        <v>10</v>
      </c>
      <c r="B17" s="21">
        <v>29</v>
      </c>
      <c r="C17" s="6">
        <v>29</v>
      </c>
      <c r="D17" s="5">
        <v>58</v>
      </c>
    </row>
    <row r="18" spans="1:4" ht="18" customHeight="1" x14ac:dyDescent="0.15">
      <c r="A18" s="8">
        <v>11</v>
      </c>
      <c r="B18" s="21">
        <v>29</v>
      </c>
      <c r="C18" s="6">
        <v>35</v>
      </c>
      <c r="D18" s="5">
        <v>64</v>
      </c>
    </row>
    <row r="19" spans="1:4" ht="18" customHeight="1" x14ac:dyDescent="0.15">
      <c r="A19" s="8">
        <v>12</v>
      </c>
      <c r="B19" s="21">
        <v>33</v>
      </c>
      <c r="C19" s="6">
        <v>36</v>
      </c>
      <c r="D19" s="5">
        <v>69</v>
      </c>
    </row>
    <row r="20" spans="1:4" ht="18" customHeight="1" x14ac:dyDescent="0.15">
      <c r="A20" s="8">
        <v>13</v>
      </c>
      <c r="B20" s="21">
        <v>43</v>
      </c>
      <c r="C20" s="6">
        <v>28</v>
      </c>
      <c r="D20" s="5">
        <v>71</v>
      </c>
    </row>
    <row r="21" spans="1:4" ht="18" customHeight="1" x14ac:dyDescent="0.15">
      <c r="A21" s="8">
        <v>14</v>
      </c>
      <c r="B21" s="21">
        <v>23</v>
      </c>
      <c r="C21" s="6">
        <v>44</v>
      </c>
      <c r="D21" s="5">
        <v>67</v>
      </c>
    </row>
    <row r="22" spans="1:4" ht="18" customHeight="1" x14ac:dyDescent="0.15">
      <c r="A22" s="8" t="s">
        <v>23</v>
      </c>
      <c r="B22" s="21">
        <v>157</v>
      </c>
      <c r="C22" s="6">
        <v>172</v>
      </c>
      <c r="D22" s="5">
        <v>329</v>
      </c>
    </row>
    <row r="23" spans="1:4" ht="18" customHeight="1" x14ac:dyDescent="0.15">
      <c r="A23" s="8" t="s">
        <v>22</v>
      </c>
      <c r="B23" s="21">
        <v>455</v>
      </c>
      <c r="C23" s="6">
        <v>464</v>
      </c>
      <c r="D23" s="5">
        <v>919</v>
      </c>
    </row>
    <row r="24" spans="1:4" ht="18" customHeight="1" x14ac:dyDescent="0.15">
      <c r="A24" s="8">
        <v>15</v>
      </c>
      <c r="B24" s="21">
        <v>38</v>
      </c>
      <c r="C24" s="6">
        <v>39</v>
      </c>
      <c r="D24" s="5">
        <v>77</v>
      </c>
    </row>
    <row r="25" spans="1:4" ht="18" customHeight="1" x14ac:dyDescent="0.15">
      <c r="A25" s="8">
        <v>16</v>
      </c>
      <c r="B25" s="21">
        <v>43</v>
      </c>
      <c r="C25" s="6">
        <v>45</v>
      </c>
      <c r="D25" s="5">
        <v>88</v>
      </c>
    </row>
    <row r="26" spans="1:4" ht="18" customHeight="1" x14ac:dyDescent="0.15">
      <c r="A26" s="8">
        <v>17</v>
      </c>
      <c r="B26" s="21">
        <v>40</v>
      </c>
      <c r="C26" s="6">
        <v>38</v>
      </c>
      <c r="D26" s="5">
        <v>78</v>
      </c>
    </row>
    <row r="27" spans="1:4" ht="18" customHeight="1" x14ac:dyDescent="0.15">
      <c r="A27" s="8">
        <v>18</v>
      </c>
      <c r="B27" s="21">
        <v>88</v>
      </c>
      <c r="C27" s="6">
        <v>77</v>
      </c>
      <c r="D27" s="5">
        <v>165</v>
      </c>
    </row>
    <row r="28" spans="1:4" ht="18" customHeight="1" x14ac:dyDescent="0.15">
      <c r="A28" s="8">
        <v>19</v>
      </c>
      <c r="B28" s="21">
        <v>172</v>
      </c>
      <c r="C28" s="6">
        <v>101</v>
      </c>
      <c r="D28" s="5">
        <v>273</v>
      </c>
    </row>
    <row r="29" spans="1:4" ht="18" customHeight="1" x14ac:dyDescent="0.15">
      <c r="A29" s="8" t="s">
        <v>21</v>
      </c>
      <c r="B29" s="21">
        <v>381</v>
      </c>
      <c r="C29" s="6">
        <v>300</v>
      </c>
      <c r="D29" s="5">
        <v>681</v>
      </c>
    </row>
    <row r="30" spans="1:4" ht="18" customHeight="1" x14ac:dyDescent="0.15">
      <c r="A30" s="8">
        <v>20</v>
      </c>
      <c r="B30" s="21">
        <v>187</v>
      </c>
      <c r="C30" s="6">
        <v>121</v>
      </c>
      <c r="D30" s="5">
        <v>308</v>
      </c>
    </row>
    <row r="31" spans="1:4" ht="18" customHeight="1" x14ac:dyDescent="0.15">
      <c r="A31" s="8">
        <v>21</v>
      </c>
      <c r="B31" s="21">
        <v>224</v>
      </c>
      <c r="C31" s="6">
        <v>135</v>
      </c>
      <c r="D31" s="5">
        <v>359</v>
      </c>
    </row>
    <row r="32" spans="1:4" ht="18" customHeight="1" x14ac:dyDescent="0.15">
      <c r="A32" s="8">
        <v>22</v>
      </c>
      <c r="B32" s="21">
        <v>195</v>
      </c>
      <c r="C32" s="6">
        <v>110</v>
      </c>
      <c r="D32" s="5">
        <v>305</v>
      </c>
    </row>
    <row r="33" spans="1:4" ht="18" customHeight="1" x14ac:dyDescent="0.15">
      <c r="A33" s="8">
        <v>23</v>
      </c>
      <c r="B33" s="21">
        <v>173</v>
      </c>
      <c r="C33" s="6">
        <v>83</v>
      </c>
      <c r="D33" s="5">
        <v>256</v>
      </c>
    </row>
    <row r="34" spans="1:4" ht="18" customHeight="1" x14ac:dyDescent="0.15">
      <c r="A34" s="8">
        <v>24</v>
      </c>
      <c r="B34" s="21">
        <v>133</v>
      </c>
      <c r="C34" s="6">
        <v>64</v>
      </c>
      <c r="D34" s="5">
        <v>197</v>
      </c>
    </row>
    <row r="35" spans="1:4" ht="18" customHeight="1" x14ac:dyDescent="0.15">
      <c r="A35" s="8" t="s">
        <v>20</v>
      </c>
      <c r="B35" s="21">
        <v>912</v>
      </c>
      <c r="C35" s="6">
        <v>513</v>
      </c>
      <c r="D35" s="5">
        <v>1425</v>
      </c>
    </row>
    <row r="36" spans="1:4" ht="18" customHeight="1" x14ac:dyDescent="0.15">
      <c r="A36" s="8">
        <v>25</v>
      </c>
      <c r="B36" s="21">
        <v>113</v>
      </c>
      <c r="C36" s="6">
        <v>64</v>
      </c>
      <c r="D36" s="5">
        <v>177</v>
      </c>
    </row>
    <row r="37" spans="1:4" ht="18" customHeight="1" x14ac:dyDescent="0.15">
      <c r="A37" s="8">
        <v>26</v>
      </c>
      <c r="B37" s="21">
        <v>85</v>
      </c>
      <c r="C37" s="6">
        <v>57</v>
      </c>
      <c r="D37" s="5">
        <v>142</v>
      </c>
    </row>
    <row r="38" spans="1:4" ht="18" customHeight="1" x14ac:dyDescent="0.15">
      <c r="A38" s="8">
        <v>27</v>
      </c>
      <c r="B38" s="21">
        <v>79</v>
      </c>
      <c r="C38" s="6">
        <v>53</v>
      </c>
      <c r="D38" s="5">
        <v>132</v>
      </c>
    </row>
    <row r="39" spans="1:4" ht="18" customHeight="1" x14ac:dyDescent="0.15">
      <c r="A39" s="8">
        <v>28</v>
      </c>
      <c r="B39" s="21">
        <v>55</v>
      </c>
      <c r="C39" s="6">
        <v>45</v>
      </c>
      <c r="D39" s="5">
        <v>100</v>
      </c>
    </row>
    <row r="40" spans="1:4" ht="18" customHeight="1" x14ac:dyDescent="0.15">
      <c r="A40" s="8">
        <v>29</v>
      </c>
      <c r="B40" s="21">
        <v>63</v>
      </c>
      <c r="C40" s="6">
        <v>50</v>
      </c>
      <c r="D40" s="5">
        <v>113</v>
      </c>
    </row>
    <row r="41" spans="1:4" ht="18" customHeight="1" x14ac:dyDescent="0.15">
      <c r="A41" s="8" t="s">
        <v>19</v>
      </c>
      <c r="B41" s="21">
        <v>395</v>
      </c>
      <c r="C41" s="6">
        <v>269</v>
      </c>
      <c r="D41" s="5">
        <v>664</v>
      </c>
    </row>
    <row r="42" spans="1:4" ht="18" customHeight="1" x14ac:dyDescent="0.15">
      <c r="A42" s="8">
        <v>30</v>
      </c>
      <c r="B42" s="21">
        <v>60</v>
      </c>
      <c r="C42" s="6">
        <v>73</v>
      </c>
      <c r="D42" s="5">
        <v>133</v>
      </c>
    </row>
    <row r="43" spans="1:4" ht="18" customHeight="1" x14ac:dyDescent="0.15">
      <c r="A43" s="8">
        <v>31</v>
      </c>
      <c r="B43" s="21">
        <v>54</v>
      </c>
      <c r="C43" s="6">
        <v>46</v>
      </c>
      <c r="D43" s="5">
        <v>100</v>
      </c>
    </row>
    <row r="44" spans="1:4" ht="18" customHeight="1" x14ac:dyDescent="0.15">
      <c r="A44" s="8">
        <v>32</v>
      </c>
      <c r="B44" s="21">
        <v>60</v>
      </c>
      <c r="C44" s="6">
        <v>46</v>
      </c>
      <c r="D44" s="5">
        <v>106</v>
      </c>
    </row>
    <row r="45" spans="1:4" ht="18" customHeight="1" x14ac:dyDescent="0.15">
      <c r="A45" s="8">
        <v>33</v>
      </c>
      <c r="B45" s="21">
        <v>54</v>
      </c>
      <c r="C45" s="6">
        <v>48</v>
      </c>
      <c r="D45" s="5">
        <v>102</v>
      </c>
    </row>
    <row r="46" spans="1:4" ht="18" customHeight="1" x14ac:dyDescent="0.15">
      <c r="A46" s="8">
        <v>34</v>
      </c>
      <c r="B46" s="21">
        <v>50</v>
      </c>
      <c r="C46" s="6">
        <v>41</v>
      </c>
      <c r="D46" s="5">
        <v>91</v>
      </c>
    </row>
    <row r="47" spans="1:4" ht="18" customHeight="1" x14ac:dyDescent="0.15">
      <c r="A47" s="8" t="s">
        <v>18</v>
      </c>
      <c r="B47" s="21">
        <v>278</v>
      </c>
      <c r="C47" s="6">
        <v>254</v>
      </c>
      <c r="D47" s="5">
        <v>532</v>
      </c>
    </row>
    <row r="48" spans="1:4" ht="18" customHeight="1" x14ac:dyDescent="0.15">
      <c r="A48" s="8">
        <v>35</v>
      </c>
      <c r="B48" s="21">
        <v>49</v>
      </c>
      <c r="C48" s="6">
        <v>50</v>
      </c>
      <c r="D48" s="5">
        <v>99</v>
      </c>
    </row>
    <row r="49" spans="1:4" ht="18" customHeight="1" x14ac:dyDescent="0.15">
      <c r="A49" s="8">
        <v>36</v>
      </c>
      <c r="B49" s="21">
        <v>59</v>
      </c>
      <c r="C49" s="6">
        <v>40</v>
      </c>
      <c r="D49" s="5">
        <v>99</v>
      </c>
    </row>
    <row r="50" spans="1:4" ht="18" customHeight="1" x14ac:dyDescent="0.15">
      <c r="A50" s="8">
        <v>37</v>
      </c>
      <c r="B50" s="21">
        <v>66</v>
      </c>
      <c r="C50" s="6">
        <v>47</v>
      </c>
      <c r="D50" s="5">
        <v>113</v>
      </c>
    </row>
    <row r="51" spans="1:4" ht="18" customHeight="1" x14ac:dyDescent="0.15">
      <c r="A51" s="8">
        <v>38</v>
      </c>
      <c r="B51" s="21">
        <v>48</v>
      </c>
      <c r="C51" s="6">
        <v>36</v>
      </c>
      <c r="D51" s="5">
        <v>84</v>
      </c>
    </row>
    <row r="52" spans="1:4" ht="18" customHeight="1" x14ac:dyDescent="0.15">
      <c r="A52" s="8">
        <v>39</v>
      </c>
      <c r="B52" s="21">
        <v>39</v>
      </c>
      <c r="C52" s="6">
        <v>44</v>
      </c>
      <c r="D52" s="5">
        <v>83</v>
      </c>
    </row>
    <row r="53" spans="1:4" ht="18" customHeight="1" x14ac:dyDescent="0.15">
      <c r="A53" s="8" t="s">
        <v>17</v>
      </c>
      <c r="B53" s="21">
        <v>261</v>
      </c>
      <c r="C53" s="6">
        <v>217</v>
      </c>
      <c r="D53" s="5">
        <v>478</v>
      </c>
    </row>
    <row r="54" spans="1:4" ht="18" customHeight="1" x14ac:dyDescent="0.15">
      <c r="A54" s="8">
        <v>40</v>
      </c>
      <c r="B54" s="21">
        <v>55</v>
      </c>
      <c r="C54" s="6">
        <v>49</v>
      </c>
      <c r="D54" s="5">
        <v>104</v>
      </c>
    </row>
    <row r="55" spans="1:4" ht="18" customHeight="1" x14ac:dyDescent="0.15">
      <c r="A55" s="8">
        <v>41</v>
      </c>
      <c r="B55" s="21">
        <v>60</v>
      </c>
      <c r="C55" s="6">
        <v>48</v>
      </c>
      <c r="D55" s="5">
        <v>108</v>
      </c>
    </row>
    <row r="56" spans="1:4" ht="18" customHeight="1" x14ac:dyDescent="0.15">
      <c r="A56" s="8">
        <v>42</v>
      </c>
      <c r="B56" s="21">
        <v>55</v>
      </c>
      <c r="C56" s="6">
        <v>53</v>
      </c>
      <c r="D56" s="5">
        <v>108</v>
      </c>
    </row>
    <row r="57" spans="1:4" ht="18" customHeight="1" x14ac:dyDescent="0.15">
      <c r="A57" s="8">
        <v>43</v>
      </c>
      <c r="B57" s="21">
        <v>55</v>
      </c>
      <c r="C57" s="6">
        <v>50</v>
      </c>
      <c r="D57" s="5">
        <v>105</v>
      </c>
    </row>
    <row r="58" spans="1:4" ht="18" customHeight="1" x14ac:dyDescent="0.15">
      <c r="A58" s="8">
        <v>44</v>
      </c>
      <c r="B58" s="21">
        <v>41</v>
      </c>
      <c r="C58" s="6">
        <v>54</v>
      </c>
      <c r="D58" s="5">
        <v>95</v>
      </c>
    </row>
    <row r="59" spans="1:4" ht="18" customHeight="1" x14ac:dyDescent="0.15">
      <c r="A59" s="8" t="s">
        <v>16</v>
      </c>
      <c r="B59" s="21">
        <v>266</v>
      </c>
      <c r="C59" s="6">
        <v>254</v>
      </c>
      <c r="D59" s="5">
        <v>520</v>
      </c>
    </row>
    <row r="60" spans="1:4" ht="18" customHeight="1" x14ac:dyDescent="0.15">
      <c r="A60" s="8">
        <v>45</v>
      </c>
      <c r="B60" s="21">
        <v>67</v>
      </c>
      <c r="C60" s="6">
        <v>38</v>
      </c>
      <c r="D60" s="5">
        <v>105</v>
      </c>
    </row>
    <row r="61" spans="1:4" ht="18" customHeight="1" x14ac:dyDescent="0.15">
      <c r="A61" s="8">
        <v>46</v>
      </c>
      <c r="B61" s="21">
        <v>75</v>
      </c>
      <c r="C61" s="6">
        <v>68</v>
      </c>
      <c r="D61" s="5">
        <v>143</v>
      </c>
    </row>
    <row r="62" spans="1:4" ht="18" customHeight="1" x14ac:dyDescent="0.15">
      <c r="A62" s="8">
        <v>47</v>
      </c>
      <c r="B62" s="21">
        <v>72</v>
      </c>
      <c r="C62" s="6">
        <v>65</v>
      </c>
      <c r="D62" s="5">
        <v>137</v>
      </c>
    </row>
    <row r="63" spans="1:4" ht="18" customHeight="1" x14ac:dyDescent="0.15">
      <c r="A63" s="8">
        <v>48</v>
      </c>
      <c r="B63" s="21">
        <v>57</v>
      </c>
      <c r="C63" s="6">
        <v>58</v>
      </c>
      <c r="D63" s="5">
        <v>115</v>
      </c>
    </row>
    <row r="64" spans="1:4" ht="18" customHeight="1" x14ac:dyDescent="0.15">
      <c r="A64" s="8">
        <v>49</v>
      </c>
      <c r="B64" s="21">
        <v>79</v>
      </c>
      <c r="C64" s="6">
        <v>57</v>
      </c>
      <c r="D64" s="5">
        <v>136</v>
      </c>
    </row>
    <row r="65" spans="1:4" ht="18" customHeight="1" x14ac:dyDescent="0.15">
      <c r="A65" s="8" t="s">
        <v>15</v>
      </c>
      <c r="B65" s="21">
        <v>350</v>
      </c>
      <c r="C65" s="6">
        <v>286</v>
      </c>
      <c r="D65" s="5">
        <v>636</v>
      </c>
    </row>
    <row r="66" spans="1:4" ht="18" customHeight="1" x14ac:dyDescent="0.15">
      <c r="A66" s="8">
        <v>50</v>
      </c>
      <c r="B66" s="21">
        <v>75</v>
      </c>
      <c r="C66" s="6">
        <v>64</v>
      </c>
      <c r="D66" s="5">
        <v>139</v>
      </c>
    </row>
    <row r="67" spans="1:4" ht="18" customHeight="1" x14ac:dyDescent="0.15">
      <c r="A67" s="8">
        <v>51</v>
      </c>
      <c r="B67" s="21">
        <v>70</v>
      </c>
      <c r="C67" s="6">
        <v>77</v>
      </c>
      <c r="D67" s="5">
        <v>147</v>
      </c>
    </row>
    <row r="68" spans="1:4" ht="18" customHeight="1" x14ac:dyDescent="0.15">
      <c r="A68" s="8">
        <v>52</v>
      </c>
      <c r="B68" s="21">
        <v>86</v>
      </c>
      <c r="C68" s="6">
        <v>91</v>
      </c>
      <c r="D68" s="5">
        <v>177</v>
      </c>
    </row>
    <row r="69" spans="1:4" ht="18" customHeight="1" x14ac:dyDescent="0.15">
      <c r="A69" s="8">
        <v>53</v>
      </c>
      <c r="B69" s="21">
        <v>100</v>
      </c>
      <c r="C69" s="6">
        <v>79</v>
      </c>
      <c r="D69" s="5">
        <v>179</v>
      </c>
    </row>
    <row r="70" spans="1:4" ht="18" customHeight="1" x14ac:dyDescent="0.15">
      <c r="A70" s="8">
        <v>54</v>
      </c>
      <c r="B70" s="21">
        <v>78</v>
      </c>
      <c r="C70" s="6">
        <v>63</v>
      </c>
      <c r="D70" s="5">
        <v>141</v>
      </c>
    </row>
    <row r="71" spans="1:4" ht="18" customHeight="1" x14ac:dyDescent="0.15">
      <c r="A71" s="8" t="s">
        <v>14</v>
      </c>
      <c r="B71" s="21">
        <v>409</v>
      </c>
      <c r="C71" s="6">
        <v>374</v>
      </c>
      <c r="D71" s="5">
        <v>783</v>
      </c>
    </row>
    <row r="72" spans="1:4" ht="18" customHeight="1" x14ac:dyDescent="0.15">
      <c r="A72" s="8">
        <v>55</v>
      </c>
      <c r="B72" s="21">
        <v>65</v>
      </c>
      <c r="C72" s="6">
        <v>67</v>
      </c>
      <c r="D72" s="5">
        <v>132</v>
      </c>
    </row>
    <row r="73" spans="1:4" ht="18" customHeight="1" x14ac:dyDescent="0.15">
      <c r="A73" s="8">
        <v>56</v>
      </c>
      <c r="B73" s="21">
        <v>65</v>
      </c>
      <c r="C73" s="6">
        <v>68</v>
      </c>
      <c r="D73" s="5">
        <v>133</v>
      </c>
    </row>
    <row r="74" spans="1:4" ht="18" customHeight="1" x14ac:dyDescent="0.15">
      <c r="A74" s="8">
        <v>57</v>
      </c>
      <c r="B74" s="21">
        <v>55</v>
      </c>
      <c r="C74" s="6">
        <v>70</v>
      </c>
      <c r="D74" s="5">
        <v>125</v>
      </c>
    </row>
    <row r="75" spans="1:4" ht="18" customHeight="1" x14ac:dyDescent="0.15">
      <c r="A75" s="8">
        <v>58</v>
      </c>
      <c r="B75" s="21">
        <v>71</v>
      </c>
      <c r="C75" s="6">
        <v>79</v>
      </c>
      <c r="D75" s="5">
        <v>150</v>
      </c>
    </row>
    <row r="76" spans="1:4" ht="18" customHeight="1" x14ac:dyDescent="0.15">
      <c r="A76" s="8">
        <v>59</v>
      </c>
      <c r="B76" s="21">
        <v>41</v>
      </c>
      <c r="C76" s="6">
        <v>35</v>
      </c>
      <c r="D76" s="5">
        <v>76</v>
      </c>
    </row>
    <row r="77" spans="1:4" ht="18" customHeight="1" x14ac:dyDescent="0.15">
      <c r="A77" s="8" t="s">
        <v>13</v>
      </c>
      <c r="B77" s="21">
        <v>297</v>
      </c>
      <c r="C77" s="6">
        <v>319</v>
      </c>
      <c r="D77" s="5">
        <v>616</v>
      </c>
    </row>
    <row r="78" spans="1:4" ht="18" customHeight="1" x14ac:dyDescent="0.15">
      <c r="A78" s="8">
        <v>60</v>
      </c>
      <c r="B78" s="21">
        <v>63</v>
      </c>
      <c r="C78" s="6">
        <v>42</v>
      </c>
      <c r="D78" s="5">
        <v>105</v>
      </c>
    </row>
    <row r="79" spans="1:4" ht="18" customHeight="1" x14ac:dyDescent="0.15">
      <c r="A79" s="8">
        <v>61</v>
      </c>
      <c r="B79" s="21">
        <v>58</v>
      </c>
      <c r="C79" s="6">
        <v>52</v>
      </c>
      <c r="D79" s="5">
        <v>110</v>
      </c>
    </row>
    <row r="80" spans="1:4" ht="18" customHeight="1" x14ac:dyDescent="0.15">
      <c r="A80" s="8">
        <v>62</v>
      </c>
      <c r="B80" s="21">
        <v>66</v>
      </c>
      <c r="C80" s="6">
        <v>48</v>
      </c>
      <c r="D80" s="5">
        <v>114</v>
      </c>
    </row>
    <row r="81" spans="1:4" ht="18" customHeight="1" x14ac:dyDescent="0.15">
      <c r="A81" s="8">
        <v>63</v>
      </c>
      <c r="B81" s="21">
        <v>55</v>
      </c>
      <c r="C81" s="6">
        <v>58</v>
      </c>
      <c r="D81" s="5">
        <v>113</v>
      </c>
    </row>
    <row r="82" spans="1:4" ht="18" customHeight="1" x14ac:dyDescent="0.15">
      <c r="A82" s="8">
        <v>64</v>
      </c>
      <c r="B82" s="21">
        <v>45</v>
      </c>
      <c r="C82" s="6">
        <v>55</v>
      </c>
      <c r="D82" s="5">
        <v>100</v>
      </c>
    </row>
    <row r="83" spans="1:4" ht="18" customHeight="1" x14ac:dyDescent="0.15">
      <c r="A83" s="8" t="s">
        <v>12</v>
      </c>
      <c r="B83" s="21">
        <v>287</v>
      </c>
      <c r="C83" s="6">
        <v>255</v>
      </c>
      <c r="D83" s="5">
        <v>542</v>
      </c>
    </row>
    <row r="84" spans="1:4" ht="18" customHeight="1" x14ac:dyDescent="0.15">
      <c r="A84" s="8" t="s">
        <v>11</v>
      </c>
      <c r="B84" s="21">
        <v>3836</v>
      </c>
      <c r="C84" s="6">
        <v>3041</v>
      </c>
      <c r="D84" s="5">
        <v>6877</v>
      </c>
    </row>
    <row r="85" spans="1:4" ht="18" customHeight="1" x14ac:dyDescent="0.15">
      <c r="A85" s="8">
        <v>65</v>
      </c>
      <c r="B85" s="21">
        <v>60</v>
      </c>
      <c r="C85" s="6">
        <v>55</v>
      </c>
      <c r="D85" s="5">
        <v>115</v>
      </c>
    </row>
    <row r="86" spans="1:4" ht="18" customHeight="1" x14ac:dyDescent="0.15">
      <c r="A86" s="8">
        <v>66</v>
      </c>
      <c r="B86" s="21">
        <v>46</v>
      </c>
      <c r="C86" s="6">
        <v>50</v>
      </c>
      <c r="D86" s="5">
        <v>96</v>
      </c>
    </row>
    <row r="87" spans="1:4" ht="18" customHeight="1" x14ac:dyDescent="0.15">
      <c r="A87" s="8">
        <v>67</v>
      </c>
      <c r="B87" s="21">
        <v>49</v>
      </c>
      <c r="C87" s="6">
        <v>40</v>
      </c>
      <c r="D87" s="5">
        <v>89</v>
      </c>
    </row>
    <row r="88" spans="1:4" ht="18" customHeight="1" x14ac:dyDescent="0.15">
      <c r="A88" s="8">
        <v>68</v>
      </c>
      <c r="B88" s="21">
        <v>53</v>
      </c>
      <c r="C88" s="6">
        <v>40</v>
      </c>
      <c r="D88" s="5">
        <v>93</v>
      </c>
    </row>
    <row r="89" spans="1:4" ht="18" customHeight="1" x14ac:dyDescent="0.15">
      <c r="A89" s="8">
        <v>69</v>
      </c>
      <c r="B89" s="21">
        <v>46</v>
      </c>
      <c r="C89" s="6">
        <v>43</v>
      </c>
      <c r="D89" s="5">
        <v>89</v>
      </c>
    </row>
    <row r="90" spans="1:4" ht="18" customHeight="1" x14ac:dyDescent="0.15">
      <c r="A90" s="8" t="s">
        <v>10</v>
      </c>
      <c r="B90" s="21">
        <v>254</v>
      </c>
      <c r="C90" s="6">
        <v>228</v>
      </c>
      <c r="D90" s="5">
        <v>482</v>
      </c>
    </row>
    <row r="91" spans="1:4" ht="18" customHeight="1" x14ac:dyDescent="0.15">
      <c r="A91" s="8">
        <v>70</v>
      </c>
      <c r="B91" s="21">
        <v>45</v>
      </c>
      <c r="C91" s="6">
        <v>50</v>
      </c>
      <c r="D91" s="5">
        <v>95</v>
      </c>
    </row>
    <row r="92" spans="1:4" ht="18" customHeight="1" x14ac:dyDescent="0.15">
      <c r="A92" s="8">
        <v>71</v>
      </c>
      <c r="B92" s="21">
        <v>34</v>
      </c>
      <c r="C92" s="6">
        <v>45</v>
      </c>
      <c r="D92" s="5">
        <v>79</v>
      </c>
    </row>
    <row r="93" spans="1:4" ht="18" customHeight="1" x14ac:dyDescent="0.15">
      <c r="A93" s="8">
        <v>72</v>
      </c>
      <c r="B93" s="21">
        <v>54</v>
      </c>
      <c r="C93" s="6">
        <v>54</v>
      </c>
      <c r="D93" s="5">
        <v>108</v>
      </c>
    </row>
    <row r="94" spans="1:4" ht="18" customHeight="1" x14ac:dyDescent="0.15">
      <c r="A94" s="8">
        <v>73</v>
      </c>
      <c r="B94" s="21">
        <v>33</v>
      </c>
      <c r="C94" s="6">
        <v>57</v>
      </c>
      <c r="D94" s="5">
        <v>90</v>
      </c>
    </row>
    <row r="95" spans="1:4" ht="18" customHeight="1" x14ac:dyDescent="0.15">
      <c r="A95" s="8">
        <v>74</v>
      </c>
      <c r="B95" s="21">
        <v>53</v>
      </c>
      <c r="C95" s="6">
        <v>51</v>
      </c>
      <c r="D95" s="5">
        <v>104</v>
      </c>
    </row>
    <row r="96" spans="1:4" ht="18" customHeight="1" x14ac:dyDescent="0.15">
      <c r="A96" s="8" t="s">
        <v>9</v>
      </c>
      <c r="B96" s="21">
        <v>219</v>
      </c>
      <c r="C96" s="6">
        <v>257</v>
      </c>
      <c r="D96" s="5">
        <v>476</v>
      </c>
    </row>
    <row r="97" spans="1:4" ht="18" customHeight="1" x14ac:dyDescent="0.15">
      <c r="A97" s="8">
        <v>75</v>
      </c>
      <c r="B97" s="21">
        <v>49</v>
      </c>
      <c r="C97" s="6">
        <v>56</v>
      </c>
      <c r="D97" s="5">
        <v>105</v>
      </c>
    </row>
    <row r="98" spans="1:4" ht="18" customHeight="1" x14ac:dyDescent="0.15">
      <c r="A98" s="8">
        <v>76</v>
      </c>
      <c r="B98" s="21">
        <v>63</v>
      </c>
      <c r="C98" s="6">
        <v>68</v>
      </c>
      <c r="D98" s="5">
        <v>131</v>
      </c>
    </row>
    <row r="99" spans="1:4" ht="18" customHeight="1" x14ac:dyDescent="0.15">
      <c r="A99" s="8">
        <v>77</v>
      </c>
      <c r="B99" s="21">
        <v>64</v>
      </c>
      <c r="C99" s="6">
        <v>76</v>
      </c>
      <c r="D99" s="5">
        <v>140</v>
      </c>
    </row>
    <row r="100" spans="1:4" ht="18" customHeight="1" x14ac:dyDescent="0.15">
      <c r="A100" s="8">
        <v>78</v>
      </c>
      <c r="B100" s="21">
        <v>80</v>
      </c>
      <c r="C100" s="6">
        <v>81</v>
      </c>
      <c r="D100" s="5">
        <v>161</v>
      </c>
    </row>
    <row r="101" spans="1:4" ht="18" customHeight="1" x14ac:dyDescent="0.15">
      <c r="A101" s="8">
        <v>79</v>
      </c>
      <c r="B101" s="21">
        <v>37</v>
      </c>
      <c r="C101" s="6">
        <v>41</v>
      </c>
      <c r="D101" s="5">
        <v>78</v>
      </c>
    </row>
    <row r="102" spans="1:4" ht="18" customHeight="1" x14ac:dyDescent="0.15">
      <c r="A102" s="8" t="s">
        <v>8</v>
      </c>
      <c r="B102" s="21">
        <v>293</v>
      </c>
      <c r="C102" s="6">
        <v>322</v>
      </c>
      <c r="D102" s="5">
        <v>615</v>
      </c>
    </row>
    <row r="103" spans="1:4" ht="18" customHeight="1" x14ac:dyDescent="0.15">
      <c r="A103" s="8">
        <v>80</v>
      </c>
      <c r="B103" s="21">
        <v>34</v>
      </c>
      <c r="C103" s="6">
        <v>28</v>
      </c>
      <c r="D103" s="5">
        <v>62</v>
      </c>
    </row>
    <row r="104" spans="1:4" ht="18" customHeight="1" x14ac:dyDescent="0.15">
      <c r="A104" s="8">
        <v>81</v>
      </c>
      <c r="B104" s="21">
        <v>40</v>
      </c>
      <c r="C104" s="6">
        <v>57</v>
      </c>
      <c r="D104" s="5">
        <v>97</v>
      </c>
    </row>
    <row r="105" spans="1:4" ht="18" customHeight="1" x14ac:dyDescent="0.15">
      <c r="A105" s="8">
        <v>82</v>
      </c>
      <c r="B105" s="21">
        <v>27</v>
      </c>
      <c r="C105" s="6">
        <v>46</v>
      </c>
      <c r="D105" s="5">
        <v>73</v>
      </c>
    </row>
    <row r="106" spans="1:4" ht="18" customHeight="1" x14ac:dyDescent="0.15">
      <c r="A106" s="8">
        <v>83</v>
      </c>
      <c r="B106" s="21">
        <v>38</v>
      </c>
      <c r="C106" s="6">
        <v>45</v>
      </c>
      <c r="D106" s="5">
        <v>83</v>
      </c>
    </row>
    <row r="107" spans="1:4" ht="18" customHeight="1" x14ac:dyDescent="0.15">
      <c r="A107" s="8">
        <v>84</v>
      </c>
      <c r="B107" s="21">
        <v>29</v>
      </c>
      <c r="C107" s="6">
        <v>30</v>
      </c>
      <c r="D107" s="5">
        <v>59</v>
      </c>
    </row>
    <row r="108" spans="1:4" ht="18" customHeight="1" x14ac:dyDescent="0.15">
      <c r="A108" s="8" t="s">
        <v>7</v>
      </c>
      <c r="B108" s="21">
        <v>168</v>
      </c>
      <c r="C108" s="6">
        <v>206</v>
      </c>
      <c r="D108" s="5">
        <v>374</v>
      </c>
    </row>
    <row r="109" spans="1:4" ht="18" customHeight="1" x14ac:dyDescent="0.15">
      <c r="A109" s="8">
        <v>85</v>
      </c>
      <c r="B109" s="21">
        <v>23</v>
      </c>
      <c r="C109" s="6">
        <v>30</v>
      </c>
      <c r="D109" s="5">
        <v>53</v>
      </c>
    </row>
    <row r="110" spans="1:4" ht="18" customHeight="1" x14ac:dyDescent="0.15">
      <c r="A110" s="8">
        <v>86</v>
      </c>
      <c r="B110" s="21">
        <v>17</v>
      </c>
      <c r="C110" s="6">
        <v>28</v>
      </c>
      <c r="D110" s="5">
        <v>45</v>
      </c>
    </row>
    <row r="111" spans="1:4" ht="18" customHeight="1" x14ac:dyDescent="0.15">
      <c r="A111" s="8">
        <v>87</v>
      </c>
      <c r="B111" s="21">
        <v>8</v>
      </c>
      <c r="C111" s="6">
        <v>30</v>
      </c>
      <c r="D111" s="5">
        <v>38</v>
      </c>
    </row>
    <row r="112" spans="1:4" ht="18" customHeight="1" x14ac:dyDescent="0.15">
      <c r="A112" s="8">
        <v>88</v>
      </c>
      <c r="B112" s="21">
        <v>16</v>
      </c>
      <c r="C112" s="6">
        <v>34</v>
      </c>
      <c r="D112" s="5">
        <v>50</v>
      </c>
    </row>
    <row r="113" spans="1:4" ht="18" customHeight="1" x14ac:dyDescent="0.15">
      <c r="A113" s="8">
        <v>89</v>
      </c>
      <c r="B113" s="21">
        <v>5</v>
      </c>
      <c r="C113" s="6">
        <v>32</v>
      </c>
      <c r="D113" s="5">
        <v>37</v>
      </c>
    </row>
    <row r="114" spans="1:4" ht="18" customHeight="1" x14ac:dyDescent="0.15">
      <c r="A114" s="8" t="s">
        <v>6</v>
      </c>
      <c r="B114" s="21">
        <v>69</v>
      </c>
      <c r="C114" s="6">
        <v>154</v>
      </c>
      <c r="D114" s="5">
        <v>223</v>
      </c>
    </row>
    <row r="115" spans="1:4" ht="18" customHeight="1" x14ac:dyDescent="0.15">
      <c r="A115" s="8">
        <v>90</v>
      </c>
      <c r="B115" s="21">
        <v>2</v>
      </c>
      <c r="C115" s="6">
        <v>28</v>
      </c>
      <c r="D115" s="5">
        <v>30</v>
      </c>
    </row>
    <row r="116" spans="1:4" ht="18" customHeight="1" x14ac:dyDescent="0.15">
      <c r="A116" s="8">
        <v>91</v>
      </c>
      <c r="B116" s="21">
        <v>8</v>
      </c>
      <c r="C116" s="6">
        <v>27</v>
      </c>
      <c r="D116" s="5">
        <v>35</v>
      </c>
    </row>
    <row r="117" spans="1:4" ht="18" customHeight="1" x14ac:dyDescent="0.15">
      <c r="A117" s="8">
        <v>92</v>
      </c>
      <c r="B117" s="21">
        <v>6</v>
      </c>
      <c r="C117" s="6">
        <v>27</v>
      </c>
      <c r="D117" s="5">
        <v>33</v>
      </c>
    </row>
    <row r="118" spans="1:4" ht="18" customHeight="1" x14ac:dyDescent="0.15">
      <c r="A118" s="8">
        <v>93</v>
      </c>
      <c r="B118" s="21">
        <v>5</v>
      </c>
      <c r="C118" s="6">
        <v>17</v>
      </c>
      <c r="D118" s="5">
        <v>22</v>
      </c>
    </row>
    <row r="119" spans="1:4" ht="18" customHeight="1" x14ac:dyDescent="0.15">
      <c r="A119" s="8">
        <v>94</v>
      </c>
      <c r="B119" s="21">
        <v>4</v>
      </c>
      <c r="C119" s="6">
        <v>10</v>
      </c>
      <c r="D119" s="5">
        <v>14</v>
      </c>
    </row>
    <row r="120" spans="1:4" ht="18" customHeight="1" x14ac:dyDescent="0.15">
      <c r="A120" s="8" t="s">
        <v>5</v>
      </c>
      <c r="B120" s="21">
        <v>25</v>
      </c>
      <c r="C120" s="6">
        <v>109</v>
      </c>
      <c r="D120" s="5">
        <v>134</v>
      </c>
    </row>
    <row r="121" spans="1:4" ht="18" customHeight="1" x14ac:dyDescent="0.15">
      <c r="A121" s="8">
        <v>95</v>
      </c>
      <c r="B121" s="21">
        <v>3</v>
      </c>
      <c r="C121" s="6">
        <v>8</v>
      </c>
      <c r="D121" s="5">
        <v>11</v>
      </c>
    </row>
    <row r="122" spans="1:4" ht="18" customHeight="1" x14ac:dyDescent="0.15">
      <c r="A122" s="8">
        <v>96</v>
      </c>
      <c r="B122" s="21">
        <v>3</v>
      </c>
      <c r="C122" s="6">
        <v>3</v>
      </c>
      <c r="D122" s="5">
        <v>6</v>
      </c>
    </row>
    <row r="123" spans="1:4" ht="18" customHeight="1" x14ac:dyDescent="0.15">
      <c r="A123" s="8">
        <v>97</v>
      </c>
      <c r="B123" s="21">
        <v>1</v>
      </c>
      <c r="C123" s="6">
        <v>4</v>
      </c>
      <c r="D123" s="5">
        <v>5</v>
      </c>
    </row>
    <row r="124" spans="1:4" ht="18" customHeight="1" x14ac:dyDescent="0.15">
      <c r="A124" s="8">
        <v>98</v>
      </c>
      <c r="B124" s="21">
        <v>2</v>
      </c>
      <c r="C124" s="6">
        <v>4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5</v>
      </c>
      <c r="D125" s="5">
        <v>5</v>
      </c>
    </row>
    <row r="126" spans="1:4" ht="18" customHeight="1" x14ac:dyDescent="0.15">
      <c r="A126" s="8" t="s">
        <v>4</v>
      </c>
      <c r="B126" s="21">
        <v>9</v>
      </c>
      <c r="C126" s="6">
        <v>24</v>
      </c>
      <c r="D126" s="5">
        <v>33</v>
      </c>
    </row>
    <row r="127" spans="1:4" ht="18" customHeight="1" x14ac:dyDescent="0.15">
      <c r="A127" s="8">
        <v>100</v>
      </c>
      <c r="B127" s="21">
        <v>1</v>
      </c>
      <c r="C127" s="6">
        <v>4</v>
      </c>
      <c r="D127" s="5">
        <v>5</v>
      </c>
    </row>
    <row r="128" spans="1:4" ht="18" customHeight="1" x14ac:dyDescent="0.15">
      <c r="A128" s="9" t="s">
        <v>3</v>
      </c>
      <c r="B128" s="21">
        <v>0</v>
      </c>
      <c r="C128" s="6">
        <v>6</v>
      </c>
      <c r="D128" s="5">
        <v>6</v>
      </c>
    </row>
    <row r="129" spans="1:4" ht="18" customHeight="1" x14ac:dyDescent="0.15">
      <c r="A129" s="8" t="s">
        <v>2</v>
      </c>
      <c r="B129" s="21">
        <v>1</v>
      </c>
      <c r="C129" s="6">
        <v>10</v>
      </c>
      <c r="D129" s="5">
        <v>11</v>
      </c>
    </row>
    <row r="130" spans="1:4" ht="18" customHeight="1" x14ac:dyDescent="0.15">
      <c r="A130" s="8" t="s">
        <v>1</v>
      </c>
      <c r="B130" s="21">
        <v>1038</v>
      </c>
      <c r="C130" s="6">
        <v>1310</v>
      </c>
      <c r="D130" s="5">
        <v>2348</v>
      </c>
    </row>
    <row r="131" spans="1:4" ht="18" customHeight="1" x14ac:dyDescent="0.15">
      <c r="A131" s="4" t="s">
        <v>0</v>
      </c>
      <c r="B131" s="20">
        <v>5329</v>
      </c>
      <c r="C131" s="2">
        <v>4815</v>
      </c>
      <c r="D131" s="1">
        <v>101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3D004FD-363C-4A67-BB56-CA4718C997F9}">
  <sheetPr codeName="Sheet2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0</v>
      </c>
      <c r="C5" s="11">
        <v>6</v>
      </c>
      <c r="D5" s="10">
        <v>16</v>
      </c>
    </row>
    <row r="6" spans="1:4" ht="18" customHeight="1" x14ac:dyDescent="0.15">
      <c r="A6" s="8">
        <v>1</v>
      </c>
      <c r="B6" s="21">
        <v>8</v>
      </c>
      <c r="C6" s="6">
        <v>18</v>
      </c>
      <c r="D6" s="5">
        <v>26</v>
      </c>
    </row>
    <row r="7" spans="1:4" ht="18" customHeight="1" x14ac:dyDescent="0.15">
      <c r="A7" s="8">
        <v>2</v>
      </c>
      <c r="B7" s="21">
        <v>8</v>
      </c>
      <c r="C7" s="6">
        <v>12</v>
      </c>
      <c r="D7" s="5">
        <v>20</v>
      </c>
    </row>
    <row r="8" spans="1:4" ht="18" customHeight="1" x14ac:dyDescent="0.15">
      <c r="A8" s="8">
        <v>3</v>
      </c>
      <c r="B8" s="21">
        <v>7</v>
      </c>
      <c r="C8" s="6">
        <v>12</v>
      </c>
      <c r="D8" s="5">
        <v>19</v>
      </c>
    </row>
    <row r="9" spans="1:4" ht="18" customHeight="1" x14ac:dyDescent="0.15">
      <c r="A9" s="8">
        <v>4</v>
      </c>
      <c r="B9" s="21">
        <v>14</v>
      </c>
      <c r="C9" s="6">
        <v>17</v>
      </c>
      <c r="D9" s="5">
        <v>31</v>
      </c>
    </row>
    <row r="10" spans="1:4" ht="18" customHeight="1" x14ac:dyDescent="0.15">
      <c r="A10" s="8" t="s">
        <v>25</v>
      </c>
      <c r="B10" s="21">
        <v>47</v>
      </c>
      <c r="C10" s="6">
        <v>65</v>
      </c>
      <c r="D10" s="5">
        <v>112</v>
      </c>
    </row>
    <row r="11" spans="1:4" ht="18" customHeight="1" x14ac:dyDescent="0.15">
      <c r="A11" s="8">
        <v>5</v>
      </c>
      <c r="B11" s="21">
        <v>16</v>
      </c>
      <c r="C11" s="6">
        <v>7</v>
      </c>
      <c r="D11" s="5">
        <v>23</v>
      </c>
    </row>
    <row r="12" spans="1:4" ht="18" customHeight="1" x14ac:dyDescent="0.15">
      <c r="A12" s="8">
        <v>6</v>
      </c>
      <c r="B12" s="21">
        <v>7</v>
      </c>
      <c r="C12" s="6">
        <v>12</v>
      </c>
      <c r="D12" s="5">
        <v>19</v>
      </c>
    </row>
    <row r="13" spans="1:4" ht="18" customHeight="1" x14ac:dyDescent="0.15">
      <c r="A13" s="8">
        <v>7</v>
      </c>
      <c r="B13" s="21">
        <v>14</v>
      </c>
      <c r="C13" s="6">
        <v>17</v>
      </c>
      <c r="D13" s="5">
        <v>31</v>
      </c>
    </row>
    <row r="14" spans="1:4" ht="18" customHeight="1" x14ac:dyDescent="0.15">
      <c r="A14" s="8">
        <v>8</v>
      </c>
      <c r="B14" s="21">
        <v>12</v>
      </c>
      <c r="C14" s="6">
        <v>16</v>
      </c>
      <c r="D14" s="5">
        <v>28</v>
      </c>
    </row>
    <row r="15" spans="1:4" ht="18" customHeight="1" x14ac:dyDescent="0.15">
      <c r="A15" s="8">
        <v>9</v>
      </c>
      <c r="B15" s="21">
        <v>10</v>
      </c>
      <c r="C15" s="6">
        <v>17</v>
      </c>
      <c r="D15" s="5">
        <v>27</v>
      </c>
    </row>
    <row r="16" spans="1:4" ht="18" customHeight="1" x14ac:dyDescent="0.15">
      <c r="A16" s="8" t="s">
        <v>24</v>
      </c>
      <c r="B16" s="21">
        <v>59</v>
      </c>
      <c r="C16" s="6">
        <v>69</v>
      </c>
      <c r="D16" s="5">
        <v>128</v>
      </c>
    </row>
    <row r="17" spans="1:4" ht="18" customHeight="1" x14ac:dyDescent="0.15">
      <c r="A17" s="8">
        <v>10</v>
      </c>
      <c r="B17" s="21">
        <v>13</v>
      </c>
      <c r="C17" s="6">
        <v>13</v>
      </c>
      <c r="D17" s="5">
        <v>26</v>
      </c>
    </row>
    <row r="18" spans="1:4" ht="18" customHeight="1" x14ac:dyDescent="0.15">
      <c r="A18" s="8">
        <v>11</v>
      </c>
      <c r="B18" s="21">
        <v>16</v>
      </c>
      <c r="C18" s="6">
        <v>10</v>
      </c>
      <c r="D18" s="5">
        <v>26</v>
      </c>
    </row>
    <row r="19" spans="1:4" ht="18" customHeight="1" x14ac:dyDescent="0.15">
      <c r="A19" s="8">
        <v>12</v>
      </c>
      <c r="B19" s="21">
        <v>11</v>
      </c>
      <c r="C19" s="6">
        <v>18</v>
      </c>
      <c r="D19" s="5">
        <v>29</v>
      </c>
    </row>
    <row r="20" spans="1:4" ht="18" customHeight="1" x14ac:dyDescent="0.15">
      <c r="A20" s="8">
        <v>13</v>
      </c>
      <c r="B20" s="21">
        <v>23</v>
      </c>
      <c r="C20" s="6">
        <v>18</v>
      </c>
      <c r="D20" s="5">
        <v>41</v>
      </c>
    </row>
    <row r="21" spans="1:4" ht="18" customHeight="1" x14ac:dyDescent="0.15">
      <c r="A21" s="8">
        <v>14</v>
      </c>
      <c r="B21" s="21">
        <v>12</v>
      </c>
      <c r="C21" s="6">
        <v>15</v>
      </c>
      <c r="D21" s="5">
        <v>27</v>
      </c>
    </row>
    <row r="22" spans="1:4" ht="18" customHeight="1" x14ac:dyDescent="0.15">
      <c r="A22" s="8" t="s">
        <v>23</v>
      </c>
      <c r="B22" s="21">
        <v>75</v>
      </c>
      <c r="C22" s="6">
        <v>74</v>
      </c>
      <c r="D22" s="5">
        <v>149</v>
      </c>
    </row>
    <row r="23" spans="1:4" ht="18" customHeight="1" x14ac:dyDescent="0.15">
      <c r="A23" s="8" t="s">
        <v>22</v>
      </c>
      <c r="B23" s="21">
        <v>181</v>
      </c>
      <c r="C23" s="6">
        <v>208</v>
      </c>
      <c r="D23" s="5">
        <v>389</v>
      </c>
    </row>
    <row r="24" spans="1:4" ht="18" customHeight="1" x14ac:dyDescent="0.15">
      <c r="A24" s="8">
        <v>15</v>
      </c>
      <c r="B24" s="21">
        <v>18</v>
      </c>
      <c r="C24" s="6">
        <v>16</v>
      </c>
      <c r="D24" s="5">
        <v>34</v>
      </c>
    </row>
    <row r="25" spans="1:4" ht="18" customHeight="1" x14ac:dyDescent="0.15">
      <c r="A25" s="8">
        <v>16</v>
      </c>
      <c r="B25" s="21">
        <v>13</v>
      </c>
      <c r="C25" s="6">
        <v>21</v>
      </c>
      <c r="D25" s="5">
        <v>34</v>
      </c>
    </row>
    <row r="26" spans="1:4" ht="18" customHeight="1" x14ac:dyDescent="0.15">
      <c r="A26" s="8">
        <v>17</v>
      </c>
      <c r="B26" s="21">
        <v>20</v>
      </c>
      <c r="C26" s="6">
        <v>15</v>
      </c>
      <c r="D26" s="5">
        <v>35</v>
      </c>
    </row>
    <row r="27" spans="1:4" ht="18" customHeight="1" x14ac:dyDescent="0.15">
      <c r="A27" s="8">
        <v>18</v>
      </c>
      <c r="B27" s="21">
        <v>24</v>
      </c>
      <c r="C27" s="6">
        <v>17</v>
      </c>
      <c r="D27" s="5">
        <v>41</v>
      </c>
    </row>
    <row r="28" spans="1:4" ht="18" customHeight="1" x14ac:dyDescent="0.15">
      <c r="A28" s="8">
        <v>19</v>
      </c>
      <c r="B28" s="21">
        <v>18</v>
      </c>
      <c r="C28" s="6">
        <v>22</v>
      </c>
      <c r="D28" s="5">
        <v>40</v>
      </c>
    </row>
    <row r="29" spans="1:4" ht="18" customHeight="1" x14ac:dyDescent="0.15">
      <c r="A29" s="8" t="s">
        <v>21</v>
      </c>
      <c r="B29" s="21">
        <v>93</v>
      </c>
      <c r="C29" s="6">
        <v>91</v>
      </c>
      <c r="D29" s="5">
        <v>184</v>
      </c>
    </row>
    <row r="30" spans="1:4" ht="18" customHeight="1" x14ac:dyDescent="0.15">
      <c r="A30" s="8">
        <v>20</v>
      </c>
      <c r="B30" s="21">
        <v>18</v>
      </c>
      <c r="C30" s="6">
        <v>19</v>
      </c>
      <c r="D30" s="5">
        <v>37</v>
      </c>
    </row>
    <row r="31" spans="1:4" ht="18" customHeight="1" x14ac:dyDescent="0.15">
      <c r="A31" s="8">
        <v>21</v>
      </c>
      <c r="B31" s="21">
        <v>23</v>
      </c>
      <c r="C31" s="6">
        <v>21</v>
      </c>
      <c r="D31" s="5">
        <v>44</v>
      </c>
    </row>
    <row r="32" spans="1:4" ht="18" customHeight="1" x14ac:dyDescent="0.15">
      <c r="A32" s="8">
        <v>22</v>
      </c>
      <c r="B32" s="21">
        <v>20</v>
      </c>
      <c r="C32" s="6">
        <v>25</v>
      </c>
      <c r="D32" s="5">
        <v>45</v>
      </c>
    </row>
    <row r="33" spans="1:4" ht="18" customHeight="1" x14ac:dyDescent="0.15">
      <c r="A33" s="8">
        <v>23</v>
      </c>
      <c r="B33" s="21">
        <v>26</v>
      </c>
      <c r="C33" s="6">
        <v>19</v>
      </c>
      <c r="D33" s="5">
        <v>45</v>
      </c>
    </row>
    <row r="34" spans="1:4" ht="18" customHeight="1" x14ac:dyDescent="0.15">
      <c r="A34" s="8">
        <v>24</v>
      </c>
      <c r="B34" s="21">
        <v>17</v>
      </c>
      <c r="C34" s="6">
        <v>23</v>
      </c>
      <c r="D34" s="5">
        <v>40</v>
      </c>
    </row>
    <row r="35" spans="1:4" ht="18" customHeight="1" x14ac:dyDescent="0.15">
      <c r="A35" s="8" t="s">
        <v>20</v>
      </c>
      <c r="B35" s="21">
        <v>104</v>
      </c>
      <c r="C35" s="6">
        <v>107</v>
      </c>
      <c r="D35" s="5">
        <v>211</v>
      </c>
    </row>
    <row r="36" spans="1:4" ht="18" customHeight="1" x14ac:dyDescent="0.15">
      <c r="A36" s="8">
        <v>25</v>
      </c>
      <c r="B36" s="21">
        <v>24</v>
      </c>
      <c r="C36" s="6">
        <v>28</v>
      </c>
      <c r="D36" s="5">
        <v>52</v>
      </c>
    </row>
    <row r="37" spans="1:4" ht="18" customHeight="1" x14ac:dyDescent="0.15">
      <c r="A37" s="8">
        <v>26</v>
      </c>
      <c r="B37" s="21">
        <v>16</v>
      </c>
      <c r="C37" s="6">
        <v>27</v>
      </c>
      <c r="D37" s="5">
        <v>43</v>
      </c>
    </row>
    <row r="38" spans="1:4" ht="18" customHeight="1" x14ac:dyDescent="0.15">
      <c r="A38" s="8">
        <v>27</v>
      </c>
      <c r="B38" s="21">
        <v>12</v>
      </c>
      <c r="C38" s="6">
        <v>29</v>
      </c>
      <c r="D38" s="5">
        <v>41</v>
      </c>
    </row>
    <row r="39" spans="1:4" ht="18" customHeight="1" x14ac:dyDescent="0.15">
      <c r="A39" s="8">
        <v>28</v>
      </c>
      <c r="B39" s="21">
        <v>28</v>
      </c>
      <c r="C39" s="6">
        <v>20</v>
      </c>
      <c r="D39" s="5">
        <v>48</v>
      </c>
    </row>
    <row r="40" spans="1:4" ht="18" customHeight="1" x14ac:dyDescent="0.15">
      <c r="A40" s="8">
        <v>29</v>
      </c>
      <c r="B40" s="21">
        <v>26</v>
      </c>
      <c r="C40" s="6">
        <v>17</v>
      </c>
      <c r="D40" s="5">
        <v>43</v>
      </c>
    </row>
    <row r="41" spans="1:4" ht="18" customHeight="1" x14ac:dyDescent="0.15">
      <c r="A41" s="8" t="s">
        <v>19</v>
      </c>
      <c r="B41" s="21">
        <v>106</v>
      </c>
      <c r="C41" s="6">
        <v>121</v>
      </c>
      <c r="D41" s="5">
        <v>227</v>
      </c>
    </row>
    <row r="42" spans="1:4" ht="18" customHeight="1" x14ac:dyDescent="0.15">
      <c r="A42" s="8">
        <v>30</v>
      </c>
      <c r="B42" s="21">
        <v>20</v>
      </c>
      <c r="C42" s="6">
        <v>20</v>
      </c>
      <c r="D42" s="5">
        <v>40</v>
      </c>
    </row>
    <row r="43" spans="1:4" ht="18" customHeight="1" x14ac:dyDescent="0.15">
      <c r="A43" s="8">
        <v>31</v>
      </c>
      <c r="B43" s="21">
        <v>15</v>
      </c>
      <c r="C43" s="6">
        <v>26</v>
      </c>
      <c r="D43" s="5">
        <v>41</v>
      </c>
    </row>
    <row r="44" spans="1:4" ht="18" customHeight="1" x14ac:dyDescent="0.15">
      <c r="A44" s="8">
        <v>32</v>
      </c>
      <c r="B44" s="21">
        <v>17</v>
      </c>
      <c r="C44" s="6">
        <v>13</v>
      </c>
      <c r="D44" s="5">
        <v>30</v>
      </c>
    </row>
    <row r="45" spans="1:4" ht="18" customHeight="1" x14ac:dyDescent="0.15">
      <c r="A45" s="8">
        <v>33</v>
      </c>
      <c r="B45" s="21">
        <v>18</v>
      </c>
      <c r="C45" s="6">
        <v>15</v>
      </c>
      <c r="D45" s="5">
        <v>33</v>
      </c>
    </row>
    <row r="46" spans="1:4" ht="18" customHeight="1" x14ac:dyDescent="0.15">
      <c r="A46" s="8">
        <v>34</v>
      </c>
      <c r="B46" s="21">
        <v>26</v>
      </c>
      <c r="C46" s="6">
        <v>12</v>
      </c>
      <c r="D46" s="5">
        <v>38</v>
      </c>
    </row>
    <row r="47" spans="1:4" ht="18" customHeight="1" x14ac:dyDescent="0.15">
      <c r="A47" s="8" t="s">
        <v>18</v>
      </c>
      <c r="B47" s="21">
        <v>96</v>
      </c>
      <c r="C47" s="6">
        <v>86</v>
      </c>
      <c r="D47" s="5">
        <v>182</v>
      </c>
    </row>
    <row r="48" spans="1:4" ht="18" customHeight="1" x14ac:dyDescent="0.15">
      <c r="A48" s="8">
        <v>35</v>
      </c>
      <c r="B48" s="21">
        <v>17</v>
      </c>
      <c r="C48" s="6">
        <v>15</v>
      </c>
      <c r="D48" s="5">
        <v>32</v>
      </c>
    </row>
    <row r="49" spans="1:4" ht="18" customHeight="1" x14ac:dyDescent="0.15">
      <c r="A49" s="8">
        <v>36</v>
      </c>
      <c r="B49" s="21">
        <v>21</v>
      </c>
      <c r="C49" s="6">
        <v>17</v>
      </c>
      <c r="D49" s="5">
        <v>38</v>
      </c>
    </row>
    <row r="50" spans="1:4" ht="18" customHeight="1" x14ac:dyDescent="0.15">
      <c r="A50" s="8">
        <v>37</v>
      </c>
      <c r="B50" s="21">
        <v>18</v>
      </c>
      <c r="C50" s="6">
        <v>11</v>
      </c>
      <c r="D50" s="5">
        <v>29</v>
      </c>
    </row>
    <row r="51" spans="1:4" ht="18" customHeight="1" x14ac:dyDescent="0.15">
      <c r="A51" s="8">
        <v>38</v>
      </c>
      <c r="B51" s="21">
        <v>19</v>
      </c>
      <c r="C51" s="6">
        <v>13</v>
      </c>
      <c r="D51" s="5">
        <v>32</v>
      </c>
    </row>
    <row r="52" spans="1:4" ht="18" customHeight="1" x14ac:dyDescent="0.15">
      <c r="A52" s="8">
        <v>39</v>
      </c>
      <c r="B52" s="21">
        <v>22</v>
      </c>
      <c r="C52" s="6">
        <v>24</v>
      </c>
      <c r="D52" s="5">
        <v>46</v>
      </c>
    </row>
    <row r="53" spans="1:4" ht="18" customHeight="1" x14ac:dyDescent="0.15">
      <c r="A53" s="8" t="s">
        <v>17</v>
      </c>
      <c r="B53" s="21">
        <v>97</v>
      </c>
      <c r="C53" s="6">
        <v>80</v>
      </c>
      <c r="D53" s="5">
        <v>177</v>
      </c>
    </row>
    <row r="54" spans="1:4" ht="18" customHeight="1" x14ac:dyDescent="0.15">
      <c r="A54" s="8">
        <v>40</v>
      </c>
      <c r="B54" s="21">
        <v>16</v>
      </c>
      <c r="C54" s="6">
        <v>28</v>
      </c>
      <c r="D54" s="5">
        <v>44</v>
      </c>
    </row>
    <row r="55" spans="1:4" ht="18" customHeight="1" x14ac:dyDescent="0.15">
      <c r="A55" s="8">
        <v>41</v>
      </c>
      <c r="B55" s="21">
        <v>19</v>
      </c>
      <c r="C55" s="6">
        <v>22</v>
      </c>
      <c r="D55" s="5">
        <v>41</v>
      </c>
    </row>
    <row r="56" spans="1:4" ht="18" customHeight="1" x14ac:dyDescent="0.15">
      <c r="A56" s="8">
        <v>42</v>
      </c>
      <c r="B56" s="21">
        <v>24</v>
      </c>
      <c r="C56" s="6">
        <v>18</v>
      </c>
      <c r="D56" s="5">
        <v>42</v>
      </c>
    </row>
    <row r="57" spans="1:4" ht="18" customHeight="1" x14ac:dyDescent="0.15">
      <c r="A57" s="8">
        <v>43</v>
      </c>
      <c r="B57" s="21">
        <v>19</v>
      </c>
      <c r="C57" s="6">
        <v>19</v>
      </c>
      <c r="D57" s="5">
        <v>38</v>
      </c>
    </row>
    <row r="58" spans="1:4" ht="18" customHeight="1" x14ac:dyDescent="0.15">
      <c r="A58" s="8">
        <v>44</v>
      </c>
      <c r="B58" s="21">
        <v>17</v>
      </c>
      <c r="C58" s="6">
        <v>24</v>
      </c>
      <c r="D58" s="5">
        <v>41</v>
      </c>
    </row>
    <row r="59" spans="1:4" ht="18" customHeight="1" x14ac:dyDescent="0.15">
      <c r="A59" s="8" t="s">
        <v>16</v>
      </c>
      <c r="B59" s="21">
        <v>95</v>
      </c>
      <c r="C59" s="6">
        <v>111</v>
      </c>
      <c r="D59" s="5">
        <v>206</v>
      </c>
    </row>
    <row r="60" spans="1:4" ht="18" customHeight="1" x14ac:dyDescent="0.15">
      <c r="A60" s="8">
        <v>45</v>
      </c>
      <c r="B60" s="21">
        <v>19</v>
      </c>
      <c r="C60" s="6">
        <v>20</v>
      </c>
      <c r="D60" s="5">
        <v>39</v>
      </c>
    </row>
    <row r="61" spans="1:4" ht="18" customHeight="1" x14ac:dyDescent="0.15">
      <c r="A61" s="8">
        <v>46</v>
      </c>
      <c r="B61" s="21">
        <v>27</v>
      </c>
      <c r="C61" s="6">
        <v>27</v>
      </c>
      <c r="D61" s="5">
        <v>54</v>
      </c>
    </row>
    <row r="62" spans="1:4" ht="18" customHeight="1" x14ac:dyDescent="0.15">
      <c r="A62" s="8">
        <v>47</v>
      </c>
      <c r="B62" s="21">
        <v>29</v>
      </c>
      <c r="C62" s="6">
        <v>23</v>
      </c>
      <c r="D62" s="5">
        <v>52</v>
      </c>
    </row>
    <row r="63" spans="1:4" ht="18" customHeight="1" x14ac:dyDescent="0.15">
      <c r="A63" s="8">
        <v>48</v>
      </c>
      <c r="B63" s="21">
        <v>25</v>
      </c>
      <c r="C63" s="6">
        <v>31</v>
      </c>
      <c r="D63" s="5">
        <v>56</v>
      </c>
    </row>
    <row r="64" spans="1:4" ht="18" customHeight="1" x14ac:dyDescent="0.15">
      <c r="A64" s="8">
        <v>49</v>
      </c>
      <c r="B64" s="21">
        <v>29</v>
      </c>
      <c r="C64" s="6">
        <v>32</v>
      </c>
      <c r="D64" s="5">
        <v>61</v>
      </c>
    </row>
    <row r="65" spans="1:4" ht="18" customHeight="1" x14ac:dyDescent="0.15">
      <c r="A65" s="8" t="s">
        <v>15</v>
      </c>
      <c r="B65" s="21">
        <v>129</v>
      </c>
      <c r="C65" s="6">
        <v>133</v>
      </c>
      <c r="D65" s="5">
        <v>262</v>
      </c>
    </row>
    <row r="66" spans="1:4" ht="18" customHeight="1" x14ac:dyDescent="0.15">
      <c r="A66" s="8">
        <v>50</v>
      </c>
      <c r="B66" s="21">
        <v>29</v>
      </c>
      <c r="C66" s="6">
        <v>30</v>
      </c>
      <c r="D66" s="5">
        <v>59</v>
      </c>
    </row>
    <row r="67" spans="1:4" ht="18" customHeight="1" x14ac:dyDescent="0.15">
      <c r="A67" s="8">
        <v>51</v>
      </c>
      <c r="B67" s="21">
        <v>37</v>
      </c>
      <c r="C67" s="6">
        <v>41</v>
      </c>
      <c r="D67" s="5">
        <v>78</v>
      </c>
    </row>
    <row r="68" spans="1:4" ht="18" customHeight="1" x14ac:dyDescent="0.15">
      <c r="A68" s="8">
        <v>52</v>
      </c>
      <c r="B68" s="21">
        <v>38</v>
      </c>
      <c r="C68" s="6">
        <v>38</v>
      </c>
      <c r="D68" s="5">
        <v>76</v>
      </c>
    </row>
    <row r="69" spans="1:4" ht="18" customHeight="1" x14ac:dyDescent="0.15">
      <c r="A69" s="8">
        <v>53</v>
      </c>
      <c r="B69" s="21">
        <v>34</v>
      </c>
      <c r="C69" s="6">
        <v>45</v>
      </c>
      <c r="D69" s="5">
        <v>79</v>
      </c>
    </row>
    <row r="70" spans="1:4" ht="18" customHeight="1" x14ac:dyDescent="0.15">
      <c r="A70" s="8">
        <v>54</v>
      </c>
      <c r="B70" s="21">
        <v>33</v>
      </c>
      <c r="C70" s="6">
        <v>31</v>
      </c>
      <c r="D70" s="5">
        <v>64</v>
      </c>
    </row>
    <row r="71" spans="1:4" ht="18" customHeight="1" x14ac:dyDescent="0.15">
      <c r="A71" s="8" t="s">
        <v>14</v>
      </c>
      <c r="B71" s="21">
        <v>171</v>
      </c>
      <c r="C71" s="6">
        <v>185</v>
      </c>
      <c r="D71" s="5">
        <v>356</v>
      </c>
    </row>
    <row r="72" spans="1:4" ht="18" customHeight="1" x14ac:dyDescent="0.15">
      <c r="A72" s="8">
        <v>55</v>
      </c>
      <c r="B72" s="21">
        <v>27</v>
      </c>
      <c r="C72" s="6">
        <v>32</v>
      </c>
      <c r="D72" s="5">
        <v>59</v>
      </c>
    </row>
    <row r="73" spans="1:4" ht="18" customHeight="1" x14ac:dyDescent="0.15">
      <c r="A73" s="8">
        <v>56</v>
      </c>
      <c r="B73" s="21">
        <v>28</v>
      </c>
      <c r="C73" s="6">
        <v>34</v>
      </c>
      <c r="D73" s="5">
        <v>62</v>
      </c>
    </row>
    <row r="74" spans="1:4" ht="18" customHeight="1" x14ac:dyDescent="0.15">
      <c r="A74" s="8">
        <v>57</v>
      </c>
      <c r="B74" s="21">
        <v>20</v>
      </c>
      <c r="C74" s="6">
        <v>26</v>
      </c>
      <c r="D74" s="5">
        <v>46</v>
      </c>
    </row>
    <row r="75" spans="1:4" ht="18" customHeight="1" x14ac:dyDescent="0.15">
      <c r="A75" s="8">
        <v>58</v>
      </c>
      <c r="B75" s="21">
        <v>39</v>
      </c>
      <c r="C75" s="6">
        <v>35</v>
      </c>
      <c r="D75" s="5">
        <v>74</v>
      </c>
    </row>
    <row r="76" spans="1:4" ht="18" customHeight="1" x14ac:dyDescent="0.15">
      <c r="A76" s="8">
        <v>59</v>
      </c>
      <c r="B76" s="21">
        <v>30</v>
      </c>
      <c r="C76" s="6">
        <v>25</v>
      </c>
      <c r="D76" s="5">
        <v>55</v>
      </c>
    </row>
    <row r="77" spans="1:4" ht="18" customHeight="1" x14ac:dyDescent="0.15">
      <c r="A77" s="8" t="s">
        <v>13</v>
      </c>
      <c r="B77" s="21">
        <v>144</v>
      </c>
      <c r="C77" s="6">
        <v>152</v>
      </c>
      <c r="D77" s="5">
        <v>296</v>
      </c>
    </row>
    <row r="78" spans="1:4" ht="18" customHeight="1" x14ac:dyDescent="0.15">
      <c r="A78" s="8">
        <v>60</v>
      </c>
      <c r="B78" s="21">
        <v>29</v>
      </c>
      <c r="C78" s="6">
        <v>39</v>
      </c>
      <c r="D78" s="5">
        <v>68</v>
      </c>
    </row>
    <row r="79" spans="1:4" ht="18" customHeight="1" x14ac:dyDescent="0.15">
      <c r="A79" s="8">
        <v>61</v>
      </c>
      <c r="B79" s="21">
        <v>28</v>
      </c>
      <c r="C79" s="6">
        <v>27</v>
      </c>
      <c r="D79" s="5">
        <v>55</v>
      </c>
    </row>
    <row r="80" spans="1:4" ht="18" customHeight="1" x14ac:dyDescent="0.15">
      <c r="A80" s="8">
        <v>62</v>
      </c>
      <c r="B80" s="21">
        <v>27</v>
      </c>
      <c r="C80" s="6">
        <v>22</v>
      </c>
      <c r="D80" s="5">
        <v>49</v>
      </c>
    </row>
    <row r="81" spans="1:4" ht="18" customHeight="1" x14ac:dyDescent="0.15">
      <c r="A81" s="8">
        <v>63</v>
      </c>
      <c r="B81" s="21">
        <v>27</v>
      </c>
      <c r="C81" s="6">
        <v>22</v>
      </c>
      <c r="D81" s="5">
        <v>49</v>
      </c>
    </row>
    <row r="82" spans="1:4" ht="18" customHeight="1" x14ac:dyDescent="0.15">
      <c r="A82" s="8">
        <v>64</v>
      </c>
      <c r="B82" s="21">
        <v>26</v>
      </c>
      <c r="C82" s="6">
        <v>28</v>
      </c>
      <c r="D82" s="5">
        <v>54</v>
      </c>
    </row>
    <row r="83" spans="1:4" ht="18" customHeight="1" x14ac:dyDescent="0.15">
      <c r="A83" s="8" t="s">
        <v>12</v>
      </c>
      <c r="B83" s="21">
        <v>137</v>
      </c>
      <c r="C83" s="6">
        <v>138</v>
      </c>
      <c r="D83" s="5">
        <v>275</v>
      </c>
    </row>
    <row r="84" spans="1:4" ht="18" customHeight="1" x14ac:dyDescent="0.15">
      <c r="A84" s="8" t="s">
        <v>11</v>
      </c>
      <c r="B84" s="21">
        <v>1172</v>
      </c>
      <c r="C84" s="6">
        <v>1204</v>
      </c>
      <c r="D84" s="5">
        <v>2376</v>
      </c>
    </row>
    <row r="85" spans="1:4" ht="18" customHeight="1" x14ac:dyDescent="0.15">
      <c r="A85" s="8">
        <v>65</v>
      </c>
      <c r="B85" s="21">
        <v>31</v>
      </c>
      <c r="C85" s="6">
        <v>21</v>
      </c>
      <c r="D85" s="5">
        <v>52</v>
      </c>
    </row>
    <row r="86" spans="1:4" ht="18" customHeight="1" x14ac:dyDescent="0.15">
      <c r="A86" s="8">
        <v>66</v>
      </c>
      <c r="B86" s="21">
        <v>23</v>
      </c>
      <c r="C86" s="6">
        <v>30</v>
      </c>
      <c r="D86" s="5">
        <v>53</v>
      </c>
    </row>
    <row r="87" spans="1:4" ht="18" customHeight="1" x14ac:dyDescent="0.15">
      <c r="A87" s="8">
        <v>67</v>
      </c>
      <c r="B87" s="21">
        <v>15</v>
      </c>
      <c r="C87" s="6">
        <v>23</v>
      </c>
      <c r="D87" s="5">
        <v>38</v>
      </c>
    </row>
    <row r="88" spans="1:4" ht="18" customHeight="1" x14ac:dyDescent="0.15">
      <c r="A88" s="8">
        <v>68</v>
      </c>
      <c r="B88" s="21">
        <v>20</v>
      </c>
      <c r="C88" s="6">
        <v>24</v>
      </c>
      <c r="D88" s="5">
        <v>44</v>
      </c>
    </row>
    <row r="89" spans="1:4" ht="18" customHeight="1" x14ac:dyDescent="0.15">
      <c r="A89" s="8">
        <v>69</v>
      </c>
      <c r="B89" s="21">
        <v>15</v>
      </c>
      <c r="C89" s="6">
        <v>17</v>
      </c>
      <c r="D89" s="5">
        <v>32</v>
      </c>
    </row>
    <row r="90" spans="1:4" ht="18" customHeight="1" x14ac:dyDescent="0.15">
      <c r="A90" s="8" t="s">
        <v>10</v>
      </c>
      <c r="B90" s="21">
        <v>104</v>
      </c>
      <c r="C90" s="6">
        <v>115</v>
      </c>
      <c r="D90" s="5">
        <v>219</v>
      </c>
    </row>
    <row r="91" spans="1:4" ht="18" customHeight="1" x14ac:dyDescent="0.15">
      <c r="A91" s="8">
        <v>70</v>
      </c>
      <c r="B91" s="21">
        <v>25</v>
      </c>
      <c r="C91" s="6">
        <v>28</v>
      </c>
      <c r="D91" s="5">
        <v>53</v>
      </c>
    </row>
    <row r="92" spans="1:4" ht="18" customHeight="1" x14ac:dyDescent="0.15">
      <c r="A92" s="8">
        <v>71</v>
      </c>
      <c r="B92" s="21">
        <v>22</v>
      </c>
      <c r="C92" s="6">
        <v>25</v>
      </c>
      <c r="D92" s="5">
        <v>47</v>
      </c>
    </row>
    <row r="93" spans="1:4" ht="18" customHeight="1" x14ac:dyDescent="0.15">
      <c r="A93" s="8">
        <v>72</v>
      </c>
      <c r="B93" s="21">
        <v>25</v>
      </c>
      <c r="C93" s="6">
        <v>24</v>
      </c>
      <c r="D93" s="5">
        <v>49</v>
      </c>
    </row>
    <row r="94" spans="1:4" ht="18" customHeight="1" x14ac:dyDescent="0.15">
      <c r="A94" s="8">
        <v>73</v>
      </c>
      <c r="B94" s="21">
        <v>19</v>
      </c>
      <c r="C94" s="6">
        <v>29</v>
      </c>
      <c r="D94" s="5">
        <v>48</v>
      </c>
    </row>
    <row r="95" spans="1:4" ht="18" customHeight="1" x14ac:dyDescent="0.15">
      <c r="A95" s="8">
        <v>74</v>
      </c>
      <c r="B95" s="21">
        <v>25</v>
      </c>
      <c r="C95" s="6">
        <v>29</v>
      </c>
      <c r="D95" s="5">
        <v>54</v>
      </c>
    </row>
    <row r="96" spans="1:4" ht="18" customHeight="1" x14ac:dyDescent="0.15">
      <c r="A96" s="8" t="s">
        <v>9</v>
      </c>
      <c r="B96" s="21">
        <v>116</v>
      </c>
      <c r="C96" s="6">
        <v>135</v>
      </c>
      <c r="D96" s="5">
        <v>251</v>
      </c>
    </row>
    <row r="97" spans="1:4" ht="18" customHeight="1" x14ac:dyDescent="0.15">
      <c r="A97" s="8">
        <v>75</v>
      </c>
      <c r="B97" s="21">
        <v>32</v>
      </c>
      <c r="C97" s="6">
        <v>36</v>
      </c>
      <c r="D97" s="5">
        <v>68</v>
      </c>
    </row>
    <row r="98" spans="1:4" ht="18" customHeight="1" x14ac:dyDescent="0.15">
      <c r="A98" s="8">
        <v>76</v>
      </c>
      <c r="B98" s="21">
        <v>31</v>
      </c>
      <c r="C98" s="6">
        <v>43</v>
      </c>
      <c r="D98" s="5">
        <v>74</v>
      </c>
    </row>
    <row r="99" spans="1:4" ht="18" customHeight="1" x14ac:dyDescent="0.15">
      <c r="A99" s="8">
        <v>77</v>
      </c>
      <c r="B99" s="21">
        <v>24</v>
      </c>
      <c r="C99" s="6">
        <v>26</v>
      </c>
      <c r="D99" s="5">
        <v>50</v>
      </c>
    </row>
    <row r="100" spans="1:4" ht="18" customHeight="1" x14ac:dyDescent="0.15">
      <c r="A100" s="8">
        <v>78</v>
      </c>
      <c r="B100" s="21">
        <v>24</v>
      </c>
      <c r="C100" s="6">
        <v>42</v>
      </c>
      <c r="D100" s="5">
        <v>66</v>
      </c>
    </row>
    <row r="101" spans="1:4" ht="18" customHeight="1" x14ac:dyDescent="0.15">
      <c r="A101" s="8">
        <v>79</v>
      </c>
      <c r="B101" s="21">
        <v>12</v>
      </c>
      <c r="C101" s="6">
        <v>20</v>
      </c>
      <c r="D101" s="5">
        <v>32</v>
      </c>
    </row>
    <row r="102" spans="1:4" ht="18" customHeight="1" x14ac:dyDescent="0.15">
      <c r="A102" s="8" t="s">
        <v>8</v>
      </c>
      <c r="B102" s="21">
        <v>123</v>
      </c>
      <c r="C102" s="6">
        <v>167</v>
      </c>
      <c r="D102" s="5">
        <v>290</v>
      </c>
    </row>
    <row r="103" spans="1:4" ht="18" customHeight="1" x14ac:dyDescent="0.15">
      <c r="A103" s="8">
        <v>80</v>
      </c>
      <c r="B103" s="21">
        <v>13</v>
      </c>
      <c r="C103" s="6">
        <v>16</v>
      </c>
      <c r="D103" s="5">
        <v>29</v>
      </c>
    </row>
    <row r="104" spans="1:4" ht="18" customHeight="1" x14ac:dyDescent="0.15">
      <c r="A104" s="8">
        <v>81</v>
      </c>
      <c r="B104" s="21">
        <v>20</v>
      </c>
      <c r="C104" s="6">
        <v>35</v>
      </c>
      <c r="D104" s="5">
        <v>55</v>
      </c>
    </row>
    <row r="105" spans="1:4" ht="18" customHeight="1" x14ac:dyDescent="0.15">
      <c r="A105" s="8">
        <v>82</v>
      </c>
      <c r="B105" s="21">
        <v>14</v>
      </c>
      <c r="C105" s="6">
        <v>26</v>
      </c>
      <c r="D105" s="5">
        <v>40</v>
      </c>
    </row>
    <row r="106" spans="1:4" ht="18" customHeight="1" x14ac:dyDescent="0.15">
      <c r="A106" s="8">
        <v>83</v>
      </c>
      <c r="B106" s="21">
        <v>18</v>
      </c>
      <c r="C106" s="6">
        <v>27</v>
      </c>
      <c r="D106" s="5">
        <v>45</v>
      </c>
    </row>
    <row r="107" spans="1:4" ht="18" customHeight="1" x14ac:dyDescent="0.15">
      <c r="A107" s="8">
        <v>84</v>
      </c>
      <c r="B107" s="21">
        <v>17</v>
      </c>
      <c r="C107" s="6">
        <v>32</v>
      </c>
      <c r="D107" s="5">
        <v>49</v>
      </c>
    </row>
    <row r="108" spans="1:4" ht="18" customHeight="1" x14ac:dyDescent="0.15">
      <c r="A108" s="8" t="s">
        <v>7</v>
      </c>
      <c r="B108" s="21">
        <v>82</v>
      </c>
      <c r="C108" s="6">
        <v>136</v>
      </c>
      <c r="D108" s="5">
        <v>218</v>
      </c>
    </row>
    <row r="109" spans="1:4" ht="18" customHeight="1" x14ac:dyDescent="0.15">
      <c r="A109" s="8">
        <v>85</v>
      </c>
      <c r="B109" s="21">
        <v>18</v>
      </c>
      <c r="C109" s="6">
        <v>21</v>
      </c>
      <c r="D109" s="5">
        <v>39</v>
      </c>
    </row>
    <row r="110" spans="1:4" ht="18" customHeight="1" x14ac:dyDescent="0.15">
      <c r="A110" s="8">
        <v>86</v>
      </c>
      <c r="B110" s="21">
        <v>12</v>
      </c>
      <c r="C110" s="6">
        <v>13</v>
      </c>
      <c r="D110" s="5">
        <v>25</v>
      </c>
    </row>
    <row r="111" spans="1:4" ht="18" customHeight="1" x14ac:dyDescent="0.15">
      <c r="A111" s="8">
        <v>87</v>
      </c>
      <c r="B111" s="21">
        <v>14</v>
      </c>
      <c r="C111" s="6">
        <v>21</v>
      </c>
      <c r="D111" s="5">
        <v>35</v>
      </c>
    </row>
    <row r="112" spans="1:4" ht="18" customHeight="1" x14ac:dyDescent="0.15">
      <c r="A112" s="8">
        <v>88</v>
      </c>
      <c r="B112" s="21">
        <v>5</v>
      </c>
      <c r="C112" s="6">
        <v>10</v>
      </c>
      <c r="D112" s="5">
        <v>15</v>
      </c>
    </row>
    <row r="113" spans="1:4" ht="18" customHeight="1" x14ac:dyDescent="0.15">
      <c r="A113" s="8">
        <v>89</v>
      </c>
      <c r="B113" s="21">
        <v>5</v>
      </c>
      <c r="C113" s="6">
        <v>18</v>
      </c>
      <c r="D113" s="5">
        <v>23</v>
      </c>
    </row>
    <row r="114" spans="1:4" ht="18" customHeight="1" x14ac:dyDescent="0.15">
      <c r="A114" s="8" t="s">
        <v>6</v>
      </c>
      <c r="B114" s="21">
        <v>54</v>
      </c>
      <c r="C114" s="6">
        <v>83</v>
      </c>
      <c r="D114" s="5">
        <v>137</v>
      </c>
    </row>
    <row r="115" spans="1:4" ht="18" customHeight="1" x14ac:dyDescent="0.15">
      <c r="A115" s="8">
        <v>90</v>
      </c>
      <c r="B115" s="21">
        <v>5</v>
      </c>
      <c r="C115" s="6">
        <v>9</v>
      </c>
      <c r="D115" s="5">
        <v>14</v>
      </c>
    </row>
    <row r="116" spans="1:4" ht="18" customHeight="1" x14ac:dyDescent="0.15">
      <c r="A116" s="8">
        <v>91</v>
      </c>
      <c r="B116" s="21">
        <v>5</v>
      </c>
      <c r="C116" s="6">
        <v>8</v>
      </c>
      <c r="D116" s="5">
        <v>13</v>
      </c>
    </row>
    <row r="117" spans="1:4" ht="18" customHeight="1" x14ac:dyDescent="0.15">
      <c r="A117" s="8">
        <v>92</v>
      </c>
      <c r="B117" s="21">
        <v>4</v>
      </c>
      <c r="C117" s="6">
        <v>7</v>
      </c>
      <c r="D117" s="5">
        <v>11</v>
      </c>
    </row>
    <row r="118" spans="1:4" ht="18" customHeight="1" x14ac:dyDescent="0.15">
      <c r="A118" s="8">
        <v>93</v>
      </c>
      <c r="B118" s="21">
        <v>4</v>
      </c>
      <c r="C118" s="6">
        <v>11</v>
      </c>
      <c r="D118" s="5">
        <v>15</v>
      </c>
    </row>
    <row r="119" spans="1:4" ht="18" customHeight="1" x14ac:dyDescent="0.15">
      <c r="A119" s="8">
        <v>94</v>
      </c>
      <c r="B119" s="21">
        <v>3</v>
      </c>
      <c r="C119" s="6">
        <v>8</v>
      </c>
      <c r="D119" s="5">
        <v>11</v>
      </c>
    </row>
    <row r="120" spans="1:4" ht="18" customHeight="1" x14ac:dyDescent="0.15">
      <c r="A120" s="8" t="s">
        <v>5</v>
      </c>
      <c r="B120" s="21">
        <v>21</v>
      </c>
      <c r="C120" s="6">
        <v>43</v>
      </c>
      <c r="D120" s="5">
        <v>64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0</v>
      </c>
      <c r="C122" s="6">
        <v>1</v>
      </c>
      <c r="D122" s="5">
        <v>1</v>
      </c>
    </row>
    <row r="123" spans="1:4" ht="18" customHeight="1" x14ac:dyDescent="0.15">
      <c r="A123" s="8">
        <v>97</v>
      </c>
      <c r="B123" s="21">
        <v>1</v>
      </c>
      <c r="C123" s="6">
        <v>3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</v>
      </c>
      <c r="C126" s="6">
        <v>8</v>
      </c>
      <c r="D126" s="5">
        <v>9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501</v>
      </c>
      <c r="C130" s="6">
        <v>689</v>
      </c>
      <c r="D130" s="5">
        <v>1190</v>
      </c>
    </row>
    <row r="131" spans="1:4" ht="18" customHeight="1" x14ac:dyDescent="0.15">
      <c r="A131" s="4" t="s">
        <v>0</v>
      </c>
      <c r="B131" s="20">
        <v>1854</v>
      </c>
      <c r="C131" s="2">
        <v>2101</v>
      </c>
      <c r="D131" s="1">
        <v>395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6CAE88-F715-4908-8D26-2A2B4872457B}">
  <sheetPr codeName="Sheet2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7</v>
      </c>
      <c r="C5" s="11">
        <v>7</v>
      </c>
      <c r="D5" s="10">
        <v>14</v>
      </c>
    </row>
    <row r="6" spans="1:4" ht="18" customHeight="1" x14ac:dyDescent="0.15">
      <c r="A6" s="8">
        <v>1</v>
      </c>
      <c r="B6" s="21">
        <v>7</v>
      </c>
      <c r="C6" s="6">
        <v>8</v>
      </c>
      <c r="D6" s="5">
        <v>15</v>
      </c>
    </row>
    <row r="7" spans="1:4" ht="18" customHeight="1" x14ac:dyDescent="0.15">
      <c r="A7" s="8">
        <v>2</v>
      </c>
      <c r="B7" s="21">
        <v>5</v>
      </c>
      <c r="C7" s="6">
        <v>5</v>
      </c>
      <c r="D7" s="5">
        <v>10</v>
      </c>
    </row>
    <row r="8" spans="1:4" ht="18" customHeight="1" x14ac:dyDescent="0.15">
      <c r="A8" s="8">
        <v>3</v>
      </c>
      <c r="B8" s="21">
        <v>7</v>
      </c>
      <c r="C8" s="6">
        <v>7</v>
      </c>
      <c r="D8" s="5">
        <v>14</v>
      </c>
    </row>
    <row r="9" spans="1:4" ht="18" customHeight="1" x14ac:dyDescent="0.15">
      <c r="A9" s="8">
        <v>4</v>
      </c>
      <c r="B9" s="21">
        <v>8</v>
      </c>
      <c r="C9" s="6">
        <v>5</v>
      </c>
      <c r="D9" s="5">
        <v>13</v>
      </c>
    </row>
    <row r="10" spans="1:4" ht="18" customHeight="1" x14ac:dyDescent="0.15">
      <c r="A10" s="8" t="s">
        <v>25</v>
      </c>
      <c r="B10" s="21">
        <v>34</v>
      </c>
      <c r="C10" s="6">
        <v>32</v>
      </c>
      <c r="D10" s="5">
        <v>66</v>
      </c>
    </row>
    <row r="11" spans="1:4" ht="18" customHeight="1" x14ac:dyDescent="0.15">
      <c r="A11" s="8">
        <v>5</v>
      </c>
      <c r="B11" s="21">
        <v>3</v>
      </c>
      <c r="C11" s="6">
        <v>11</v>
      </c>
      <c r="D11" s="5">
        <v>14</v>
      </c>
    </row>
    <row r="12" spans="1:4" ht="18" customHeight="1" x14ac:dyDescent="0.15">
      <c r="A12" s="8">
        <v>6</v>
      </c>
      <c r="B12" s="21">
        <v>11</v>
      </c>
      <c r="C12" s="6">
        <v>5</v>
      </c>
      <c r="D12" s="5">
        <v>16</v>
      </c>
    </row>
    <row r="13" spans="1:4" ht="18" customHeight="1" x14ac:dyDescent="0.15">
      <c r="A13" s="8">
        <v>7</v>
      </c>
      <c r="B13" s="21">
        <v>4</v>
      </c>
      <c r="C13" s="6">
        <v>5</v>
      </c>
      <c r="D13" s="5">
        <v>9</v>
      </c>
    </row>
    <row r="14" spans="1:4" ht="18" customHeight="1" x14ac:dyDescent="0.15">
      <c r="A14" s="8">
        <v>8</v>
      </c>
      <c r="B14" s="21">
        <v>6</v>
      </c>
      <c r="C14" s="6">
        <v>12</v>
      </c>
      <c r="D14" s="5">
        <v>18</v>
      </c>
    </row>
    <row r="15" spans="1:4" ht="18" customHeight="1" x14ac:dyDescent="0.15">
      <c r="A15" s="8">
        <v>9</v>
      </c>
      <c r="B15" s="21">
        <v>6</v>
      </c>
      <c r="C15" s="6">
        <v>15</v>
      </c>
      <c r="D15" s="5">
        <v>21</v>
      </c>
    </row>
    <row r="16" spans="1:4" ht="18" customHeight="1" x14ac:dyDescent="0.15">
      <c r="A16" s="8" t="s">
        <v>24</v>
      </c>
      <c r="B16" s="21">
        <v>30</v>
      </c>
      <c r="C16" s="6">
        <v>48</v>
      </c>
      <c r="D16" s="5">
        <v>78</v>
      </c>
    </row>
    <row r="17" spans="1:4" ht="18" customHeight="1" x14ac:dyDescent="0.15">
      <c r="A17" s="8">
        <v>10</v>
      </c>
      <c r="B17" s="21">
        <v>9</v>
      </c>
      <c r="C17" s="6">
        <v>5</v>
      </c>
      <c r="D17" s="5">
        <v>14</v>
      </c>
    </row>
    <row r="18" spans="1:4" ht="18" customHeight="1" x14ac:dyDescent="0.15">
      <c r="A18" s="8">
        <v>11</v>
      </c>
      <c r="B18" s="21">
        <v>9</v>
      </c>
      <c r="C18" s="6">
        <v>5</v>
      </c>
      <c r="D18" s="5">
        <v>14</v>
      </c>
    </row>
    <row r="19" spans="1:4" ht="18" customHeight="1" x14ac:dyDescent="0.15">
      <c r="A19" s="8">
        <v>12</v>
      </c>
      <c r="B19" s="21">
        <v>7</v>
      </c>
      <c r="C19" s="6">
        <v>7</v>
      </c>
      <c r="D19" s="5">
        <v>14</v>
      </c>
    </row>
    <row r="20" spans="1:4" ht="18" customHeight="1" x14ac:dyDescent="0.15">
      <c r="A20" s="8">
        <v>13</v>
      </c>
      <c r="B20" s="21">
        <v>8</v>
      </c>
      <c r="C20" s="6">
        <v>10</v>
      </c>
      <c r="D20" s="5">
        <v>18</v>
      </c>
    </row>
    <row r="21" spans="1:4" ht="18" customHeight="1" x14ac:dyDescent="0.15">
      <c r="A21" s="8">
        <v>14</v>
      </c>
      <c r="B21" s="21">
        <v>11</v>
      </c>
      <c r="C21" s="6">
        <v>16</v>
      </c>
      <c r="D21" s="5">
        <v>27</v>
      </c>
    </row>
    <row r="22" spans="1:4" ht="18" customHeight="1" x14ac:dyDescent="0.15">
      <c r="A22" s="8" t="s">
        <v>23</v>
      </c>
      <c r="B22" s="21">
        <v>44</v>
      </c>
      <c r="C22" s="6">
        <v>43</v>
      </c>
      <c r="D22" s="5">
        <v>87</v>
      </c>
    </row>
    <row r="23" spans="1:4" ht="18" customHeight="1" x14ac:dyDescent="0.15">
      <c r="A23" s="8" t="s">
        <v>22</v>
      </c>
      <c r="B23" s="21">
        <v>108</v>
      </c>
      <c r="C23" s="6">
        <v>123</v>
      </c>
      <c r="D23" s="5">
        <v>231</v>
      </c>
    </row>
    <row r="24" spans="1:4" ht="18" customHeight="1" x14ac:dyDescent="0.15">
      <c r="A24" s="8">
        <v>15</v>
      </c>
      <c r="B24" s="21">
        <v>14</v>
      </c>
      <c r="C24" s="6">
        <v>9</v>
      </c>
      <c r="D24" s="5">
        <v>23</v>
      </c>
    </row>
    <row r="25" spans="1:4" ht="18" customHeight="1" x14ac:dyDescent="0.15">
      <c r="A25" s="8">
        <v>16</v>
      </c>
      <c r="B25" s="21">
        <v>7</v>
      </c>
      <c r="C25" s="6">
        <v>10</v>
      </c>
      <c r="D25" s="5">
        <v>17</v>
      </c>
    </row>
    <row r="26" spans="1:4" ht="18" customHeight="1" x14ac:dyDescent="0.15">
      <c r="A26" s="8">
        <v>17</v>
      </c>
      <c r="B26" s="21">
        <v>8</v>
      </c>
      <c r="C26" s="6">
        <v>9</v>
      </c>
      <c r="D26" s="5">
        <v>17</v>
      </c>
    </row>
    <row r="27" spans="1:4" ht="18" customHeight="1" x14ac:dyDescent="0.15">
      <c r="A27" s="8">
        <v>18</v>
      </c>
      <c r="B27" s="21">
        <v>9</v>
      </c>
      <c r="C27" s="6">
        <v>8</v>
      </c>
      <c r="D27" s="5">
        <v>17</v>
      </c>
    </row>
    <row r="28" spans="1:4" ht="18" customHeight="1" x14ac:dyDescent="0.15">
      <c r="A28" s="8">
        <v>19</v>
      </c>
      <c r="B28" s="21">
        <v>11</v>
      </c>
      <c r="C28" s="6">
        <v>12</v>
      </c>
      <c r="D28" s="5">
        <v>23</v>
      </c>
    </row>
    <row r="29" spans="1:4" ht="18" customHeight="1" x14ac:dyDescent="0.15">
      <c r="A29" s="8" t="s">
        <v>21</v>
      </c>
      <c r="B29" s="21">
        <v>49</v>
      </c>
      <c r="C29" s="6">
        <v>48</v>
      </c>
      <c r="D29" s="5">
        <v>97</v>
      </c>
    </row>
    <row r="30" spans="1:4" ht="18" customHeight="1" x14ac:dyDescent="0.15">
      <c r="A30" s="8">
        <v>20</v>
      </c>
      <c r="B30" s="21">
        <v>11</v>
      </c>
      <c r="C30" s="6">
        <v>10</v>
      </c>
      <c r="D30" s="5">
        <v>21</v>
      </c>
    </row>
    <row r="31" spans="1:4" ht="18" customHeight="1" x14ac:dyDescent="0.15">
      <c r="A31" s="8">
        <v>21</v>
      </c>
      <c r="B31" s="21">
        <v>8</v>
      </c>
      <c r="C31" s="6">
        <v>10</v>
      </c>
      <c r="D31" s="5">
        <v>18</v>
      </c>
    </row>
    <row r="32" spans="1:4" ht="18" customHeight="1" x14ac:dyDescent="0.15">
      <c r="A32" s="8">
        <v>22</v>
      </c>
      <c r="B32" s="21">
        <v>16</v>
      </c>
      <c r="C32" s="6">
        <v>6</v>
      </c>
      <c r="D32" s="5">
        <v>22</v>
      </c>
    </row>
    <row r="33" spans="1:4" ht="18" customHeight="1" x14ac:dyDescent="0.15">
      <c r="A33" s="8">
        <v>23</v>
      </c>
      <c r="B33" s="21">
        <v>11</v>
      </c>
      <c r="C33" s="6">
        <v>9</v>
      </c>
      <c r="D33" s="5">
        <v>20</v>
      </c>
    </row>
    <row r="34" spans="1:4" ht="18" customHeight="1" x14ac:dyDescent="0.15">
      <c r="A34" s="8">
        <v>24</v>
      </c>
      <c r="B34" s="21">
        <v>17</v>
      </c>
      <c r="C34" s="6">
        <v>17</v>
      </c>
      <c r="D34" s="5">
        <v>34</v>
      </c>
    </row>
    <row r="35" spans="1:4" ht="18" customHeight="1" x14ac:dyDescent="0.15">
      <c r="A35" s="8" t="s">
        <v>20</v>
      </c>
      <c r="B35" s="21">
        <v>63</v>
      </c>
      <c r="C35" s="6">
        <v>52</v>
      </c>
      <c r="D35" s="5">
        <v>115</v>
      </c>
    </row>
    <row r="36" spans="1:4" ht="18" customHeight="1" x14ac:dyDescent="0.15">
      <c r="A36" s="8">
        <v>25</v>
      </c>
      <c r="B36" s="21">
        <v>15</v>
      </c>
      <c r="C36" s="6">
        <v>13</v>
      </c>
      <c r="D36" s="5">
        <v>28</v>
      </c>
    </row>
    <row r="37" spans="1:4" ht="18" customHeight="1" x14ac:dyDescent="0.15">
      <c r="A37" s="8">
        <v>26</v>
      </c>
      <c r="B37" s="21">
        <v>13</v>
      </c>
      <c r="C37" s="6">
        <v>13</v>
      </c>
      <c r="D37" s="5">
        <v>26</v>
      </c>
    </row>
    <row r="38" spans="1:4" ht="18" customHeight="1" x14ac:dyDescent="0.15">
      <c r="A38" s="8">
        <v>27</v>
      </c>
      <c r="B38" s="21">
        <v>10</v>
      </c>
      <c r="C38" s="6">
        <v>10</v>
      </c>
      <c r="D38" s="5">
        <v>20</v>
      </c>
    </row>
    <row r="39" spans="1:4" ht="18" customHeight="1" x14ac:dyDescent="0.15">
      <c r="A39" s="8">
        <v>28</v>
      </c>
      <c r="B39" s="21">
        <v>9</v>
      </c>
      <c r="C39" s="6">
        <v>8</v>
      </c>
      <c r="D39" s="5">
        <v>17</v>
      </c>
    </row>
    <row r="40" spans="1:4" ht="18" customHeight="1" x14ac:dyDescent="0.15">
      <c r="A40" s="8">
        <v>29</v>
      </c>
      <c r="B40" s="21">
        <v>15</v>
      </c>
      <c r="C40" s="6">
        <v>15</v>
      </c>
      <c r="D40" s="5">
        <v>30</v>
      </c>
    </row>
    <row r="41" spans="1:4" ht="18" customHeight="1" x14ac:dyDescent="0.15">
      <c r="A41" s="8" t="s">
        <v>19</v>
      </c>
      <c r="B41" s="21">
        <v>62</v>
      </c>
      <c r="C41" s="6">
        <v>59</v>
      </c>
      <c r="D41" s="5">
        <v>121</v>
      </c>
    </row>
    <row r="42" spans="1:4" ht="18" customHeight="1" x14ac:dyDescent="0.15">
      <c r="A42" s="8">
        <v>30</v>
      </c>
      <c r="B42" s="21">
        <v>15</v>
      </c>
      <c r="C42" s="6">
        <v>7</v>
      </c>
      <c r="D42" s="5">
        <v>22</v>
      </c>
    </row>
    <row r="43" spans="1:4" ht="18" customHeight="1" x14ac:dyDescent="0.15">
      <c r="A43" s="8">
        <v>31</v>
      </c>
      <c r="B43" s="21">
        <v>12</v>
      </c>
      <c r="C43" s="6">
        <v>9</v>
      </c>
      <c r="D43" s="5">
        <v>21</v>
      </c>
    </row>
    <row r="44" spans="1:4" ht="18" customHeight="1" x14ac:dyDescent="0.15">
      <c r="A44" s="8">
        <v>32</v>
      </c>
      <c r="B44" s="21">
        <v>9</v>
      </c>
      <c r="C44" s="6">
        <v>8</v>
      </c>
      <c r="D44" s="5">
        <v>17</v>
      </c>
    </row>
    <row r="45" spans="1:4" ht="18" customHeight="1" x14ac:dyDescent="0.15">
      <c r="A45" s="8">
        <v>33</v>
      </c>
      <c r="B45" s="21">
        <v>12</v>
      </c>
      <c r="C45" s="6">
        <v>10</v>
      </c>
      <c r="D45" s="5">
        <v>22</v>
      </c>
    </row>
    <row r="46" spans="1:4" ht="18" customHeight="1" x14ac:dyDescent="0.15">
      <c r="A46" s="8">
        <v>34</v>
      </c>
      <c r="B46" s="21">
        <v>19</v>
      </c>
      <c r="C46" s="6">
        <v>9</v>
      </c>
      <c r="D46" s="5">
        <v>28</v>
      </c>
    </row>
    <row r="47" spans="1:4" ht="18" customHeight="1" x14ac:dyDescent="0.15">
      <c r="A47" s="8" t="s">
        <v>18</v>
      </c>
      <c r="B47" s="21">
        <v>67</v>
      </c>
      <c r="C47" s="6">
        <v>43</v>
      </c>
      <c r="D47" s="5">
        <v>110</v>
      </c>
    </row>
    <row r="48" spans="1:4" ht="18" customHeight="1" x14ac:dyDescent="0.15">
      <c r="A48" s="8">
        <v>35</v>
      </c>
      <c r="B48" s="21">
        <v>6</v>
      </c>
      <c r="C48" s="6">
        <v>6</v>
      </c>
      <c r="D48" s="5">
        <v>12</v>
      </c>
    </row>
    <row r="49" spans="1:4" ht="18" customHeight="1" x14ac:dyDescent="0.15">
      <c r="A49" s="8">
        <v>36</v>
      </c>
      <c r="B49" s="21">
        <v>17</v>
      </c>
      <c r="C49" s="6">
        <v>11</v>
      </c>
      <c r="D49" s="5">
        <v>28</v>
      </c>
    </row>
    <row r="50" spans="1:4" ht="18" customHeight="1" x14ac:dyDescent="0.15">
      <c r="A50" s="8">
        <v>37</v>
      </c>
      <c r="B50" s="21">
        <v>15</v>
      </c>
      <c r="C50" s="6">
        <v>9</v>
      </c>
      <c r="D50" s="5">
        <v>24</v>
      </c>
    </row>
    <row r="51" spans="1:4" ht="18" customHeight="1" x14ac:dyDescent="0.15">
      <c r="A51" s="8">
        <v>38</v>
      </c>
      <c r="B51" s="21">
        <v>6</v>
      </c>
      <c r="C51" s="6">
        <v>15</v>
      </c>
      <c r="D51" s="5">
        <v>21</v>
      </c>
    </row>
    <row r="52" spans="1:4" ht="18" customHeight="1" x14ac:dyDescent="0.15">
      <c r="A52" s="8">
        <v>39</v>
      </c>
      <c r="B52" s="21">
        <v>5</v>
      </c>
      <c r="C52" s="6">
        <v>14</v>
      </c>
      <c r="D52" s="5">
        <v>19</v>
      </c>
    </row>
    <row r="53" spans="1:4" ht="18" customHeight="1" x14ac:dyDescent="0.15">
      <c r="A53" s="8" t="s">
        <v>17</v>
      </c>
      <c r="B53" s="21">
        <v>49</v>
      </c>
      <c r="C53" s="6">
        <v>55</v>
      </c>
      <c r="D53" s="5">
        <v>104</v>
      </c>
    </row>
    <row r="54" spans="1:4" ht="18" customHeight="1" x14ac:dyDescent="0.15">
      <c r="A54" s="8">
        <v>40</v>
      </c>
      <c r="B54" s="21">
        <v>14</v>
      </c>
      <c r="C54" s="6">
        <v>10</v>
      </c>
      <c r="D54" s="5">
        <v>24</v>
      </c>
    </row>
    <row r="55" spans="1:4" ht="18" customHeight="1" x14ac:dyDescent="0.15">
      <c r="A55" s="8">
        <v>41</v>
      </c>
      <c r="B55" s="21">
        <v>11</v>
      </c>
      <c r="C55" s="6">
        <v>14</v>
      </c>
      <c r="D55" s="5">
        <v>25</v>
      </c>
    </row>
    <row r="56" spans="1:4" ht="18" customHeight="1" x14ac:dyDescent="0.15">
      <c r="A56" s="8">
        <v>42</v>
      </c>
      <c r="B56" s="21">
        <v>11</v>
      </c>
      <c r="C56" s="6">
        <v>10</v>
      </c>
      <c r="D56" s="5">
        <v>21</v>
      </c>
    </row>
    <row r="57" spans="1:4" ht="18" customHeight="1" x14ac:dyDescent="0.15">
      <c r="A57" s="8">
        <v>43</v>
      </c>
      <c r="B57" s="21">
        <v>13</v>
      </c>
      <c r="C57" s="6">
        <v>8</v>
      </c>
      <c r="D57" s="5">
        <v>21</v>
      </c>
    </row>
    <row r="58" spans="1:4" ht="18" customHeight="1" x14ac:dyDescent="0.15">
      <c r="A58" s="8">
        <v>44</v>
      </c>
      <c r="B58" s="21">
        <v>16</v>
      </c>
      <c r="C58" s="6">
        <v>9</v>
      </c>
      <c r="D58" s="5">
        <v>25</v>
      </c>
    </row>
    <row r="59" spans="1:4" ht="18" customHeight="1" x14ac:dyDescent="0.15">
      <c r="A59" s="8" t="s">
        <v>16</v>
      </c>
      <c r="B59" s="21">
        <v>65</v>
      </c>
      <c r="C59" s="6">
        <v>51</v>
      </c>
      <c r="D59" s="5">
        <v>116</v>
      </c>
    </row>
    <row r="60" spans="1:4" ht="18" customHeight="1" x14ac:dyDescent="0.15">
      <c r="A60" s="8">
        <v>45</v>
      </c>
      <c r="B60" s="21">
        <v>15</v>
      </c>
      <c r="C60" s="6">
        <v>18</v>
      </c>
      <c r="D60" s="5">
        <v>33</v>
      </c>
    </row>
    <row r="61" spans="1:4" ht="18" customHeight="1" x14ac:dyDescent="0.15">
      <c r="A61" s="8">
        <v>46</v>
      </c>
      <c r="B61" s="21">
        <v>20</v>
      </c>
      <c r="C61" s="6">
        <v>14</v>
      </c>
      <c r="D61" s="5">
        <v>34</v>
      </c>
    </row>
    <row r="62" spans="1:4" ht="18" customHeight="1" x14ac:dyDescent="0.15">
      <c r="A62" s="8">
        <v>47</v>
      </c>
      <c r="B62" s="21">
        <v>25</v>
      </c>
      <c r="C62" s="6">
        <v>17</v>
      </c>
      <c r="D62" s="5">
        <v>42</v>
      </c>
    </row>
    <row r="63" spans="1:4" ht="18" customHeight="1" x14ac:dyDescent="0.15">
      <c r="A63" s="8">
        <v>48</v>
      </c>
      <c r="B63" s="21">
        <v>23</v>
      </c>
      <c r="C63" s="6">
        <v>25</v>
      </c>
      <c r="D63" s="5">
        <v>48</v>
      </c>
    </row>
    <row r="64" spans="1:4" ht="18" customHeight="1" x14ac:dyDescent="0.15">
      <c r="A64" s="8">
        <v>49</v>
      </c>
      <c r="B64" s="21">
        <v>22</v>
      </c>
      <c r="C64" s="6">
        <v>20</v>
      </c>
      <c r="D64" s="5">
        <v>42</v>
      </c>
    </row>
    <row r="65" spans="1:4" ht="18" customHeight="1" x14ac:dyDescent="0.15">
      <c r="A65" s="8" t="s">
        <v>15</v>
      </c>
      <c r="B65" s="21">
        <v>105</v>
      </c>
      <c r="C65" s="6">
        <v>94</v>
      </c>
      <c r="D65" s="5">
        <v>199</v>
      </c>
    </row>
    <row r="66" spans="1:4" ht="18" customHeight="1" x14ac:dyDescent="0.15">
      <c r="A66" s="8">
        <v>50</v>
      </c>
      <c r="B66" s="21">
        <v>20</v>
      </c>
      <c r="C66" s="6">
        <v>18</v>
      </c>
      <c r="D66" s="5">
        <v>38</v>
      </c>
    </row>
    <row r="67" spans="1:4" ht="18" customHeight="1" x14ac:dyDescent="0.15">
      <c r="A67" s="8">
        <v>51</v>
      </c>
      <c r="B67" s="21">
        <v>29</v>
      </c>
      <c r="C67" s="6">
        <v>24</v>
      </c>
      <c r="D67" s="5">
        <v>53</v>
      </c>
    </row>
    <row r="68" spans="1:4" ht="18" customHeight="1" x14ac:dyDescent="0.15">
      <c r="A68" s="8">
        <v>52</v>
      </c>
      <c r="B68" s="21">
        <v>18</v>
      </c>
      <c r="C68" s="6">
        <v>17</v>
      </c>
      <c r="D68" s="5">
        <v>35</v>
      </c>
    </row>
    <row r="69" spans="1:4" ht="18" customHeight="1" x14ac:dyDescent="0.15">
      <c r="A69" s="8">
        <v>53</v>
      </c>
      <c r="B69" s="21">
        <v>20</v>
      </c>
      <c r="C69" s="6">
        <v>23</v>
      </c>
      <c r="D69" s="5">
        <v>43</v>
      </c>
    </row>
    <row r="70" spans="1:4" ht="18" customHeight="1" x14ac:dyDescent="0.15">
      <c r="A70" s="8">
        <v>54</v>
      </c>
      <c r="B70" s="21">
        <v>22</v>
      </c>
      <c r="C70" s="6">
        <v>22</v>
      </c>
      <c r="D70" s="5">
        <v>44</v>
      </c>
    </row>
    <row r="71" spans="1:4" ht="18" customHeight="1" x14ac:dyDescent="0.15">
      <c r="A71" s="8" t="s">
        <v>14</v>
      </c>
      <c r="B71" s="21">
        <v>109</v>
      </c>
      <c r="C71" s="6">
        <v>104</v>
      </c>
      <c r="D71" s="5">
        <v>213</v>
      </c>
    </row>
    <row r="72" spans="1:4" ht="18" customHeight="1" x14ac:dyDescent="0.15">
      <c r="A72" s="8">
        <v>55</v>
      </c>
      <c r="B72" s="21">
        <v>27</v>
      </c>
      <c r="C72" s="6">
        <v>24</v>
      </c>
      <c r="D72" s="5">
        <v>51</v>
      </c>
    </row>
    <row r="73" spans="1:4" ht="18" customHeight="1" x14ac:dyDescent="0.15">
      <c r="A73" s="8">
        <v>56</v>
      </c>
      <c r="B73" s="21">
        <v>27</v>
      </c>
      <c r="C73" s="6">
        <v>17</v>
      </c>
      <c r="D73" s="5">
        <v>44</v>
      </c>
    </row>
    <row r="74" spans="1:4" ht="18" customHeight="1" x14ac:dyDescent="0.15">
      <c r="A74" s="8">
        <v>57</v>
      </c>
      <c r="B74" s="21">
        <v>23</v>
      </c>
      <c r="C74" s="6">
        <v>19</v>
      </c>
      <c r="D74" s="5">
        <v>42</v>
      </c>
    </row>
    <row r="75" spans="1:4" ht="18" customHeight="1" x14ac:dyDescent="0.15">
      <c r="A75" s="8">
        <v>58</v>
      </c>
      <c r="B75" s="21">
        <v>17</v>
      </c>
      <c r="C75" s="6">
        <v>13</v>
      </c>
      <c r="D75" s="5">
        <v>30</v>
      </c>
    </row>
    <row r="76" spans="1:4" ht="18" customHeight="1" x14ac:dyDescent="0.15">
      <c r="A76" s="8">
        <v>59</v>
      </c>
      <c r="B76" s="21">
        <v>21</v>
      </c>
      <c r="C76" s="6">
        <v>21</v>
      </c>
      <c r="D76" s="5">
        <v>42</v>
      </c>
    </row>
    <row r="77" spans="1:4" ht="18" customHeight="1" x14ac:dyDescent="0.15">
      <c r="A77" s="8" t="s">
        <v>13</v>
      </c>
      <c r="B77" s="21">
        <v>115</v>
      </c>
      <c r="C77" s="6">
        <v>94</v>
      </c>
      <c r="D77" s="5">
        <v>209</v>
      </c>
    </row>
    <row r="78" spans="1:4" ht="18" customHeight="1" x14ac:dyDescent="0.15">
      <c r="A78" s="8">
        <v>60</v>
      </c>
      <c r="B78" s="21">
        <v>30</v>
      </c>
      <c r="C78" s="6">
        <v>21</v>
      </c>
      <c r="D78" s="5">
        <v>51</v>
      </c>
    </row>
    <row r="79" spans="1:4" ht="18" customHeight="1" x14ac:dyDescent="0.15">
      <c r="A79" s="8">
        <v>61</v>
      </c>
      <c r="B79" s="21">
        <v>29</v>
      </c>
      <c r="C79" s="6">
        <v>16</v>
      </c>
      <c r="D79" s="5">
        <v>45</v>
      </c>
    </row>
    <row r="80" spans="1:4" ht="18" customHeight="1" x14ac:dyDescent="0.15">
      <c r="A80" s="8">
        <v>62</v>
      </c>
      <c r="B80" s="21">
        <v>17</v>
      </c>
      <c r="C80" s="6">
        <v>30</v>
      </c>
      <c r="D80" s="5">
        <v>47</v>
      </c>
    </row>
    <row r="81" spans="1:4" ht="18" customHeight="1" x14ac:dyDescent="0.15">
      <c r="A81" s="8">
        <v>63</v>
      </c>
      <c r="B81" s="21">
        <v>22</v>
      </c>
      <c r="C81" s="6">
        <v>12</v>
      </c>
      <c r="D81" s="5">
        <v>34</v>
      </c>
    </row>
    <row r="82" spans="1:4" ht="18" customHeight="1" x14ac:dyDescent="0.15">
      <c r="A82" s="8">
        <v>64</v>
      </c>
      <c r="B82" s="21">
        <v>13</v>
      </c>
      <c r="C82" s="6">
        <v>23</v>
      </c>
      <c r="D82" s="5">
        <v>36</v>
      </c>
    </row>
    <row r="83" spans="1:4" ht="18" customHeight="1" x14ac:dyDescent="0.15">
      <c r="A83" s="8" t="s">
        <v>12</v>
      </c>
      <c r="B83" s="21">
        <v>111</v>
      </c>
      <c r="C83" s="6">
        <v>102</v>
      </c>
      <c r="D83" s="5">
        <v>213</v>
      </c>
    </row>
    <row r="84" spans="1:4" ht="18" customHeight="1" x14ac:dyDescent="0.15">
      <c r="A84" s="8" t="s">
        <v>11</v>
      </c>
      <c r="B84" s="21">
        <v>795</v>
      </c>
      <c r="C84" s="6">
        <v>702</v>
      </c>
      <c r="D84" s="5">
        <v>1497</v>
      </c>
    </row>
    <row r="85" spans="1:4" ht="18" customHeight="1" x14ac:dyDescent="0.15">
      <c r="A85" s="8">
        <v>65</v>
      </c>
      <c r="B85" s="21">
        <v>19</v>
      </c>
      <c r="C85" s="6">
        <v>13</v>
      </c>
      <c r="D85" s="5">
        <v>32</v>
      </c>
    </row>
    <row r="86" spans="1:4" ht="18" customHeight="1" x14ac:dyDescent="0.15">
      <c r="A86" s="8">
        <v>66</v>
      </c>
      <c r="B86" s="21">
        <v>14</v>
      </c>
      <c r="C86" s="6">
        <v>17</v>
      </c>
      <c r="D86" s="5">
        <v>31</v>
      </c>
    </row>
    <row r="87" spans="1:4" ht="18" customHeight="1" x14ac:dyDescent="0.15">
      <c r="A87" s="8">
        <v>67</v>
      </c>
      <c r="B87" s="21">
        <v>10</v>
      </c>
      <c r="C87" s="6">
        <v>21</v>
      </c>
      <c r="D87" s="5">
        <v>31</v>
      </c>
    </row>
    <row r="88" spans="1:4" ht="18" customHeight="1" x14ac:dyDescent="0.15">
      <c r="A88" s="8">
        <v>68</v>
      </c>
      <c r="B88" s="21">
        <v>11</v>
      </c>
      <c r="C88" s="6">
        <v>13</v>
      </c>
      <c r="D88" s="5">
        <v>24</v>
      </c>
    </row>
    <row r="89" spans="1:4" ht="18" customHeight="1" x14ac:dyDescent="0.15">
      <c r="A89" s="8">
        <v>69</v>
      </c>
      <c r="B89" s="21">
        <v>20</v>
      </c>
      <c r="C89" s="6">
        <v>14</v>
      </c>
      <c r="D89" s="5">
        <v>34</v>
      </c>
    </row>
    <row r="90" spans="1:4" ht="18" customHeight="1" x14ac:dyDescent="0.15">
      <c r="A90" s="8" t="s">
        <v>10</v>
      </c>
      <c r="B90" s="21">
        <v>74</v>
      </c>
      <c r="C90" s="6">
        <v>78</v>
      </c>
      <c r="D90" s="5">
        <v>152</v>
      </c>
    </row>
    <row r="91" spans="1:4" ht="18" customHeight="1" x14ac:dyDescent="0.15">
      <c r="A91" s="8">
        <v>70</v>
      </c>
      <c r="B91" s="21">
        <v>16</v>
      </c>
      <c r="C91" s="6">
        <v>16</v>
      </c>
      <c r="D91" s="5">
        <v>32</v>
      </c>
    </row>
    <row r="92" spans="1:4" ht="18" customHeight="1" x14ac:dyDescent="0.15">
      <c r="A92" s="8">
        <v>71</v>
      </c>
      <c r="B92" s="21">
        <v>16</v>
      </c>
      <c r="C92" s="6">
        <v>22</v>
      </c>
      <c r="D92" s="5">
        <v>38</v>
      </c>
    </row>
    <row r="93" spans="1:4" ht="18" customHeight="1" x14ac:dyDescent="0.15">
      <c r="A93" s="8">
        <v>72</v>
      </c>
      <c r="B93" s="21">
        <v>17</v>
      </c>
      <c r="C93" s="6">
        <v>32</v>
      </c>
      <c r="D93" s="5">
        <v>49</v>
      </c>
    </row>
    <row r="94" spans="1:4" ht="18" customHeight="1" x14ac:dyDescent="0.15">
      <c r="A94" s="8">
        <v>73</v>
      </c>
      <c r="B94" s="21">
        <v>18</v>
      </c>
      <c r="C94" s="6">
        <v>31</v>
      </c>
      <c r="D94" s="5">
        <v>49</v>
      </c>
    </row>
    <row r="95" spans="1:4" ht="18" customHeight="1" x14ac:dyDescent="0.15">
      <c r="A95" s="8">
        <v>74</v>
      </c>
      <c r="B95" s="21">
        <v>19</v>
      </c>
      <c r="C95" s="6">
        <v>23</v>
      </c>
      <c r="D95" s="5">
        <v>42</v>
      </c>
    </row>
    <row r="96" spans="1:4" ht="18" customHeight="1" x14ac:dyDescent="0.15">
      <c r="A96" s="8" t="s">
        <v>9</v>
      </c>
      <c r="B96" s="21">
        <v>86</v>
      </c>
      <c r="C96" s="6">
        <v>124</v>
      </c>
      <c r="D96" s="5">
        <v>210</v>
      </c>
    </row>
    <row r="97" spans="1:4" ht="18" customHeight="1" x14ac:dyDescent="0.15">
      <c r="A97" s="8">
        <v>75</v>
      </c>
      <c r="B97" s="21">
        <v>25</v>
      </c>
      <c r="C97" s="6">
        <v>38</v>
      </c>
      <c r="D97" s="5">
        <v>63</v>
      </c>
    </row>
    <row r="98" spans="1:4" ht="18" customHeight="1" x14ac:dyDescent="0.15">
      <c r="A98" s="8">
        <v>76</v>
      </c>
      <c r="B98" s="21">
        <v>36</v>
      </c>
      <c r="C98" s="6">
        <v>40</v>
      </c>
      <c r="D98" s="5">
        <v>76</v>
      </c>
    </row>
    <row r="99" spans="1:4" ht="18" customHeight="1" x14ac:dyDescent="0.15">
      <c r="A99" s="8">
        <v>77</v>
      </c>
      <c r="B99" s="21">
        <v>35</v>
      </c>
      <c r="C99" s="6">
        <v>41</v>
      </c>
      <c r="D99" s="5">
        <v>76</v>
      </c>
    </row>
    <row r="100" spans="1:4" ht="18" customHeight="1" x14ac:dyDescent="0.15">
      <c r="A100" s="8">
        <v>78</v>
      </c>
      <c r="B100" s="21">
        <v>39</v>
      </c>
      <c r="C100" s="6">
        <v>44</v>
      </c>
      <c r="D100" s="5">
        <v>83</v>
      </c>
    </row>
    <row r="101" spans="1:4" ht="18" customHeight="1" x14ac:dyDescent="0.15">
      <c r="A101" s="8">
        <v>79</v>
      </c>
      <c r="B101" s="21">
        <v>16</v>
      </c>
      <c r="C101" s="6">
        <v>27</v>
      </c>
      <c r="D101" s="5">
        <v>43</v>
      </c>
    </row>
    <row r="102" spans="1:4" ht="18" customHeight="1" x14ac:dyDescent="0.15">
      <c r="A102" s="8" t="s">
        <v>8</v>
      </c>
      <c r="B102" s="21">
        <v>151</v>
      </c>
      <c r="C102" s="6">
        <v>190</v>
      </c>
      <c r="D102" s="5">
        <v>341</v>
      </c>
    </row>
    <row r="103" spans="1:4" ht="18" customHeight="1" x14ac:dyDescent="0.15">
      <c r="A103" s="8">
        <v>80</v>
      </c>
      <c r="B103" s="21">
        <v>16</v>
      </c>
      <c r="C103" s="6">
        <v>33</v>
      </c>
      <c r="D103" s="5">
        <v>49</v>
      </c>
    </row>
    <row r="104" spans="1:4" ht="18" customHeight="1" x14ac:dyDescent="0.15">
      <c r="A104" s="8">
        <v>81</v>
      </c>
      <c r="B104" s="21">
        <v>18</v>
      </c>
      <c r="C104" s="6">
        <v>30</v>
      </c>
      <c r="D104" s="5">
        <v>48</v>
      </c>
    </row>
    <row r="105" spans="1:4" ht="18" customHeight="1" x14ac:dyDescent="0.15">
      <c r="A105" s="8">
        <v>82</v>
      </c>
      <c r="B105" s="21">
        <v>20</v>
      </c>
      <c r="C105" s="6">
        <v>32</v>
      </c>
      <c r="D105" s="5">
        <v>52</v>
      </c>
    </row>
    <row r="106" spans="1:4" ht="18" customHeight="1" x14ac:dyDescent="0.15">
      <c r="A106" s="8">
        <v>83</v>
      </c>
      <c r="B106" s="21">
        <v>14</v>
      </c>
      <c r="C106" s="6">
        <v>28</v>
      </c>
      <c r="D106" s="5">
        <v>42</v>
      </c>
    </row>
    <row r="107" spans="1:4" ht="18" customHeight="1" x14ac:dyDescent="0.15">
      <c r="A107" s="8">
        <v>84</v>
      </c>
      <c r="B107" s="21">
        <v>16</v>
      </c>
      <c r="C107" s="6">
        <v>31</v>
      </c>
      <c r="D107" s="5">
        <v>47</v>
      </c>
    </row>
    <row r="108" spans="1:4" ht="18" customHeight="1" x14ac:dyDescent="0.15">
      <c r="A108" s="8" t="s">
        <v>7</v>
      </c>
      <c r="B108" s="21">
        <v>84</v>
      </c>
      <c r="C108" s="6">
        <v>154</v>
      </c>
      <c r="D108" s="5">
        <v>238</v>
      </c>
    </row>
    <row r="109" spans="1:4" ht="18" customHeight="1" x14ac:dyDescent="0.15">
      <c r="A109" s="8">
        <v>85</v>
      </c>
      <c r="B109" s="21">
        <v>13</v>
      </c>
      <c r="C109" s="6">
        <v>18</v>
      </c>
      <c r="D109" s="5">
        <v>31</v>
      </c>
    </row>
    <row r="110" spans="1:4" ht="18" customHeight="1" x14ac:dyDescent="0.15">
      <c r="A110" s="8">
        <v>86</v>
      </c>
      <c r="B110" s="21">
        <v>8</v>
      </c>
      <c r="C110" s="6">
        <v>22</v>
      </c>
      <c r="D110" s="5">
        <v>30</v>
      </c>
    </row>
    <row r="111" spans="1:4" ht="18" customHeight="1" x14ac:dyDescent="0.15">
      <c r="A111" s="8">
        <v>87</v>
      </c>
      <c r="B111" s="21">
        <v>6</v>
      </c>
      <c r="C111" s="6">
        <v>22</v>
      </c>
      <c r="D111" s="5">
        <v>28</v>
      </c>
    </row>
    <row r="112" spans="1:4" ht="18" customHeight="1" x14ac:dyDescent="0.15">
      <c r="A112" s="8">
        <v>88</v>
      </c>
      <c r="B112" s="21">
        <v>11</v>
      </c>
      <c r="C112" s="6">
        <v>21</v>
      </c>
      <c r="D112" s="5">
        <v>32</v>
      </c>
    </row>
    <row r="113" spans="1:4" ht="18" customHeight="1" x14ac:dyDescent="0.15">
      <c r="A113" s="8">
        <v>89</v>
      </c>
      <c r="B113" s="21">
        <v>12</v>
      </c>
      <c r="C113" s="6">
        <v>17</v>
      </c>
      <c r="D113" s="5">
        <v>29</v>
      </c>
    </row>
    <row r="114" spans="1:4" ht="18" customHeight="1" x14ac:dyDescent="0.15">
      <c r="A114" s="8" t="s">
        <v>6</v>
      </c>
      <c r="B114" s="21">
        <v>50</v>
      </c>
      <c r="C114" s="6">
        <v>100</v>
      </c>
      <c r="D114" s="5">
        <v>150</v>
      </c>
    </row>
    <row r="115" spans="1:4" ht="18" customHeight="1" x14ac:dyDescent="0.15">
      <c r="A115" s="8">
        <v>90</v>
      </c>
      <c r="B115" s="21">
        <v>7</v>
      </c>
      <c r="C115" s="6">
        <v>19</v>
      </c>
      <c r="D115" s="5">
        <v>26</v>
      </c>
    </row>
    <row r="116" spans="1:4" ht="18" customHeight="1" x14ac:dyDescent="0.15">
      <c r="A116" s="8">
        <v>91</v>
      </c>
      <c r="B116" s="21">
        <v>6</v>
      </c>
      <c r="C116" s="6">
        <v>16</v>
      </c>
      <c r="D116" s="5">
        <v>22</v>
      </c>
    </row>
    <row r="117" spans="1:4" ht="18" customHeight="1" x14ac:dyDescent="0.15">
      <c r="A117" s="8">
        <v>92</v>
      </c>
      <c r="B117" s="21">
        <v>6</v>
      </c>
      <c r="C117" s="6">
        <v>12</v>
      </c>
      <c r="D117" s="5">
        <v>18</v>
      </c>
    </row>
    <row r="118" spans="1:4" ht="18" customHeight="1" x14ac:dyDescent="0.15">
      <c r="A118" s="8">
        <v>93</v>
      </c>
      <c r="B118" s="21">
        <v>3</v>
      </c>
      <c r="C118" s="6">
        <v>16</v>
      </c>
      <c r="D118" s="5">
        <v>19</v>
      </c>
    </row>
    <row r="119" spans="1:4" ht="18" customHeight="1" x14ac:dyDescent="0.15">
      <c r="A119" s="8">
        <v>94</v>
      </c>
      <c r="B119" s="21">
        <v>4</v>
      </c>
      <c r="C119" s="6">
        <v>4</v>
      </c>
      <c r="D119" s="5">
        <v>8</v>
      </c>
    </row>
    <row r="120" spans="1:4" ht="18" customHeight="1" x14ac:dyDescent="0.15">
      <c r="A120" s="8" t="s">
        <v>5</v>
      </c>
      <c r="B120" s="21">
        <v>26</v>
      </c>
      <c r="C120" s="6">
        <v>67</v>
      </c>
      <c r="D120" s="5">
        <v>93</v>
      </c>
    </row>
    <row r="121" spans="1:4" ht="18" customHeight="1" x14ac:dyDescent="0.15">
      <c r="A121" s="8">
        <v>95</v>
      </c>
      <c r="B121" s="21">
        <v>1</v>
      </c>
      <c r="C121" s="6">
        <v>7</v>
      </c>
      <c r="D121" s="5">
        <v>8</v>
      </c>
    </row>
    <row r="122" spans="1:4" ht="18" customHeight="1" x14ac:dyDescent="0.15">
      <c r="A122" s="8">
        <v>96</v>
      </c>
      <c r="B122" s="21">
        <v>0</v>
      </c>
      <c r="C122" s="6">
        <v>8</v>
      </c>
      <c r="D122" s="5">
        <v>8</v>
      </c>
    </row>
    <row r="123" spans="1:4" ht="18" customHeight="1" x14ac:dyDescent="0.15">
      <c r="A123" s="8">
        <v>97</v>
      </c>
      <c r="B123" s="21">
        <v>0</v>
      </c>
      <c r="C123" s="6">
        <v>7</v>
      </c>
      <c r="D123" s="5">
        <v>7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</v>
      </c>
      <c r="C126" s="6">
        <v>25</v>
      </c>
      <c r="D126" s="5">
        <v>26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7</v>
      </c>
      <c r="D129" s="5">
        <v>7</v>
      </c>
    </row>
    <row r="130" spans="1:4" ht="18" customHeight="1" x14ac:dyDescent="0.15">
      <c r="A130" s="8" t="s">
        <v>1</v>
      </c>
      <c r="B130" s="21">
        <v>472</v>
      </c>
      <c r="C130" s="6">
        <v>745</v>
      </c>
      <c r="D130" s="5">
        <v>1217</v>
      </c>
    </row>
    <row r="131" spans="1:4" ht="18" customHeight="1" x14ac:dyDescent="0.15">
      <c r="A131" s="4" t="s">
        <v>0</v>
      </c>
      <c r="B131" s="20">
        <v>1375</v>
      </c>
      <c r="C131" s="2">
        <v>1570</v>
      </c>
      <c r="D131" s="1">
        <v>29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E3A489-108C-40AA-B0E0-C6A5AD3125BC}">
  <sheetPr codeName="Sheet1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1</v>
      </c>
      <c r="B1" s="44"/>
      <c r="C1" s="44"/>
      <c r="D1" s="44"/>
    </row>
    <row r="2" spans="1:4" ht="14.25" customHeight="1" x14ac:dyDescent="0.15">
      <c r="A2" s="19"/>
      <c r="B2" s="19"/>
      <c r="C2" s="19"/>
      <c r="D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16" t="s">
        <v>28</v>
      </c>
      <c r="C4" s="15" t="s">
        <v>27</v>
      </c>
      <c r="D4" s="14" t="s">
        <v>26</v>
      </c>
    </row>
    <row r="5" spans="1:4" ht="18" customHeight="1" x14ac:dyDescent="0.15">
      <c r="A5" s="13">
        <v>0</v>
      </c>
      <c r="B5" s="12">
        <v>9</v>
      </c>
      <c r="C5" s="11">
        <v>7</v>
      </c>
      <c r="D5" s="10">
        <v>16</v>
      </c>
    </row>
    <row r="6" spans="1:4" ht="18" customHeight="1" x14ac:dyDescent="0.15">
      <c r="A6" s="8">
        <v>1</v>
      </c>
      <c r="B6" s="7">
        <v>5</v>
      </c>
      <c r="C6" s="6">
        <v>3</v>
      </c>
      <c r="D6" s="5">
        <v>8</v>
      </c>
    </row>
    <row r="7" spans="1:4" ht="18" customHeight="1" x14ac:dyDescent="0.15">
      <c r="A7" s="8">
        <v>2</v>
      </c>
      <c r="B7" s="7">
        <v>5</v>
      </c>
      <c r="C7" s="6">
        <v>11</v>
      </c>
      <c r="D7" s="5">
        <v>16</v>
      </c>
    </row>
    <row r="8" spans="1:4" ht="18" customHeight="1" x14ac:dyDescent="0.15">
      <c r="A8" s="8">
        <v>3</v>
      </c>
      <c r="B8" s="7">
        <v>6</v>
      </c>
      <c r="C8" s="6">
        <v>6</v>
      </c>
      <c r="D8" s="5">
        <v>12</v>
      </c>
    </row>
    <row r="9" spans="1:4" ht="18" customHeight="1" x14ac:dyDescent="0.15">
      <c r="A9" s="8">
        <v>4</v>
      </c>
      <c r="B9" s="7">
        <v>11</v>
      </c>
      <c r="C9" s="6">
        <v>6</v>
      </c>
      <c r="D9" s="5">
        <v>17</v>
      </c>
    </row>
    <row r="10" spans="1:4" ht="18" customHeight="1" x14ac:dyDescent="0.15">
      <c r="A10" s="8" t="s">
        <v>25</v>
      </c>
      <c r="B10" s="7">
        <v>36</v>
      </c>
      <c r="C10" s="6">
        <v>33</v>
      </c>
      <c r="D10" s="5">
        <v>69</v>
      </c>
    </row>
    <row r="11" spans="1:4" ht="18" customHeight="1" x14ac:dyDescent="0.15">
      <c r="A11" s="8">
        <v>5</v>
      </c>
      <c r="B11" s="7">
        <v>15</v>
      </c>
      <c r="C11" s="6">
        <v>4</v>
      </c>
      <c r="D11" s="5">
        <v>19</v>
      </c>
    </row>
    <row r="12" spans="1:4" ht="18" customHeight="1" x14ac:dyDescent="0.15">
      <c r="A12" s="8">
        <v>6</v>
      </c>
      <c r="B12" s="7">
        <v>9</v>
      </c>
      <c r="C12" s="6">
        <v>5</v>
      </c>
      <c r="D12" s="5">
        <v>14</v>
      </c>
    </row>
    <row r="13" spans="1:4" ht="18" customHeight="1" x14ac:dyDescent="0.15">
      <c r="A13" s="8">
        <v>7</v>
      </c>
      <c r="B13" s="7">
        <v>7</v>
      </c>
      <c r="C13" s="6">
        <v>5</v>
      </c>
      <c r="D13" s="5">
        <v>12</v>
      </c>
    </row>
    <row r="14" spans="1:4" ht="18" customHeight="1" x14ac:dyDescent="0.15">
      <c r="A14" s="8">
        <v>8</v>
      </c>
      <c r="B14" s="7">
        <v>8</v>
      </c>
      <c r="C14" s="6">
        <v>9</v>
      </c>
      <c r="D14" s="5">
        <v>17</v>
      </c>
    </row>
    <row r="15" spans="1:4" ht="18" customHeight="1" x14ac:dyDescent="0.15">
      <c r="A15" s="8">
        <v>9</v>
      </c>
      <c r="B15" s="7">
        <v>8</v>
      </c>
      <c r="C15" s="6">
        <v>13</v>
      </c>
      <c r="D15" s="5">
        <v>21</v>
      </c>
    </row>
    <row r="16" spans="1:4" ht="18" customHeight="1" x14ac:dyDescent="0.15">
      <c r="A16" s="8" t="s">
        <v>24</v>
      </c>
      <c r="B16" s="7">
        <v>47</v>
      </c>
      <c r="C16" s="6">
        <v>36</v>
      </c>
      <c r="D16" s="5">
        <v>83</v>
      </c>
    </row>
    <row r="17" spans="1:4" ht="18" customHeight="1" x14ac:dyDescent="0.15">
      <c r="A17" s="8">
        <v>10</v>
      </c>
      <c r="B17" s="7">
        <v>9</v>
      </c>
      <c r="C17" s="6">
        <v>8</v>
      </c>
      <c r="D17" s="5">
        <v>17</v>
      </c>
    </row>
    <row r="18" spans="1:4" ht="18" customHeight="1" x14ac:dyDescent="0.15">
      <c r="A18" s="8">
        <v>11</v>
      </c>
      <c r="B18" s="7">
        <v>5</v>
      </c>
      <c r="C18" s="6">
        <v>11</v>
      </c>
      <c r="D18" s="5">
        <v>16</v>
      </c>
    </row>
    <row r="19" spans="1:4" ht="18" customHeight="1" x14ac:dyDescent="0.15">
      <c r="A19" s="8">
        <v>12</v>
      </c>
      <c r="B19" s="7">
        <v>10</v>
      </c>
      <c r="C19" s="6">
        <v>14</v>
      </c>
      <c r="D19" s="5">
        <v>24</v>
      </c>
    </row>
    <row r="20" spans="1:4" ht="18" customHeight="1" x14ac:dyDescent="0.15">
      <c r="A20" s="8">
        <v>13</v>
      </c>
      <c r="B20" s="7">
        <v>4</v>
      </c>
      <c r="C20" s="6">
        <v>6</v>
      </c>
      <c r="D20" s="5">
        <v>10</v>
      </c>
    </row>
    <row r="21" spans="1:4" ht="18" customHeight="1" x14ac:dyDescent="0.15">
      <c r="A21" s="8">
        <v>14</v>
      </c>
      <c r="B21" s="7">
        <v>8</v>
      </c>
      <c r="C21" s="6">
        <v>4</v>
      </c>
      <c r="D21" s="5">
        <v>12</v>
      </c>
    </row>
    <row r="22" spans="1:4" ht="18" customHeight="1" x14ac:dyDescent="0.15">
      <c r="A22" s="8" t="s">
        <v>23</v>
      </c>
      <c r="B22" s="7">
        <v>36</v>
      </c>
      <c r="C22" s="6">
        <v>43</v>
      </c>
      <c r="D22" s="5">
        <v>79</v>
      </c>
    </row>
    <row r="23" spans="1:4" ht="18" customHeight="1" x14ac:dyDescent="0.15">
      <c r="A23" s="8" t="s">
        <v>22</v>
      </c>
      <c r="B23" s="7">
        <v>119</v>
      </c>
      <c r="C23" s="6">
        <v>112</v>
      </c>
      <c r="D23" s="5">
        <v>231</v>
      </c>
    </row>
    <row r="24" spans="1:4" ht="18" customHeight="1" x14ac:dyDescent="0.15">
      <c r="A24" s="8">
        <v>15</v>
      </c>
      <c r="B24" s="7">
        <v>10</v>
      </c>
      <c r="C24" s="6">
        <v>3</v>
      </c>
      <c r="D24" s="5">
        <v>13</v>
      </c>
    </row>
    <row r="25" spans="1:4" ht="18" customHeight="1" x14ac:dyDescent="0.15">
      <c r="A25" s="8">
        <v>16</v>
      </c>
      <c r="B25" s="7">
        <v>13</v>
      </c>
      <c r="C25" s="6">
        <v>3</v>
      </c>
      <c r="D25" s="5">
        <v>16</v>
      </c>
    </row>
    <row r="26" spans="1:4" ht="18" customHeight="1" x14ac:dyDescent="0.15">
      <c r="A26" s="8">
        <v>17</v>
      </c>
      <c r="B26" s="7">
        <v>8</v>
      </c>
      <c r="C26" s="6">
        <v>12</v>
      </c>
      <c r="D26" s="5">
        <v>20</v>
      </c>
    </row>
    <row r="27" spans="1:4" ht="18" customHeight="1" x14ac:dyDescent="0.15">
      <c r="A27" s="8">
        <v>18</v>
      </c>
      <c r="B27" s="7">
        <v>7</v>
      </c>
      <c r="C27" s="6">
        <v>8</v>
      </c>
      <c r="D27" s="5">
        <v>15</v>
      </c>
    </row>
    <row r="28" spans="1:4" ht="18" customHeight="1" x14ac:dyDescent="0.15">
      <c r="A28" s="8">
        <v>19</v>
      </c>
      <c r="B28" s="7">
        <v>5</v>
      </c>
      <c r="C28" s="6">
        <v>8</v>
      </c>
      <c r="D28" s="5">
        <v>13</v>
      </c>
    </row>
    <row r="29" spans="1:4" ht="18" customHeight="1" x14ac:dyDescent="0.15">
      <c r="A29" s="8" t="s">
        <v>21</v>
      </c>
      <c r="B29" s="7">
        <v>43</v>
      </c>
      <c r="C29" s="6">
        <v>34</v>
      </c>
      <c r="D29" s="5">
        <v>77</v>
      </c>
    </row>
    <row r="30" spans="1:4" ht="18" customHeight="1" x14ac:dyDescent="0.15">
      <c r="A30" s="8">
        <v>20</v>
      </c>
      <c r="B30" s="7">
        <v>6</v>
      </c>
      <c r="C30" s="6">
        <v>8</v>
      </c>
      <c r="D30" s="5">
        <v>14</v>
      </c>
    </row>
    <row r="31" spans="1:4" ht="18" customHeight="1" x14ac:dyDescent="0.15">
      <c r="A31" s="8">
        <v>21</v>
      </c>
      <c r="B31" s="7">
        <v>7</v>
      </c>
      <c r="C31" s="6">
        <v>7</v>
      </c>
      <c r="D31" s="5">
        <v>14</v>
      </c>
    </row>
    <row r="32" spans="1:4" ht="18" customHeight="1" x14ac:dyDescent="0.15">
      <c r="A32" s="8">
        <v>22</v>
      </c>
      <c r="B32" s="7">
        <v>5</v>
      </c>
      <c r="C32" s="6">
        <v>5</v>
      </c>
      <c r="D32" s="5">
        <v>10</v>
      </c>
    </row>
    <row r="33" spans="1:4" ht="18" customHeight="1" x14ac:dyDescent="0.15">
      <c r="A33" s="8">
        <v>23</v>
      </c>
      <c r="B33" s="7">
        <v>4</v>
      </c>
      <c r="C33" s="6">
        <v>6</v>
      </c>
      <c r="D33" s="5">
        <v>10</v>
      </c>
    </row>
    <row r="34" spans="1:4" ht="18" customHeight="1" x14ac:dyDescent="0.15">
      <c r="A34" s="8">
        <v>24</v>
      </c>
      <c r="B34" s="7">
        <v>13</v>
      </c>
      <c r="C34" s="6">
        <v>10</v>
      </c>
      <c r="D34" s="5">
        <v>23</v>
      </c>
    </row>
    <row r="35" spans="1:4" ht="18" customHeight="1" x14ac:dyDescent="0.15">
      <c r="A35" s="8" t="s">
        <v>20</v>
      </c>
      <c r="B35" s="7">
        <v>35</v>
      </c>
      <c r="C35" s="6">
        <v>36</v>
      </c>
      <c r="D35" s="5">
        <v>71</v>
      </c>
    </row>
    <row r="36" spans="1:4" ht="18" customHeight="1" x14ac:dyDescent="0.15">
      <c r="A36" s="8">
        <v>25</v>
      </c>
      <c r="B36" s="7">
        <v>9</v>
      </c>
      <c r="C36" s="6">
        <v>8</v>
      </c>
      <c r="D36" s="5">
        <v>17</v>
      </c>
    </row>
    <row r="37" spans="1:4" ht="18" customHeight="1" x14ac:dyDescent="0.15">
      <c r="A37" s="8">
        <v>26</v>
      </c>
      <c r="B37" s="7">
        <v>13</v>
      </c>
      <c r="C37" s="6">
        <v>7</v>
      </c>
      <c r="D37" s="5">
        <v>20</v>
      </c>
    </row>
    <row r="38" spans="1:4" ht="18" customHeight="1" x14ac:dyDescent="0.15">
      <c r="A38" s="8">
        <v>27</v>
      </c>
      <c r="B38" s="7">
        <v>11</v>
      </c>
      <c r="C38" s="6">
        <v>5</v>
      </c>
      <c r="D38" s="5">
        <v>16</v>
      </c>
    </row>
    <row r="39" spans="1:4" ht="18" customHeight="1" x14ac:dyDescent="0.15">
      <c r="A39" s="8">
        <v>28</v>
      </c>
      <c r="B39" s="7">
        <v>6</v>
      </c>
      <c r="C39" s="6">
        <v>4</v>
      </c>
      <c r="D39" s="5">
        <v>10</v>
      </c>
    </row>
    <row r="40" spans="1:4" ht="18" customHeight="1" x14ac:dyDescent="0.15">
      <c r="A40" s="8">
        <v>29</v>
      </c>
      <c r="B40" s="7">
        <v>7</v>
      </c>
      <c r="C40" s="6">
        <v>8</v>
      </c>
      <c r="D40" s="5">
        <v>15</v>
      </c>
    </row>
    <row r="41" spans="1:4" ht="18" customHeight="1" x14ac:dyDescent="0.15">
      <c r="A41" s="8" t="s">
        <v>19</v>
      </c>
      <c r="B41" s="7">
        <v>46</v>
      </c>
      <c r="C41" s="6">
        <v>32</v>
      </c>
      <c r="D41" s="5">
        <v>78</v>
      </c>
    </row>
    <row r="42" spans="1:4" ht="18" customHeight="1" x14ac:dyDescent="0.15">
      <c r="A42" s="8">
        <v>30</v>
      </c>
      <c r="B42" s="7">
        <v>6</v>
      </c>
      <c r="C42" s="6">
        <v>3</v>
      </c>
      <c r="D42" s="5">
        <v>9</v>
      </c>
    </row>
    <row r="43" spans="1:4" ht="18" customHeight="1" x14ac:dyDescent="0.15">
      <c r="A43" s="8">
        <v>31</v>
      </c>
      <c r="B43" s="7">
        <v>7</v>
      </c>
      <c r="C43" s="6">
        <v>3</v>
      </c>
      <c r="D43" s="5">
        <v>10</v>
      </c>
    </row>
    <row r="44" spans="1:4" ht="18" customHeight="1" x14ac:dyDescent="0.15">
      <c r="A44" s="8">
        <v>32</v>
      </c>
      <c r="B44" s="7">
        <v>9</v>
      </c>
      <c r="C44" s="6">
        <v>10</v>
      </c>
      <c r="D44" s="5">
        <v>19</v>
      </c>
    </row>
    <row r="45" spans="1:4" ht="18" customHeight="1" x14ac:dyDescent="0.15">
      <c r="A45" s="8">
        <v>33</v>
      </c>
      <c r="B45" s="7">
        <v>12</v>
      </c>
      <c r="C45" s="6">
        <v>11</v>
      </c>
      <c r="D45" s="5">
        <v>23</v>
      </c>
    </row>
    <row r="46" spans="1:4" ht="18" customHeight="1" x14ac:dyDescent="0.15">
      <c r="A46" s="8">
        <v>34</v>
      </c>
      <c r="B46" s="7">
        <v>7</v>
      </c>
      <c r="C46" s="6">
        <v>13</v>
      </c>
      <c r="D46" s="5">
        <v>20</v>
      </c>
    </row>
    <row r="47" spans="1:4" ht="18" customHeight="1" x14ac:dyDescent="0.15">
      <c r="A47" s="8" t="s">
        <v>18</v>
      </c>
      <c r="B47" s="7">
        <v>41</v>
      </c>
      <c r="C47" s="6">
        <v>40</v>
      </c>
      <c r="D47" s="5">
        <v>81</v>
      </c>
    </row>
    <row r="48" spans="1:4" ht="18" customHeight="1" x14ac:dyDescent="0.15">
      <c r="A48" s="8">
        <v>35</v>
      </c>
      <c r="B48" s="7">
        <v>8</v>
      </c>
      <c r="C48" s="6">
        <v>10</v>
      </c>
      <c r="D48" s="5">
        <v>18</v>
      </c>
    </row>
    <row r="49" spans="1:4" ht="18" customHeight="1" x14ac:dyDescent="0.15">
      <c r="A49" s="8">
        <v>36</v>
      </c>
      <c r="B49" s="7">
        <v>11</v>
      </c>
      <c r="C49" s="6">
        <v>6</v>
      </c>
      <c r="D49" s="5">
        <v>17</v>
      </c>
    </row>
    <row r="50" spans="1:4" ht="18" customHeight="1" x14ac:dyDescent="0.15">
      <c r="A50" s="8">
        <v>37</v>
      </c>
      <c r="B50" s="7">
        <v>11</v>
      </c>
      <c r="C50" s="6">
        <v>17</v>
      </c>
      <c r="D50" s="5">
        <v>28</v>
      </c>
    </row>
    <row r="51" spans="1:4" ht="18" customHeight="1" x14ac:dyDescent="0.15">
      <c r="A51" s="8">
        <v>38</v>
      </c>
      <c r="B51" s="7">
        <v>15</v>
      </c>
      <c r="C51" s="6">
        <v>12</v>
      </c>
      <c r="D51" s="5">
        <v>27</v>
      </c>
    </row>
    <row r="52" spans="1:4" ht="18" customHeight="1" x14ac:dyDescent="0.15">
      <c r="A52" s="8">
        <v>39</v>
      </c>
      <c r="B52" s="7">
        <v>18</v>
      </c>
      <c r="C52" s="6">
        <v>10</v>
      </c>
      <c r="D52" s="5">
        <v>28</v>
      </c>
    </row>
    <row r="53" spans="1:4" ht="18" customHeight="1" x14ac:dyDescent="0.15">
      <c r="A53" s="8" t="s">
        <v>17</v>
      </c>
      <c r="B53" s="7">
        <v>63</v>
      </c>
      <c r="C53" s="6">
        <v>55</v>
      </c>
      <c r="D53" s="5">
        <v>118</v>
      </c>
    </row>
    <row r="54" spans="1:4" ht="18" customHeight="1" x14ac:dyDescent="0.15">
      <c r="A54" s="8">
        <v>40</v>
      </c>
      <c r="B54" s="7">
        <v>15</v>
      </c>
      <c r="C54" s="6">
        <v>21</v>
      </c>
      <c r="D54" s="5">
        <v>36</v>
      </c>
    </row>
    <row r="55" spans="1:4" ht="18" customHeight="1" x14ac:dyDescent="0.15">
      <c r="A55" s="8">
        <v>41</v>
      </c>
      <c r="B55" s="7">
        <v>15</v>
      </c>
      <c r="C55" s="6">
        <v>12</v>
      </c>
      <c r="D55" s="5">
        <v>27</v>
      </c>
    </row>
    <row r="56" spans="1:4" ht="18" customHeight="1" x14ac:dyDescent="0.15">
      <c r="A56" s="8">
        <v>42</v>
      </c>
      <c r="B56" s="7">
        <v>11</v>
      </c>
      <c r="C56" s="6">
        <v>8</v>
      </c>
      <c r="D56" s="5">
        <v>19</v>
      </c>
    </row>
    <row r="57" spans="1:4" ht="18" customHeight="1" x14ac:dyDescent="0.15">
      <c r="A57" s="8">
        <v>43</v>
      </c>
      <c r="B57" s="7">
        <v>14</v>
      </c>
      <c r="C57" s="6">
        <v>10</v>
      </c>
      <c r="D57" s="5">
        <v>24</v>
      </c>
    </row>
    <row r="58" spans="1:4" ht="18" customHeight="1" x14ac:dyDescent="0.15">
      <c r="A58" s="8">
        <v>44</v>
      </c>
      <c r="B58" s="7">
        <v>20</v>
      </c>
      <c r="C58" s="6">
        <v>14</v>
      </c>
      <c r="D58" s="5">
        <v>34</v>
      </c>
    </row>
    <row r="59" spans="1:4" ht="18" customHeight="1" x14ac:dyDescent="0.15">
      <c r="A59" s="8" t="s">
        <v>16</v>
      </c>
      <c r="B59" s="7">
        <v>75</v>
      </c>
      <c r="C59" s="6">
        <v>65</v>
      </c>
      <c r="D59" s="5">
        <v>140</v>
      </c>
    </row>
    <row r="60" spans="1:4" ht="18" customHeight="1" x14ac:dyDescent="0.15">
      <c r="A60" s="8">
        <v>45</v>
      </c>
      <c r="B60" s="7">
        <v>8</v>
      </c>
      <c r="C60" s="6">
        <v>11</v>
      </c>
      <c r="D60" s="5">
        <v>19</v>
      </c>
    </row>
    <row r="61" spans="1:4" ht="18" customHeight="1" x14ac:dyDescent="0.15">
      <c r="A61" s="8">
        <v>46</v>
      </c>
      <c r="B61" s="7">
        <v>13</v>
      </c>
      <c r="C61" s="6">
        <v>20</v>
      </c>
      <c r="D61" s="5">
        <v>33</v>
      </c>
    </row>
    <row r="62" spans="1:4" ht="18" customHeight="1" x14ac:dyDescent="0.15">
      <c r="A62" s="8">
        <v>47</v>
      </c>
      <c r="B62" s="7">
        <v>7</v>
      </c>
      <c r="C62" s="6">
        <v>19</v>
      </c>
      <c r="D62" s="5">
        <v>26</v>
      </c>
    </row>
    <row r="63" spans="1:4" ht="18" customHeight="1" x14ac:dyDescent="0.15">
      <c r="A63" s="8">
        <v>48</v>
      </c>
      <c r="B63" s="7">
        <v>20</v>
      </c>
      <c r="C63" s="6">
        <v>19</v>
      </c>
      <c r="D63" s="5">
        <v>39</v>
      </c>
    </row>
    <row r="64" spans="1:4" ht="18" customHeight="1" x14ac:dyDescent="0.15">
      <c r="A64" s="8">
        <v>49</v>
      </c>
      <c r="B64" s="7">
        <v>22</v>
      </c>
      <c r="C64" s="6">
        <v>12</v>
      </c>
      <c r="D64" s="5">
        <v>34</v>
      </c>
    </row>
    <row r="65" spans="1:4" ht="18" customHeight="1" x14ac:dyDescent="0.15">
      <c r="A65" s="8" t="s">
        <v>15</v>
      </c>
      <c r="B65" s="7">
        <v>70</v>
      </c>
      <c r="C65" s="6">
        <v>81</v>
      </c>
      <c r="D65" s="5">
        <v>151</v>
      </c>
    </row>
    <row r="66" spans="1:4" ht="18" customHeight="1" x14ac:dyDescent="0.15">
      <c r="A66" s="8">
        <v>50</v>
      </c>
      <c r="B66" s="7">
        <v>23</v>
      </c>
      <c r="C66" s="6">
        <v>21</v>
      </c>
      <c r="D66" s="5">
        <v>44</v>
      </c>
    </row>
    <row r="67" spans="1:4" ht="18" customHeight="1" x14ac:dyDescent="0.15">
      <c r="A67" s="8">
        <v>51</v>
      </c>
      <c r="B67" s="7">
        <v>19</v>
      </c>
      <c r="C67" s="6">
        <v>23</v>
      </c>
      <c r="D67" s="5">
        <v>42</v>
      </c>
    </row>
    <row r="68" spans="1:4" ht="18" customHeight="1" x14ac:dyDescent="0.15">
      <c r="A68" s="8">
        <v>52</v>
      </c>
      <c r="B68" s="7">
        <v>18</v>
      </c>
      <c r="C68" s="6">
        <v>21</v>
      </c>
      <c r="D68" s="5">
        <v>39</v>
      </c>
    </row>
    <row r="69" spans="1:4" ht="18" customHeight="1" x14ac:dyDescent="0.15">
      <c r="A69" s="8">
        <v>53</v>
      </c>
      <c r="B69" s="7">
        <v>19</v>
      </c>
      <c r="C69" s="6">
        <v>24</v>
      </c>
      <c r="D69" s="5">
        <v>43</v>
      </c>
    </row>
    <row r="70" spans="1:4" ht="18" customHeight="1" x14ac:dyDescent="0.15">
      <c r="A70" s="8">
        <v>54</v>
      </c>
      <c r="B70" s="7">
        <v>18</v>
      </c>
      <c r="C70" s="6">
        <v>22</v>
      </c>
      <c r="D70" s="5">
        <v>40</v>
      </c>
    </row>
    <row r="71" spans="1:4" ht="18" customHeight="1" x14ac:dyDescent="0.15">
      <c r="A71" s="8" t="s">
        <v>14</v>
      </c>
      <c r="B71" s="7">
        <v>97</v>
      </c>
      <c r="C71" s="6">
        <v>111</v>
      </c>
      <c r="D71" s="5">
        <v>208</v>
      </c>
    </row>
    <row r="72" spans="1:4" ht="18" customHeight="1" x14ac:dyDescent="0.15">
      <c r="A72" s="8">
        <v>55</v>
      </c>
      <c r="B72" s="7">
        <v>21</v>
      </c>
      <c r="C72" s="6">
        <v>21</v>
      </c>
      <c r="D72" s="5">
        <v>42</v>
      </c>
    </row>
    <row r="73" spans="1:4" ht="18" customHeight="1" x14ac:dyDescent="0.15">
      <c r="A73" s="8">
        <v>56</v>
      </c>
      <c r="B73" s="7">
        <v>22</v>
      </c>
      <c r="C73" s="6">
        <v>26</v>
      </c>
      <c r="D73" s="5">
        <v>48</v>
      </c>
    </row>
    <row r="74" spans="1:4" ht="18" customHeight="1" x14ac:dyDescent="0.15">
      <c r="A74" s="8">
        <v>57</v>
      </c>
      <c r="B74" s="7">
        <v>22</v>
      </c>
      <c r="C74" s="6">
        <v>25</v>
      </c>
      <c r="D74" s="5">
        <v>47</v>
      </c>
    </row>
    <row r="75" spans="1:4" ht="18" customHeight="1" x14ac:dyDescent="0.15">
      <c r="A75" s="8">
        <v>58</v>
      </c>
      <c r="B75" s="7">
        <v>19</v>
      </c>
      <c r="C75" s="6">
        <v>16</v>
      </c>
      <c r="D75" s="5">
        <v>35</v>
      </c>
    </row>
    <row r="76" spans="1:4" ht="18" customHeight="1" x14ac:dyDescent="0.15">
      <c r="A76" s="8">
        <v>59</v>
      </c>
      <c r="B76" s="7">
        <v>14</v>
      </c>
      <c r="C76" s="6">
        <v>11</v>
      </c>
      <c r="D76" s="5">
        <v>25</v>
      </c>
    </row>
    <row r="77" spans="1:4" ht="18" customHeight="1" x14ac:dyDescent="0.15">
      <c r="A77" s="8" t="s">
        <v>13</v>
      </c>
      <c r="B77" s="7">
        <v>98</v>
      </c>
      <c r="C77" s="6">
        <v>99</v>
      </c>
      <c r="D77" s="5">
        <v>197</v>
      </c>
    </row>
    <row r="78" spans="1:4" ht="18" customHeight="1" x14ac:dyDescent="0.15">
      <c r="A78" s="8">
        <v>60</v>
      </c>
      <c r="B78" s="7">
        <v>7</v>
      </c>
      <c r="C78" s="6">
        <v>14</v>
      </c>
      <c r="D78" s="5">
        <v>21</v>
      </c>
    </row>
    <row r="79" spans="1:4" ht="18" customHeight="1" x14ac:dyDescent="0.15">
      <c r="A79" s="8">
        <v>61</v>
      </c>
      <c r="B79" s="7">
        <v>21</v>
      </c>
      <c r="C79" s="6">
        <v>13</v>
      </c>
      <c r="D79" s="5">
        <v>34</v>
      </c>
    </row>
    <row r="80" spans="1:4" ht="18" customHeight="1" x14ac:dyDescent="0.15">
      <c r="A80" s="8">
        <v>62</v>
      </c>
      <c r="B80" s="7">
        <v>14</v>
      </c>
      <c r="C80" s="6">
        <v>15</v>
      </c>
      <c r="D80" s="5">
        <v>29</v>
      </c>
    </row>
    <row r="81" spans="1:4" ht="18" customHeight="1" x14ac:dyDescent="0.15">
      <c r="A81" s="8">
        <v>63</v>
      </c>
      <c r="B81" s="7">
        <v>19</v>
      </c>
      <c r="C81" s="6">
        <v>12</v>
      </c>
      <c r="D81" s="5">
        <v>31</v>
      </c>
    </row>
    <row r="82" spans="1:4" ht="18" customHeight="1" x14ac:dyDescent="0.15">
      <c r="A82" s="8">
        <v>64</v>
      </c>
      <c r="B82" s="7">
        <v>17</v>
      </c>
      <c r="C82" s="6">
        <v>25</v>
      </c>
      <c r="D82" s="5">
        <v>42</v>
      </c>
    </row>
    <row r="83" spans="1:4" ht="18" customHeight="1" x14ac:dyDescent="0.15">
      <c r="A83" s="8" t="s">
        <v>12</v>
      </c>
      <c r="B83" s="7">
        <v>78</v>
      </c>
      <c r="C83" s="6">
        <v>79</v>
      </c>
      <c r="D83" s="5">
        <v>157</v>
      </c>
    </row>
    <row r="84" spans="1:4" ht="18" customHeight="1" x14ac:dyDescent="0.15">
      <c r="A84" s="8" t="s">
        <v>11</v>
      </c>
      <c r="B84" s="7">
        <v>646</v>
      </c>
      <c r="C84" s="6">
        <v>632</v>
      </c>
      <c r="D84" s="5">
        <v>1278</v>
      </c>
    </row>
    <row r="85" spans="1:4" ht="18" customHeight="1" x14ac:dyDescent="0.15">
      <c r="A85" s="8">
        <v>65</v>
      </c>
      <c r="B85" s="7">
        <v>14</v>
      </c>
      <c r="C85" s="6">
        <v>23</v>
      </c>
      <c r="D85" s="5">
        <v>37</v>
      </c>
    </row>
    <row r="86" spans="1:4" ht="18" customHeight="1" x14ac:dyDescent="0.15">
      <c r="A86" s="8">
        <v>66</v>
      </c>
      <c r="B86" s="7">
        <v>12</v>
      </c>
      <c r="C86" s="6">
        <v>19</v>
      </c>
      <c r="D86" s="5">
        <v>31</v>
      </c>
    </row>
    <row r="87" spans="1:4" ht="18" customHeight="1" x14ac:dyDescent="0.15">
      <c r="A87" s="8">
        <v>67</v>
      </c>
      <c r="B87" s="7">
        <v>13</v>
      </c>
      <c r="C87" s="6">
        <v>16</v>
      </c>
      <c r="D87" s="5">
        <v>29</v>
      </c>
    </row>
    <row r="88" spans="1:4" ht="18" customHeight="1" x14ac:dyDescent="0.15">
      <c r="A88" s="8">
        <v>68</v>
      </c>
      <c r="B88" s="7">
        <v>13</v>
      </c>
      <c r="C88" s="6">
        <v>24</v>
      </c>
      <c r="D88" s="5">
        <v>37</v>
      </c>
    </row>
    <row r="89" spans="1:4" ht="18" customHeight="1" x14ac:dyDescent="0.15">
      <c r="A89" s="8">
        <v>69</v>
      </c>
      <c r="B89" s="7">
        <v>22</v>
      </c>
      <c r="C89" s="6">
        <v>12</v>
      </c>
      <c r="D89" s="5">
        <v>34</v>
      </c>
    </row>
    <row r="90" spans="1:4" ht="18" customHeight="1" x14ac:dyDescent="0.15">
      <c r="A90" s="8" t="s">
        <v>10</v>
      </c>
      <c r="B90" s="7">
        <v>74</v>
      </c>
      <c r="C90" s="6">
        <v>94</v>
      </c>
      <c r="D90" s="5">
        <v>168</v>
      </c>
    </row>
    <row r="91" spans="1:4" ht="18" customHeight="1" x14ac:dyDescent="0.15">
      <c r="A91" s="8">
        <v>70</v>
      </c>
      <c r="B91" s="7">
        <v>17</v>
      </c>
      <c r="C91" s="6">
        <v>23</v>
      </c>
      <c r="D91" s="5">
        <v>40</v>
      </c>
    </row>
    <row r="92" spans="1:4" ht="18" customHeight="1" x14ac:dyDescent="0.15">
      <c r="A92" s="8">
        <v>71</v>
      </c>
      <c r="B92" s="7">
        <v>15</v>
      </c>
      <c r="C92" s="6">
        <v>14</v>
      </c>
      <c r="D92" s="5">
        <v>29</v>
      </c>
    </row>
    <row r="93" spans="1:4" ht="18" customHeight="1" x14ac:dyDescent="0.15">
      <c r="A93" s="8">
        <v>72</v>
      </c>
      <c r="B93" s="7">
        <v>16</v>
      </c>
      <c r="C93" s="6">
        <v>13</v>
      </c>
      <c r="D93" s="5">
        <v>29</v>
      </c>
    </row>
    <row r="94" spans="1:4" ht="18" customHeight="1" x14ac:dyDescent="0.15">
      <c r="A94" s="8">
        <v>73</v>
      </c>
      <c r="B94" s="7">
        <v>12</v>
      </c>
      <c r="C94" s="6">
        <v>21</v>
      </c>
      <c r="D94" s="5">
        <v>33</v>
      </c>
    </row>
    <row r="95" spans="1:4" ht="18" customHeight="1" x14ac:dyDescent="0.15">
      <c r="A95" s="8">
        <v>74</v>
      </c>
      <c r="B95" s="7">
        <v>12</v>
      </c>
      <c r="C95" s="6">
        <v>12</v>
      </c>
      <c r="D95" s="5">
        <v>24</v>
      </c>
    </row>
    <row r="96" spans="1:4" ht="18" customHeight="1" x14ac:dyDescent="0.15">
      <c r="A96" s="8" t="s">
        <v>9</v>
      </c>
      <c r="B96" s="7">
        <v>72</v>
      </c>
      <c r="C96" s="6">
        <v>83</v>
      </c>
      <c r="D96" s="5">
        <v>155</v>
      </c>
    </row>
    <row r="97" spans="1:4" ht="18" customHeight="1" x14ac:dyDescent="0.15">
      <c r="A97" s="8">
        <v>75</v>
      </c>
      <c r="B97" s="7">
        <v>11</v>
      </c>
      <c r="C97" s="6">
        <v>25</v>
      </c>
      <c r="D97" s="5">
        <v>36</v>
      </c>
    </row>
    <row r="98" spans="1:4" ht="18" customHeight="1" x14ac:dyDescent="0.15">
      <c r="A98" s="8">
        <v>76</v>
      </c>
      <c r="B98" s="7">
        <v>18</v>
      </c>
      <c r="C98" s="6">
        <v>21</v>
      </c>
      <c r="D98" s="5">
        <v>39</v>
      </c>
    </row>
    <row r="99" spans="1:4" ht="18" customHeight="1" x14ac:dyDescent="0.15">
      <c r="A99" s="8">
        <v>77</v>
      </c>
      <c r="B99" s="7">
        <v>12</v>
      </c>
      <c r="C99" s="6">
        <v>21</v>
      </c>
      <c r="D99" s="5">
        <v>33</v>
      </c>
    </row>
    <row r="100" spans="1:4" ht="18" customHeight="1" x14ac:dyDescent="0.15">
      <c r="A100" s="8">
        <v>78</v>
      </c>
      <c r="B100" s="7">
        <v>13</v>
      </c>
      <c r="C100" s="6">
        <v>21</v>
      </c>
      <c r="D100" s="5">
        <v>34</v>
      </c>
    </row>
    <row r="101" spans="1:4" ht="18" customHeight="1" x14ac:dyDescent="0.15">
      <c r="A101" s="8">
        <v>79</v>
      </c>
      <c r="B101" s="7">
        <v>7</v>
      </c>
      <c r="C101" s="6">
        <v>13</v>
      </c>
      <c r="D101" s="5">
        <v>20</v>
      </c>
    </row>
    <row r="102" spans="1:4" ht="18" customHeight="1" x14ac:dyDescent="0.15">
      <c r="A102" s="8" t="s">
        <v>8</v>
      </c>
      <c r="B102" s="7">
        <v>61</v>
      </c>
      <c r="C102" s="6">
        <v>101</v>
      </c>
      <c r="D102" s="5">
        <v>162</v>
      </c>
    </row>
    <row r="103" spans="1:4" ht="18" customHeight="1" x14ac:dyDescent="0.15">
      <c r="A103" s="8">
        <v>80</v>
      </c>
      <c r="B103" s="7">
        <v>11</v>
      </c>
      <c r="C103" s="6">
        <v>8</v>
      </c>
      <c r="D103" s="5">
        <v>19</v>
      </c>
    </row>
    <row r="104" spans="1:4" ht="18" customHeight="1" x14ac:dyDescent="0.15">
      <c r="A104" s="8">
        <v>81</v>
      </c>
      <c r="B104" s="7">
        <v>15</v>
      </c>
      <c r="C104" s="6">
        <v>14</v>
      </c>
      <c r="D104" s="5">
        <v>29</v>
      </c>
    </row>
    <row r="105" spans="1:4" ht="18" customHeight="1" x14ac:dyDescent="0.15">
      <c r="A105" s="8">
        <v>82</v>
      </c>
      <c r="B105" s="7">
        <v>8</v>
      </c>
      <c r="C105" s="6">
        <v>18</v>
      </c>
      <c r="D105" s="5">
        <v>26</v>
      </c>
    </row>
    <row r="106" spans="1:4" ht="18" customHeight="1" x14ac:dyDescent="0.15">
      <c r="A106" s="8">
        <v>83</v>
      </c>
      <c r="B106" s="7">
        <v>5</v>
      </c>
      <c r="C106" s="6">
        <v>12</v>
      </c>
      <c r="D106" s="5">
        <v>17</v>
      </c>
    </row>
    <row r="107" spans="1:4" ht="18" customHeight="1" x14ac:dyDescent="0.15">
      <c r="A107" s="8">
        <v>84</v>
      </c>
      <c r="B107" s="7">
        <v>10</v>
      </c>
      <c r="C107" s="6">
        <v>14</v>
      </c>
      <c r="D107" s="5">
        <v>24</v>
      </c>
    </row>
    <row r="108" spans="1:4" ht="18" customHeight="1" x14ac:dyDescent="0.15">
      <c r="A108" s="8" t="s">
        <v>7</v>
      </c>
      <c r="B108" s="7">
        <v>49</v>
      </c>
      <c r="C108" s="6">
        <v>66</v>
      </c>
      <c r="D108" s="5">
        <v>115</v>
      </c>
    </row>
    <row r="109" spans="1:4" ht="18" customHeight="1" x14ac:dyDescent="0.15">
      <c r="A109" s="8">
        <v>85</v>
      </c>
      <c r="B109" s="7">
        <v>11</v>
      </c>
      <c r="C109" s="6">
        <v>18</v>
      </c>
      <c r="D109" s="5">
        <v>29</v>
      </c>
    </row>
    <row r="110" spans="1:4" ht="18" customHeight="1" x14ac:dyDescent="0.15">
      <c r="A110" s="8">
        <v>86</v>
      </c>
      <c r="B110" s="7">
        <v>6</v>
      </c>
      <c r="C110" s="6">
        <v>11</v>
      </c>
      <c r="D110" s="5">
        <v>17</v>
      </c>
    </row>
    <row r="111" spans="1:4" ht="18" customHeight="1" x14ac:dyDescent="0.15">
      <c r="A111" s="8">
        <v>87</v>
      </c>
      <c r="B111" s="7">
        <v>4</v>
      </c>
      <c r="C111" s="6">
        <v>6</v>
      </c>
      <c r="D111" s="5">
        <v>10</v>
      </c>
    </row>
    <row r="112" spans="1:4" ht="18" customHeight="1" x14ac:dyDescent="0.15">
      <c r="A112" s="8">
        <v>88</v>
      </c>
      <c r="B112" s="7">
        <v>0</v>
      </c>
      <c r="C112" s="6">
        <v>9</v>
      </c>
      <c r="D112" s="5">
        <v>9</v>
      </c>
    </row>
    <row r="113" spans="1:4" ht="18" customHeight="1" x14ac:dyDescent="0.15">
      <c r="A113" s="8">
        <v>89</v>
      </c>
      <c r="B113" s="7">
        <v>2</v>
      </c>
      <c r="C113" s="6">
        <v>16</v>
      </c>
      <c r="D113" s="5">
        <v>18</v>
      </c>
    </row>
    <row r="114" spans="1:4" ht="18" customHeight="1" x14ac:dyDescent="0.15">
      <c r="A114" s="8" t="s">
        <v>6</v>
      </c>
      <c r="B114" s="7">
        <v>23</v>
      </c>
      <c r="C114" s="6">
        <v>60</v>
      </c>
      <c r="D114" s="5">
        <v>83</v>
      </c>
    </row>
    <row r="115" spans="1:4" ht="18" customHeight="1" x14ac:dyDescent="0.15">
      <c r="A115" s="8">
        <v>90</v>
      </c>
      <c r="B115" s="7">
        <v>4</v>
      </c>
      <c r="C115" s="6">
        <v>7</v>
      </c>
      <c r="D115" s="5">
        <v>11</v>
      </c>
    </row>
    <row r="116" spans="1:4" ht="18" customHeight="1" x14ac:dyDescent="0.15">
      <c r="A116" s="8">
        <v>91</v>
      </c>
      <c r="B116" s="7">
        <v>5</v>
      </c>
      <c r="C116" s="6">
        <v>5</v>
      </c>
      <c r="D116" s="5">
        <v>10</v>
      </c>
    </row>
    <row r="117" spans="1:4" ht="18" customHeight="1" x14ac:dyDescent="0.15">
      <c r="A117" s="8">
        <v>92</v>
      </c>
      <c r="B117" s="7">
        <v>7</v>
      </c>
      <c r="C117" s="6">
        <v>9</v>
      </c>
      <c r="D117" s="5">
        <v>16</v>
      </c>
    </row>
    <row r="118" spans="1:4" ht="18" customHeight="1" x14ac:dyDescent="0.15">
      <c r="A118" s="8">
        <v>93</v>
      </c>
      <c r="B118" s="7">
        <v>1</v>
      </c>
      <c r="C118" s="6">
        <v>6</v>
      </c>
      <c r="D118" s="5">
        <v>7</v>
      </c>
    </row>
    <row r="119" spans="1:4" ht="18" customHeight="1" x14ac:dyDescent="0.15">
      <c r="A119" s="8">
        <v>94</v>
      </c>
      <c r="B119" s="7">
        <v>1</v>
      </c>
      <c r="C119" s="6">
        <v>6</v>
      </c>
      <c r="D119" s="5">
        <v>7</v>
      </c>
    </row>
    <row r="120" spans="1:4" ht="18" customHeight="1" x14ac:dyDescent="0.15">
      <c r="A120" s="8" t="s">
        <v>5</v>
      </c>
      <c r="B120" s="7">
        <v>18</v>
      </c>
      <c r="C120" s="6">
        <v>33</v>
      </c>
      <c r="D120" s="5">
        <v>51</v>
      </c>
    </row>
    <row r="121" spans="1:4" ht="18" customHeight="1" x14ac:dyDescent="0.15">
      <c r="A121" s="8">
        <v>95</v>
      </c>
      <c r="B121" s="7">
        <v>2</v>
      </c>
      <c r="C121" s="6">
        <v>3</v>
      </c>
      <c r="D121" s="5">
        <v>5</v>
      </c>
    </row>
    <row r="122" spans="1:4" ht="18" customHeight="1" x14ac:dyDescent="0.15">
      <c r="A122" s="8">
        <v>96</v>
      </c>
      <c r="B122" s="7">
        <v>1</v>
      </c>
      <c r="C122" s="6">
        <v>5</v>
      </c>
      <c r="D122" s="5">
        <v>6</v>
      </c>
    </row>
    <row r="123" spans="1:4" ht="18" customHeight="1" x14ac:dyDescent="0.15">
      <c r="A123" s="8">
        <v>97</v>
      </c>
      <c r="B123" s="7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7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7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7">
        <v>3</v>
      </c>
      <c r="C126" s="6">
        <v>11</v>
      </c>
      <c r="D126" s="5">
        <v>14</v>
      </c>
    </row>
    <row r="127" spans="1:4" ht="18" customHeight="1" x14ac:dyDescent="0.15">
      <c r="A127" s="8">
        <v>100</v>
      </c>
      <c r="B127" s="7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7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7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7">
        <v>300</v>
      </c>
      <c r="C130" s="6">
        <v>454</v>
      </c>
      <c r="D130" s="5">
        <v>754</v>
      </c>
    </row>
    <row r="131" spans="1:4" ht="18" customHeight="1" x14ac:dyDescent="0.15">
      <c r="A131" s="4" t="s">
        <v>0</v>
      </c>
      <c r="B131" s="3">
        <v>1065</v>
      </c>
      <c r="C131" s="2">
        <v>1198</v>
      </c>
      <c r="D131" s="1">
        <v>226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5" fitToHeight="3" orientation="portrait" horizontalDpi="6553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8291EA-5AA3-4876-BBCB-0F5FCB3B1FB0}">
  <sheetPr codeName="Sheet3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4</v>
      </c>
      <c r="C5" s="11">
        <v>10</v>
      </c>
      <c r="D5" s="10">
        <v>24</v>
      </c>
    </row>
    <row r="6" spans="1:4" ht="18" customHeight="1" x14ac:dyDescent="0.15">
      <c r="A6" s="8">
        <v>1</v>
      </c>
      <c r="B6" s="21">
        <v>13</v>
      </c>
      <c r="C6" s="6">
        <v>14</v>
      </c>
      <c r="D6" s="5">
        <v>27</v>
      </c>
    </row>
    <row r="7" spans="1:4" ht="18" customHeight="1" x14ac:dyDescent="0.15">
      <c r="A7" s="8">
        <v>2</v>
      </c>
      <c r="B7" s="21">
        <v>20</v>
      </c>
      <c r="C7" s="6">
        <v>25</v>
      </c>
      <c r="D7" s="5">
        <v>45</v>
      </c>
    </row>
    <row r="8" spans="1:4" ht="18" customHeight="1" x14ac:dyDescent="0.15">
      <c r="A8" s="8">
        <v>3</v>
      </c>
      <c r="B8" s="21">
        <v>12</v>
      </c>
      <c r="C8" s="6">
        <v>26</v>
      </c>
      <c r="D8" s="5">
        <v>38</v>
      </c>
    </row>
    <row r="9" spans="1:4" ht="18" customHeight="1" x14ac:dyDescent="0.15">
      <c r="A9" s="8">
        <v>4</v>
      </c>
      <c r="B9" s="21">
        <v>24</v>
      </c>
      <c r="C9" s="6">
        <v>19</v>
      </c>
      <c r="D9" s="5">
        <v>43</v>
      </c>
    </row>
    <row r="10" spans="1:4" ht="18" customHeight="1" x14ac:dyDescent="0.15">
      <c r="A10" s="8" t="s">
        <v>25</v>
      </c>
      <c r="B10" s="21">
        <v>83</v>
      </c>
      <c r="C10" s="6">
        <v>94</v>
      </c>
      <c r="D10" s="5">
        <v>177</v>
      </c>
    </row>
    <row r="11" spans="1:4" ht="18" customHeight="1" x14ac:dyDescent="0.15">
      <c r="A11" s="8">
        <v>5</v>
      </c>
      <c r="B11" s="21">
        <v>27</v>
      </c>
      <c r="C11" s="6">
        <v>16</v>
      </c>
      <c r="D11" s="5">
        <v>43</v>
      </c>
    </row>
    <row r="12" spans="1:4" ht="18" customHeight="1" x14ac:dyDescent="0.15">
      <c r="A12" s="8">
        <v>6</v>
      </c>
      <c r="B12" s="21">
        <v>22</v>
      </c>
      <c r="C12" s="6">
        <v>18</v>
      </c>
      <c r="D12" s="5">
        <v>40</v>
      </c>
    </row>
    <row r="13" spans="1:4" ht="18" customHeight="1" x14ac:dyDescent="0.15">
      <c r="A13" s="8">
        <v>7</v>
      </c>
      <c r="B13" s="21">
        <v>17</v>
      </c>
      <c r="C13" s="6">
        <v>16</v>
      </c>
      <c r="D13" s="5">
        <v>33</v>
      </c>
    </row>
    <row r="14" spans="1:4" ht="18" customHeight="1" x14ac:dyDescent="0.15">
      <c r="A14" s="8">
        <v>8</v>
      </c>
      <c r="B14" s="21">
        <v>19</v>
      </c>
      <c r="C14" s="6">
        <v>21</v>
      </c>
      <c r="D14" s="5">
        <v>40</v>
      </c>
    </row>
    <row r="15" spans="1:4" ht="18" customHeight="1" x14ac:dyDescent="0.15">
      <c r="A15" s="8">
        <v>9</v>
      </c>
      <c r="B15" s="21">
        <v>26</v>
      </c>
      <c r="C15" s="6">
        <v>19</v>
      </c>
      <c r="D15" s="5">
        <v>45</v>
      </c>
    </row>
    <row r="16" spans="1:4" ht="18" customHeight="1" x14ac:dyDescent="0.15">
      <c r="A16" s="8" t="s">
        <v>24</v>
      </c>
      <c r="B16" s="21">
        <v>111</v>
      </c>
      <c r="C16" s="6">
        <v>90</v>
      </c>
      <c r="D16" s="5">
        <v>201</v>
      </c>
    </row>
    <row r="17" spans="1:4" ht="18" customHeight="1" x14ac:dyDescent="0.15">
      <c r="A17" s="8">
        <v>10</v>
      </c>
      <c r="B17" s="21">
        <v>23</v>
      </c>
      <c r="C17" s="6">
        <v>19</v>
      </c>
      <c r="D17" s="5">
        <v>42</v>
      </c>
    </row>
    <row r="18" spans="1:4" ht="18" customHeight="1" x14ac:dyDescent="0.15">
      <c r="A18" s="8">
        <v>11</v>
      </c>
      <c r="B18" s="21">
        <v>22</v>
      </c>
      <c r="C18" s="6">
        <v>33</v>
      </c>
      <c r="D18" s="5">
        <v>55</v>
      </c>
    </row>
    <row r="19" spans="1:4" ht="18" customHeight="1" x14ac:dyDescent="0.15">
      <c r="A19" s="8">
        <v>12</v>
      </c>
      <c r="B19" s="21">
        <v>21</v>
      </c>
      <c r="C19" s="6">
        <v>25</v>
      </c>
      <c r="D19" s="5">
        <v>46</v>
      </c>
    </row>
    <row r="20" spans="1:4" ht="18" customHeight="1" x14ac:dyDescent="0.15">
      <c r="A20" s="8">
        <v>13</v>
      </c>
      <c r="B20" s="21">
        <v>27</v>
      </c>
      <c r="C20" s="6">
        <v>25</v>
      </c>
      <c r="D20" s="5">
        <v>52</v>
      </c>
    </row>
    <row r="21" spans="1:4" ht="18" customHeight="1" x14ac:dyDescent="0.15">
      <c r="A21" s="8">
        <v>14</v>
      </c>
      <c r="B21" s="21">
        <v>16</v>
      </c>
      <c r="C21" s="6">
        <v>22</v>
      </c>
      <c r="D21" s="5">
        <v>38</v>
      </c>
    </row>
    <row r="22" spans="1:4" ht="18" customHeight="1" x14ac:dyDescent="0.15">
      <c r="A22" s="8" t="s">
        <v>23</v>
      </c>
      <c r="B22" s="21">
        <v>109</v>
      </c>
      <c r="C22" s="6">
        <v>124</v>
      </c>
      <c r="D22" s="5">
        <v>233</v>
      </c>
    </row>
    <row r="23" spans="1:4" ht="18" customHeight="1" x14ac:dyDescent="0.15">
      <c r="A23" s="8" t="s">
        <v>22</v>
      </c>
      <c r="B23" s="21">
        <v>303</v>
      </c>
      <c r="C23" s="6">
        <v>308</v>
      </c>
      <c r="D23" s="5">
        <v>611</v>
      </c>
    </row>
    <row r="24" spans="1:4" ht="18" customHeight="1" x14ac:dyDescent="0.15">
      <c r="A24" s="8">
        <v>15</v>
      </c>
      <c r="B24" s="21">
        <v>20</v>
      </c>
      <c r="C24" s="6">
        <v>24</v>
      </c>
      <c r="D24" s="5">
        <v>44</v>
      </c>
    </row>
    <row r="25" spans="1:4" ht="18" customHeight="1" x14ac:dyDescent="0.15">
      <c r="A25" s="8">
        <v>16</v>
      </c>
      <c r="B25" s="21">
        <v>24</v>
      </c>
      <c r="C25" s="6">
        <v>29</v>
      </c>
      <c r="D25" s="5">
        <v>53</v>
      </c>
    </row>
    <row r="26" spans="1:4" ht="18" customHeight="1" x14ac:dyDescent="0.15">
      <c r="A26" s="8">
        <v>17</v>
      </c>
      <c r="B26" s="21">
        <v>28</v>
      </c>
      <c r="C26" s="6">
        <v>25</v>
      </c>
      <c r="D26" s="5">
        <v>53</v>
      </c>
    </row>
    <row r="27" spans="1:4" ht="18" customHeight="1" x14ac:dyDescent="0.15">
      <c r="A27" s="8">
        <v>18</v>
      </c>
      <c r="B27" s="21">
        <v>15</v>
      </c>
      <c r="C27" s="6">
        <v>25</v>
      </c>
      <c r="D27" s="5">
        <v>40</v>
      </c>
    </row>
    <row r="28" spans="1:4" ht="18" customHeight="1" x14ac:dyDescent="0.15">
      <c r="A28" s="8">
        <v>19</v>
      </c>
      <c r="B28" s="21">
        <v>31</v>
      </c>
      <c r="C28" s="6">
        <v>23</v>
      </c>
      <c r="D28" s="5">
        <v>54</v>
      </c>
    </row>
    <row r="29" spans="1:4" ht="18" customHeight="1" x14ac:dyDescent="0.15">
      <c r="A29" s="8" t="s">
        <v>21</v>
      </c>
      <c r="B29" s="21">
        <v>118</v>
      </c>
      <c r="C29" s="6">
        <v>126</v>
      </c>
      <c r="D29" s="5">
        <v>244</v>
      </c>
    </row>
    <row r="30" spans="1:4" ht="18" customHeight="1" x14ac:dyDescent="0.15">
      <c r="A30" s="8">
        <v>20</v>
      </c>
      <c r="B30" s="21">
        <v>26</v>
      </c>
      <c r="C30" s="6">
        <v>20</v>
      </c>
      <c r="D30" s="5">
        <v>46</v>
      </c>
    </row>
    <row r="31" spans="1:4" ht="18" customHeight="1" x14ac:dyDescent="0.15">
      <c r="A31" s="8">
        <v>21</v>
      </c>
      <c r="B31" s="21">
        <v>24</v>
      </c>
      <c r="C31" s="6">
        <v>34</v>
      </c>
      <c r="D31" s="5">
        <v>58</v>
      </c>
    </row>
    <row r="32" spans="1:4" ht="18" customHeight="1" x14ac:dyDescent="0.15">
      <c r="A32" s="8">
        <v>22</v>
      </c>
      <c r="B32" s="21">
        <v>19</v>
      </c>
      <c r="C32" s="6">
        <v>26</v>
      </c>
      <c r="D32" s="5">
        <v>45</v>
      </c>
    </row>
    <row r="33" spans="1:4" ht="18" customHeight="1" x14ac:dyDescent="0.15">
      <c r="A33" s="8">
        <v>23</v>
      </c>
      <c r="B33" s="21">
        <v>32</v>
      </c>
      <c r="C33" s="6">
        <v>24</v>
      </c>
      <c r="D33" s="5">
        <v>56</v>
      </c>
    </row>
    <row r="34" spans="1:4" ht="18" customHeight="1" x14ac:dyDescent="0.15">
      <c r="A34" s="8">
        <v>24</v>
      </c>
      <c r="B34" s="21">
        <v>34</v>
      </c>
      <c r="C34" s="6">
        <v>14</v>
      </c>
      <c r="D34" s="5">
        <v>48</v>
      </c>
    </row>
    <row r="35" spans="1:4" ht="18" customHeight="1" x14ac:dyDescent="0.15">
      <c r="A35" s="8" t="s">
        <v>20</v>
      </c>
      <c r="B35" s="21">
        <v>135</v>
      </c>
      <c r="C35" s="6">
        <v>118</v>
      </c>
      <c r="D35" s="5">
        <v>253</v>
      </c>
    </row>
    <row r="36" spans="1:4" ht="18" customHeight="1" x14ac:dyDescent="0.15">
      <c r="A36" s="8">
        <v>25</v>
      </c>
      <c r="B36" s="21">
        <v>29</v>
      </c>
      <c r="C36" s="6">
        <v>22</v>
      </c>
      <c r="D36" s="5">
        <v>51</v>
      </c>
    </row>
    <row r="37" spans="1:4" ht="18" customHeight="1" x14ac:dyDescent="0.15">
      <c r="A37" s="8">
        <v>26</v>
      </c>
      <c r="B37" s="21">
        <v>20</v>
      </c>
      <c r="C37" s="6">
        <v>28</v>
      </c>
      <c r="D37" s="5">
        <v>48</v>
      </c>
    </row>
    <row r="38" spans="1:4" ht="18" customHeight="1" x14ac:dyDescent="0.15">
      <c r="A38" s="8">
        <v>27</v>
      </c>
      <c r="B38" s="21">
        <v>31</v>
      </c>
      <c r="C38" s="6">
        <v>22</v>
      </c>
      <c r="D38" s="5">
        <v>53</v>
      </c>
    </row>
    <row r="39" spans="1:4" ht="18" customHeight="1" x14ac:dyDescent="0.15">
      <c r="A39" s="8">
        <v>28</v>
      </c>
      <c r="B39" s="21">
        <v>25</v>
      </c>
      <c r="C39" s="6">
        <v>25</v>
      </c>
      <c r="D39" s="5">
        <v>50</v>
      </c>
    </row>
    <row r="40" spans="1:4" ht="18" customHeight="1" x14ac:dyDescent="0.15">
      <c r="A40" s="8">
        <v>29</v>
      </c>
      <c r="B40" s="21">
        <v>36</v>
      </c>
      <c r="C40" s="6">
        <v>22</v>
      </c>
      <c r="D40" s="5">
        <v>58</v>
      </c>
    </row>
    <row r="41" spans="1:4" ht="18" customHeight="1" x14ac:dyDescent="0.15">
      <c r="A41" s="8" t="s">
        <v>19</v>
      </c>
      <c r="B41" s="21">
        <v>141</v>
      </c>
      <c r="C41" s="6">
        <v>119</v>
      </c>
      <c r="D41" s="5">
        <v>260</v>
      </c>
    </row>
    <row r="42" spans="1:4" ht="18" customHeight="1" x14ac:dyDescent="0.15">
      <c r="A42" s="8">
        <v>30</v>
      </c>
      <c r="B42" s="21">
        <v>29</v>
      </c>
      <c r="C42" s="6">
        <v>22</v>
      </c>
      <c r="D42" s="5">
        <v>51</v>
      </c>
    </row>
    <row r="43" spans="1:4" ht="18" customHeight="1" x14ac:dyDescent="0.15">
      <c r="A43" s="8">
        <v>31</v>
      </c>
      <c r="B43" s="21">
        <v>34</v>
      </c>
      <c r="C43" s="6">
        <v>22</v>
      </c>
      <c r="D43" s="5">
        <v>56</v>
      </c>
    </row>
    <row r="44" spans="1:4" ht="18" customHeight="1" x14ac:dyDescent="0.15">
      <c r="A44" s="8">
        <v>32</v>
      </c>
      <c r="B44" s="21">
        <v>22</v>
      </c>
      <c r="C44" s="6">
        <v>28</v>
      </c>
      <c r="D44" s="5">
        <v>50</v>
      </c>
    </row>
    <row r="45" spans="1:4" ht="18" customHeight="1" x14ac:dyDescent="0.15">
      <c r="A45" s="8">
        <v>33</v>
      </c>
      <c r="B45" s="21">
        <v>38</v>
      </c>
      <c r="C45" s="6">
        <v>29</v>
      </c>
      <c r="D45" s="5">
        <v>67</v>
      </c>
    </row>
    <row r="46" spans="1:4" ht="18" customHeight="1" x14ac:dyDescent="0.15">
      <c r="A46" s="8">
        <v>34</v>
      </c>
      <c r="B46" s="21">
        <v>29</v>
      </c>
      <c r="C46" s="6">
        <v>18</v>
      </c>
      <c r="D46" s="5">
        <v>47</v>
      </c>
    </row>
    <row r="47" spans="1:4" ht="18" customHeight="1" x14ac:dyDescent="0.15">
      <c r="A47" s="8" t="s">
        <v>18</v>
      </c>
      <c r="B47" s="21">
        <v>152</v>
      </c>
      <c r="C47" s="6">
        <v>119</v>
      </c>
      <c r="D47" s="5">
        <v>271</v>
      </c>
    </row>
    <row r="48" spans="1:4" ht="18" customHeight="1" x14ac:dyDescent="0.15">
      <c r="A48" s="8">
        <v>35</v>
      </c>
      <c r="B48" s="21">
        <v>38</v>
      </c>
      <c r="C48" s="6">
        <v>30</v>
      </c>
      <c r="D48" s="5">
        <v>68</v>
      </c>
    </row>
    <row r="49" spans="1:4" ht="18" customHeight="1" x14ac:dyDescent="0.15">
      <c r="A49" s="8">
        <v>36</v>
      </c>
      <c r="B49" s="21">
        <v>19</v>
      </c>
      <c r="C49" s="6">
        <v>28</v>
      </c>
      <c r="D49" s="5">
        <v>47</v>
      </c>
    </row>
    <row r="50" spans="1:4" ht="18" customHeight="1" x14ac:dyDescent="0.15">
      <c r="A50" s="8">
        <v>37</v>
      </c>
      <c r="B50" s="21">
        <v>34</v>
      </c>
      <c r="C50" s="6">
        <v>23</v>
      </c>
      <c r="D50" s="5">
        <v>57</v>
      </c>
    </row>
    <row r="51" spans="1:4" ht="18" customHeight="1" x14ac:dyDescent="0.15">
      <c r="A51" s="8">
        <v>38</v>
      </c>
      <c r="B51" s="21">
        <v>35</v>
      </c>
      <c r="C51" s="6">
        <v>29</v>
      </c>
      <c r="D51" s="5">
        <v>64</v>
      </c>
    </row>
    <row r="52" spans="1:4" ht="18" customHeight="1" x14ac:dyDescent="0.15">
      <c r="A52" s="8">
        <v>39</v>
      </c>
      <c r="B52" s="21">
        <v>48</v>
      </c>
      <c r="C52" s="6">
        <v>33</v>
      </c>
      <c r="D52" s="5">
        <v>81</v>
      </c>
    </row>
    <row r="53" spans="1:4" ht="18" customHeight="1" x14ac:dyDescent="0.15">
      <c r="A53" s="8" t="s">
        <v>17</v>
      </c>
      <c r="B53" s="21">
        <v>174</v>
      </c>
      <c r="C53" s="6">
        <v>143</v>
      </c>
      <c r="D53" s="5">
        <v>317</v>
      </c>
    </row>
    <row r="54" spans="1:4" ht="18" customHeight="1" x14ac:dyDescent="0.15">
      <c r="A54" s="8">
        <v>40</v>
      </c>
      <c r="B54" s="21">
        <v>31</v>
      </c>
      <c r="C54" s="6">
        <v>28</v>
      </c>
      <c r="D54" s="5">
        <v>59</v>
      </c>
    </row>
    <row r="55" spans="1:4" ht="18" customHeight="1" x14ac:dyDescent="0.15">
      <c r="A55" s="8">
        <v>41</v>
      </c>
      <c r="B55" s="21">
        <v>28</v>
      </c>
      <c r="C55" s="6">
        <v>35</v>
      </c>
      <c r="D55" s="5">
        <v>63</v>
      </c>
    </row>
    <row r="56" spans="1:4" ht="18" customHeight="1" x14ac:dyDescent="0.15">
      <c r="A56" s="8">
        <v>42</v>
      </c>
      <c r="B56" s="21">
        <v>35</v>
      </c>
      <c r="C56" s="6">
        <v>28</v>
      </c>
      <c r="D56" s="5">
        <v>63</v>
      </c>
    </row>
    <row r="57" spans="1:4" ht="18" customHeight="1" x14ac:dyDescent="0.15">
      <c r="A57" s="8">
        <v>43</v>
      </c>
      <c r="B57" s="21">
        <v>37</v>
      </c>
      <c r="C57" s="6">
        <v>29</v>
      </c>
      <c r="D57" s="5">
        <v>66</v>
      </c>
    </row>
    <row r="58" spans="1:4" ht="18" customHeight="1" x14ac:dyDescent="0.15">
      <c r="A58" s="8">
        <v>44</v>
      </c>
      <c r="B58" s="21">
        <v>34</v>
      </c>
      <c r="C58" s="6">
        <v>35</v>
      </c>
      <c r="D58" s="5">
        <v>69</v>
      </c>
    </row>
    <row r="59" spans="1:4" ht="18" customHeight="1" x14ac:dyDescent="0.15">
      <c r="A59" s="8" t="s">
        <v>16</v>
      </c>
      <c r="B59" s="21">
        <v>165</v>
      </c>
      <c r="C59" s="6">
        <v>155</v>
      </c>
      <c r="D59" s="5">
        <v>320</v>
      </c>
    </row>
    <row r="60" spans="1:4" ht="18" customHeight="1" x14ac:dyDescent="0.15">
      <c r="A60" s="8">
        <v>45</v>
      </c>
      <c r="B60" s="21">
        <v>35</v>
      </c>
      <c r="C60" s="6">
        <v>33</v>
      </c>
      <c r="D60" s="5">
        <v>68</v>
      </c>
    </row>
    <row r="61" spans="1:4" ht="18" customHeight="1" x14ac:dyDescent="0.15">
      <c r="A61" s="8">
        <v>46</v>
      </c>
      <c r="B61" s="21">
        <v>31</v>
      </c>
      <c r="C61" s="6">
        <v>32</v>
      </c>
      <c r="D61" s="5">
        <v>63</v>
      </c>
    </row>
    <row r="62" spans="1:4" ht="18" customHeight="1" x14ac:dyDescent="0.15">
      <c r="A62" s="8">
        <v>47</v>
      </c>
      <c r="B62" s="21">
        <v>38</v>
      </c>
      <c r="C62" s="6">
        <v>37</v>
      </c>
      <c r="D62" s="5">
        <v>75</v>
      </c>
    </row>
    <row r="63" spans="1:4" ht="18" customHeight="1" x14ac:dyDescent="0.15">
      <c r="A63" s="8">
        <v>48</v>
      </c>
      <c r="B63" s="21">
        <v>54</v>
      </c>
      <c r="C63" s="6">
        <v>36</v>
      </c>
      <c r="D63" s="5">
        <v>90</v>
      </c>
    </row>
    <row r="64" spans="1:4" ht="18" customHeight="1" x14ac:dyDescent="0.15">
      <c r="A64" s="8">
        <v>49</v>
      </c>
      <c r="B64" s="21">
        <v>40</v>
      </c>
      <c r="C64" s="6">
        <v>43</v>
      </c>
      <c r="D64" s="5">
        <v>83</v>
      </c>
    </row>
    <row r="65" spans="1:4" ht="18" customHeight="1" x14ac:dyDescent="0.15">
      <c r="A65" s="8" t="s">
        <v>15</v>
      </c>
      <c r="B65" s="21">
        <v>198</v>
      </c>
      <c r="C65" s="6">
        <v>181</v>
      </c>
      <c r="D65" s="5">
        <v>379</v>
      </c>
    </row>
    <row r="66" spans="1:4" ht="18" customHeight="1" x14ac:dyDescent="0.15">
      <c r="A66" s="8">
        <v>50</v>
      </c>
      <c r="B66" s="21">
        <v>50</v>
      </c>
      <c r="C66" s="6">
        <v>43</v>
      </c>
      <c r="D66" s="5">
        <v>93</v>
      </c>
    </row>
    <row r="67" spans="1:4" ht="18" customHeight="1" x14ac:dyDescent="0.15">
      <c r="A67" s="8">
        <v>51</v>
      </c>
      <c r="B67" s="21">
        <v>35</v>
      </c>
      <c r="C67" s="6">
        <v>44</v>
      </c>
      <c r="D67" s="5">
        <v>79</v>
      </c>
    </row>
    <row r="68" spans="1:4" ht="18" customHeight="1" x14ac:dyDescent="0.15">
      <c r="A68" s="8">
        <v>52</v>
      </c>
      <c r="B68" s="21">
        <v>53</v>
      </c>
      <c r="C68" s="6">
        <v>49</v>
      </c>
      <c r="D68" s="5">
        <v>102</v>
      </c>
    </row>
    <row r="69" spans="1:4" ht="18" customHeight="1" x14ac:dyDescent="0.15">
      <c r="A69" s="8">
        <v>53</v>
      </c>
      <c r="B69" s="21">
        <v>48</v>
      </c>
      <c r="C69" s="6">
        <v>40</v>
      </c>
      <c r="D69" s="5">
        <v>88</v>
      </c>
    </row>
    <row r="70" spans="1:4" ht="18" customHeight="1" x14ac:dyDescent="0.15">
      <c r="A70" s="8">
        <v>54</v>
      </c>
      <c r="B70" s="21">
        <v>43</v>
      </c>
      <c r="C70" s="6">
        <v>47</v>
      </c>
      <c r="D70" s="5">
        <v>90</v>
      </c>
    </row>
    <row r="71" spans="1:4" ht="18" customHeight="1" x14ac:dyDescent="0.15">
      <c r="A71" s="8" t="s">
        <v>14</v>
      </c>
      <c r="B71" s="21">
        <v>229</v>
      </c>
      <c r="C71" s="6">
        <v>223</v>
      </c>
      <c r="D71" s="5">
        <v>452</v>
      </c>
    </row>
    <row r="72" spans="1:4" ht="18" customHeight="1" x14ac:dyDescent="0.15">
      <c r="A72" s="8">
        <v>55</v>
      </c>
      <c r="B72" s="21">
        <v>51</v>
      </c>
      <c r="C72" s="6">
        <v>32</v>
      </c>
      <c r="D72" s="5">
        <v>83</v>
      </c>
    </row>
    <row r="73" spans="1:4" ht="18" customHeight="1" x14ac:dyDescent="0.15">
      <c r="A73" s="8">
        <v>56</v>
      </c>
      <c r="B73" s="21">
        <v>51</v>
      </c>
      <c r="C73" s="6">
        <v>37</v>
      </c>
      <c r="D73" s="5">
        <v>88</v>
      </c>
    </row>
    <row r="74" spans="1:4" ht="18" customHeight="1" x14ac:dyDescent="0.15">
      <c r="A74" s="8">
        <v>57</v>
      </c>
      <c r="B74" s="21">
        <v>46</v>
      </c>
      <c r="C74" s="6">
        <v>42</v>
      </c>
      <c r="D74" s="5">
        <v>88</v>
      </c>
    </row>
    <row r="75" spans="1:4" ht="18" customHeight="1" x14ac:dyDescent="0.15">
      <c r="A75" s="8">
        <v>58</v>
      </c>
      <c r="B75" s="21">
        <v>34</v>
      </c>
      <c r="C75" s="6">
        <v>37</v>
      </c>
      <c r="D75" s="5">
        <v>71</v>
      </c>
    </row>
    <row r="76" spans="1:4" ht="18" customHeight="1" x14ac:dyDescent="0.15">
      <c r="A76" s="8">
        <v>59</v>
      </c>
      <c r="B76" s="21">
        <v>28</v>
      </c>
      <c r="C76" s="6">
        <v>33</v>
      </c>
      <c r="D76" s="5">
        <v>61</v>
      </c>
    </row>
    <row r="77" spans="1:4" ht="18" customHeight="1" x14ac:dyDescent="0.15">
      <c r="A77" s="8" t="s">
        <v>13</v>
      </c>
      <c r="B77" s="21">
        <v>210</v>
      </c>
      <c r="C77" s="6">
        <v>181</v>
      </c>
      <c r="D77" s="5">
        <v>391</v>
      </c>
    </row>
    <row r="78" spans="1:4" ht="18" customHeight="1" x14ac:dyDescent="0.15">
      <c r="A78" s="8">
        <v>60</v>
      </c>
      <c r="B78" s="21">
        <v>40</v>
      </c>
      <c r="C78" s="6">
        <v>37</v>
      </c>
      <c r="D78" s="5">
        <v>77</v>
      </c>
    </row>
    <row r="79" spans="1:4" ht="18" customHeight="1" x14ac:dyDescent="0.15">
      <c r="A79" s="8">
        <v>61</v>
      </c>
      <c r="B79" s="21">
        <v>40</v>
      </c>
      <c r="C79" s="6">
        <v>39</v>
      </c>
      <c r="D79" s="5">
        <v>79</v>
      </c>
    </row>
    <row r="80" spans="1:4" ht="18" customHeight="1" x14ac:dyDescent="0.15">
      <c r="A80" s="8">
        <v>62</v>
      </c>
      <c r="B80" s="21">
        <v>42</v>
      </c>
      <c r="C80" s="6">
        <v>32</v>
      </c>
      <c r="D80" s="5">
        <v>74</v>
      </c>
    </row>
    <row r="81" spans="1:4" ht="18" customHeight="1" x14ac:dyDescent="0.15">
      <c r="A81" s="8">
        <v>63</v>
      </c>
      <c r="B81" s="21">
        <v>26</v>
      </c>
      <c r="C81" s="6">
        <v>25</v>
      </c>
      <c r="D81" s="5">
        <v>51</v>
      </c>
    </row>
    <row r="82" spans="1:4" ht="18" customHeight="1" x14ac:dyDescent="0.15">
      <c r="A82" s="8">
        <v>64</v>
      </c>
      <c r="B82" s="21">
        <v>30</v>
      </c>
      <c r="C82" s="6">
        <v>32</v>
      </c>
      <c r="D82" s="5">
        <v>62</v>
      </c>
    </row>
    <row r="83" spans="1:4" ht="18" customHeight="1" x14ac:dyDescent="0.15">
      <c r="A83" s="8" t="s">
        <v>12</v>
      </c>
      <c r="B83" s="21">
        <v>178</v>
      </c>
      <c r="C83" s="6">
        <v>165</v>
      </c>
      <c r="D83" s="5">
        <v>343</v>
      </c>
    </row>
    <row r="84" spans="1:4" ht="18" customHeight="1" x14ac:dyDescent="0.15">
      <c r="A84" s="8" t="s">
        <v>11</v>
      </c>
      <c r="B84" s="21">
        <v>1700</v>
      </c>
      <c r="C84" s="6">
        <v>1530</v>
      </c>
      <c r="D84" s="5">
        <v>3230</v>
      </c>
    </row>
    <row r="85" spans="1:4" ht="18" customHeight="1" x14ac:dyDescent="0.15">
      <c r="A85" s="8">
        <v>65</v>
      </c>
      <c r="B85" s="21">
        <v>27</v>
      </c>
      <c r="C85" s="6">
        <v>37</v>
      </c>
      <c r="D85" s="5">
        <v>64</v>
      </c>
    </row>
    <row r="86" spans="1:4" ht="18" customHeight="1" x14ac:dyDescent="0.15">
      <c r="A86" s="8">
        <v>66</v>
      </c>
      <c r="B86" s="21">
        <v>32</v>
      </c>
      <c r="C86" s="6">
        <v>36</v>
      </c>
      <c r="D86" s="5">
        <v>68</v>
      </c>
    </row>
    <row r="87" spans="1:4" ht="18" customHeight="1" x14ac:dyDescent="0.15">
      <c r="A87" s="8">
        <v>67</v>
      </c>
      <c r="B87" s="21">
        <v>28</v>
      </c>
      <c r="C87" s="6">
        <v>33</v>
      </c>
      <c r="D87" s="5">
        <v>61</v>
      </c>
    </row>
    <row r="88" spans="1:4" ht="18" customHeight="1" x14ac:dyDescent="0.15">
      <c r="A88" s="8">
        <v>68</v>
      </c>
      <c r="B88" s="21">
        <v>25</v>
      </c>
      <c r="C88" s="6">
        <v>31</v>
      </c>
      <c r="D88" s="5">
        <v>56</v>
      </c>
    </row>
    <row r="89" spans="1:4" ht="18" customHeight="1" x14ac:dyDescent="0.15">
      <c r="A89" s="8">
        <v>69</v>
      </c>
      <c r="B89" s="21">
        <v>34</v>
      </c>
      <c r="C89" s="6">
        <v>46</v>
      </c>
      <c r="D89" s="5">
        <v>80</v>
      </c>
    </row>
    <row r="90" spans="1:4" ht="18" customHeight="1" x14ac:dyDescent="0.15">
      <c r="A90" s="8" t="s">
        <v>10</v>
      </c>
      <c r="B90" s="21">
        <v>146</v>
      </c>
      <c r="C90" s="6">
        <v>183</v>
      </c>
      <c r="D90" s="5">
        <v>329</v>
      </c>
    </row>
    <row r="91" spans="1:4" ht="18" customHeight="1" x14ac:dyDescent="0.15">
      <c r="A91" s="8">
        <v>70</v>
      </c>
      <c r="B91" s="21">
        <v>39</v>
      </c>
      <c r="C91" s="6">
        <v>36</v>
      </c>
      <c r="D91" s="5">
        <v>75</v>
      </c>
    </row>
    <row r="92" spans="1:4" ht="18" customHeight="1" x14ac:dyDescent="0.15">
      <c r="A92" s="8">
        <v>71</v>
      </c>
      <c r="B92" s="21">
        <v>44</v>
      </c>
      <c r="C92" s="6">
        <v>31</v>
      </c>
      <c r="D92" s="5">
        <v>75</v>
      </c>
    </row>
    <row r="93" spans="1:4" ht="18" customHeight="1" x14ac:dyDescent="0.15">
      <c r="A93" s="8">
        <v>72</v>
      </c>
      <c r="B93" s="21">
        <v>43</v>
      </c>
      <c r="C93" s="6">
        <v>41</v>
      </c>
      <c r="D93" s="5">
        <v>84</v>
      </c>
    </row>
    <row r="94" spans="1:4" ht="18" customHeight="1" x14ac:dyDescent="0.15">
      <c r="A94" s="8">
        <v>73</v>
      </c>
      <c r="B94" s="21">
        <v>37</v>
      </c>
      <c r="C94" s="6">
        <v>35</v>
      </c>
      <c r="D94" s="5">
        <v>72</v>
      </c>
    </row>
    <row r="95" spans="1:4" ht="18" customHeight="1" x14ac:dyDescent="0.15">
      <c r="A95" s="8">
        <v>74</v>
      </c>
      <c r="B95" s="21">
        <v>38</v>
      </c>
      <c r="C95" s="6">
        <v>55</v>
      </c>
      <c r="D95" s="5">
        <v>93</v>
      </c>
    </row>
    <row r="96" spans="1:4" ht="18" customHeight="1" x14ac:dyDescent="0.15">
      <c r="A96" s="8" t="s">
        <v>9</v>
      </c>
      <c r="B96" s="21">
        <v>201</v>
      </c>
      <c r="C96" s="6">
        <v>198</v>
      </c>
      <c r="D96" s="5">
        <v>399</v>
      </c>
    </row>
    <row r="97" spans="1:4" ht="18" customHeight="1" x14ac:dyDescent="0.15">
      <c r="A97" s="8">
        <v>75</v>
      </c>
      <c r="B97" s="21">
        <v>38</v>
      </c>
      <c r="C97" s="6">
        <v>49</v>
      </c>
      <c r="D97" s="5">
        <v>87</v>
      </c>
    </row>
    <row r="98" spans="1:4" ht="18" customHeight="1" x14ac:dyDescent="0.15">
      <c r="A98" s="8">
        <v>76</v>
      </c>
      <c r="B98" s="21">
        <v>52</v>
      </c>
      <c r="C98" s="6">
        <v>52</v>
      </c>
      <c r="D98" s="5">
        <v>104</v>
      </c>
    </row>
    <row r="99" spans="1:4" ht="18" customHeight="1" x14ac:dyDescent="0.15">
      <c r="A99" s="8">
        <v>77</v>
      </c>
      <c r="B99" s="21">
        <v>42</v>
      </c>
      <c r="C99" s="6">
        <v>64</v>
      </c>
      <c r="D99" s="5">
        <v>106</v>
      </c>
    </row>
    <row r="100" spans="1:4" ht="18" customHeight="1" x14ac:dyDescent="0.15">
      <c r="A100" s="8">
        <v>78</v>
      </c>
      <c r="B100" s="21">
        <v>39</v>
      </c>
      <c r="C100" s="6">
        <v>55</v>
      </c>
      <c r="D100" s="5">
        <v>94</v>
      </c>
    </row>
    <row r="101" spans="1:4" ht="18" customHeight="1" x14ac:dyDescent="0.15">
      <c r="A101" s="8">
        <v>79</v>
      </c>
      <c r="B101" s="21">
        <v>17</v>
      </c>
      <c r="C101" s="6">
        <v>35</v>
      </c>
      <c r="D101" s="5">
        <v>52</v>
      </c>
    </row>
    <row r="102" spans="1:4" ht="18" customHeight="1" x14ac:dyDescent="0.15">
      <c r="A102" s="8" t="s">
        <v>8</v>
      </c>
      <c r="B102" s="21">
        <v>188</v>
      </c>
      <c r="C102" s="6">
        <v>255</v>
      </c>
      <c r="D102" s="5">
        <v>443</v>
      </c>
    </row>
    <row r="103" spans="1:4" ht="18" customHeight="1" x14ac:dyDescent="0.15">
      <c r="A103" s="8">
        <v>80</v>
      </c>
      <c r="B103" s="21">
        <v>24</v>
      </c>
      <c r="C103" s="6">
        <v>27</v>
      </c>
      <c r="D103" s="5">
        <v>51</v>
      </c>
    </row>
    <row r="104" spans="1:4" ht="18" customHeight="1" x14ac:dyDescent="0.15">
      <c r="A104" s="8">
        <v>81</v>
      </c>
      <c r="B104" s="21">
        <v>38</v>
      </c>
      <c r="C104" s="6">
        <v>45</v>
      </c>
      <c r="D104" s="5">
        <v>83</v>
      </c>
    </row>
    <row r="105" spans="1:4" ht="18" customHeight="1" x14ac:dyDescent="0.15">
      <c r="A105" s="8">
        <v>82</v>
      </c>
      <c r="B105" s="21">
        <v>31</v>
      </c>
      <c r="C105" s="6">
        <v>35</v>
      </c>
      <c r="D105" s="5">
        <v>66</v>
      </c>
    </row>
    <row r="106" spans="1:4" ht="18" customHeight="1" x14ac:dyDescent="0.15">
      <c r="A106" s="8">
        <v>83</v>
      </c>
      <c r="B106" s="21">
        <v>31</v>
      </c>
      <c r="C106" s="6">
        <v>39</v>
      </c>
      <c r="D106" s="5">
        <v>70</v>
      </c>
    </row>
    <row r="107" spans="1:4" ht="18" customHeight="1" x14ac:dyDescent="0.15">
      <c r="A107" s="8">
        <v>84</v>
      </c>
      <c r="B107" s="21">
        <v>20</v>
      </c>
      <c r="C107" s="6">
        <v>33</v>
      </c>
      <c r="D107" s="5">
        <v>53</v>
      </c>
    </row>
    <row r="108" spans="1:4" ht="18" customHeight="1" x14ac:dyDescent="0.15">
      <c r="A108" s="8" t="s">
        <v>7</v>
      </c>
      <c r="B108" s="21">
        <v>144</v>
      </c>
      <c r="C108" s="6">
        <v>179</v>
      </c>
      <c r="D108" s="5">
        <v>323</v>
      </c>
    </row>
    <row r="109" spans="1:4" ht="18" customHeight="1" x14ac:dyDescent="0.15">
      <c r="A109" s="8">
        <v>85</v>
      </c>
      <c r="B109" s="21">
        <v>19</v>
      </c>
      <c r="C109" s="6">
        <v>29</v>
      </c>
      <c r="D109" s="5">
        <v>48</v>
      </c>
    </row>
    <row r="110" spans="1:4" ht="18" customHeight="1" x14ac:dyDescent="0.15">
      <c r="A110" s="8">
        <v>86</v>
      </c>
      <c r="B110" s="21">
        <v>12</v>
      </c>
      <c r="C110" s="6">
        <v>24</v>
      </c>
      <c r="D110" s="5">
        <v>36</v>
      </c>
    </row>
    <row r="111" spans="1:4" ht="18" customHeight="1" x14ac:dyDescent="0.15">
      <c r="A111" s="8">
        <v>87</v>
      </c>
      <c r="B111" s="21">
        <v>13</v>
      </c>
      <c r="C111" s="6">
        <v>19</v>
      </c>
      <c r="D111" s="5">
        <v>32</v>
      </c>
    </row>
    <row r="112" spans="1:4" ht="18" customHeight="1" x14ac:dyDescent="0.15">
      <c r="A112" s="8">
        <v>88</v>
      </c>
      <c r="B112" s="21">
        <v>10</v>
      </c>
      <c r="C112" s="6">
        <v>17</v>
      </c>
      <c r="D112" s="5">
        <v>27</v>
      </c>
    </row>
    <row r="113" spans="1:4" ht="18" customHeight="1" x14ac:dyDescent="0.15">
      <c r="A113" s="8">
        <v>89</v>
      </c>
      <c r="B113" s="21">
        <v>10</v>
      </c>
      <c r="C113" s="6">
        <v>21</v>
      </c>
      <c r="D113" s="5">
        <v>31</v>
      </c>
    </row>
    <row r="114" spans="1:4" ht="18" customHeight="1" x14ac:dyDescent="0.15">
      <c r="A114" s="8" t="s">
        <v>6</v>
      </c>
      <c r="B114" s="21">
        <v>64</v>
      </c>
      <c r="C114" s="6">
        <v>110</v>
      </c>
      <c r="D114" s="5">
        <v>174</v>
      </c>
    </row>
    <row r="115" spans="1:4" ht="18" customHeight="1" x14ac:dyDescent="0.15">
      <c r="A115" s="8">
        <v>90</v>
      </c>
      <c r="B115" s="21">
        <v>8</v>
      </c>
      <c r="C115" s="6">
        <v>27</v>
      </c>
      <c r="D115" s="5">
        <v>35</v>
      </c>
    </row>
    <row r="116" spans="1:4" ht="18" customHeight="1" x14ac:dyDescent="0.15">
      <c r="A116" s="8">
        <v>91</v>
      </c>
      <c r="B116" s="21">
        <v>3</v>
      </c>
      <c r="C116" s="6">
        <v>19</v>
      </c>
      <c r="D116" s="5">
        <v>22</v>
      </c>
    </row>
    <row r="117" spans="1:4" ht="18" customHeight="1" x14ac:dyDescent="0.15">
      <c r="A117" s="8">
        <v>92</v>
      </c>
      <c r="B117" s="21">
        <v>6</v>
      </c>
      <c r="C117" s="6">
        <v>14</v>
      </c>
      <c r="D117" s="5">
        <v>20</v>
      </c>
    </row>
    <row r="118" spans="1:4" ht="18" customHeight="1" x14ac:dyDescent="0.15">
      <c r="A118" s="8">
        <v>93</v>
      </c>
      <c r="B118" s="21">
        <v>9</v>
      </c>
      <c r="C118" s="6">
        <v>14</v>
      </c>
      <c r="D118" s="5">
        <v>23</v>
      </c>
    </row>
    <row r="119" spans="1:4" ht="18" customHeight="1" x14ac:dyDescent="0.15">
      <c r="A119" s="8">
        <v>94</v>
      </c>
      <c r="B119" s="21">
        <v>4</v>
      </c>
      <c r="C119" s="6">
        <v>9</v>
      </c>
      <c r="D119" s="5">
        <v>13</v>
      </c>
    </row>
    <row r="120" spans="1:4" ht="18" customHeight="1" x14ac:dyDescent="0.15">
      <c r="A120" s="8" t="s">
        <v>5</v>
      </c>
      <c r="B120" s="21">
        <v>30</v>
      </c>
      <c r="C120" s="6">
        <v>83</v>
      </c>
      <c r="D120" s="5">
        <v>113</v>
      </c>
    </row>
    <row r="121" spans="1:4" ht="18" customHeight="1" x14ac:dyDescent="0.15">
      <c r="A121" s="8">
        <v>95</v>
      </c>
      <c r="B121" s="21">
        <v>1</v>
      </c>
      <c r="C121" s="6">
        <v>11</v>
      </c>
      <c r="D121" s="5">
        <v>12</v>
      </c>
    </row>
    <row r="122" spans="1:4" ht="18" customHeight="1" x14ac:dyDescent="0.15">
      <c r="A122" s="8">
        <v>96</v>
      </c>
      <c r="B122" s="21">
        <v>3</v>
      </c>
      <c r="C122" s="6">
        <v>5</v>
      </c>
      <c r="D122" s="5">
        <v>8</v>
      </c>
    </row>
    <row r="123" spans="1:4" ht="18" customHeight="1" x14ac:dyDescent="0.15">
      <c r="A123" s="8">
        <v>97</v>
      </c>
      <c r="B123" s="21">
        <v>1</v>
      </c>
      <c r="C123" s="6">
        <v>14</v>
      </c>
      <c r="D123" s="5">
        <v>15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4</v>
      </c>
      <c r="D125" s="5">
        <v>4</v>
      </c>
    </row>
    <row r="126" spans="1:4" ht="18" customHeight="1" x14ac:dyDescent="0.15">
      <c r="A126" s="8" t="s">
        <v>4</v>
      </c>
      <c r="B126" s="21">
        <v>5</v>
      </c>
      <c r="C126" s="6">
        <v>34</v>
      </c>
      <c r="D126" s="5">
        <v>39</v>
      </c>
    </row>
    <row r="127" spans="1:4" ht="18" customHeight="1" x14ac:dyDescent="0.15">
      <c r="A127" s="8">
        <v>100</v>
      </c>
      <c r="B127" s="21">
        <v>2</v>
      </c>
      <c r="C127" s="6">
        <v>4</v>
      </c>
      <c r="D127" s="5">
        <v>6</v>
      </c>
    </row>
    <row r="128" spans="1:4" ht="18" customHeight="1" x14ac:dyDescent="0.15">
      <c r="A128" s="9" t="s">
        <v>3</v>
      </c>
      <c r="B128" s="21">
        <v>1</v>
      </c>
      <c r="C128" s="6">
        <v>3</v>
      </c>
      <c r="D128" s="5">
        <v>4</v>
      </c>
    </row>
    <row r="129" spans="1:4" ht="18" customHeight="1" x14ac:dyDescent="0.15">
      <c r="A129" s="8" t="s">
        <v>2</v>
      </c>
      <c r="B129" s="21">
        <v>3</v>
      </c>
      <c r="C129" s="6">
        <v>7</v>
      </c>
      <c r="D129" s="5">
        <v>10</v>
      </c>
    </row>
    <row r="130" spans="1:4" ht="18" customHeight="1" x14ac:dyDescent="0.15">
      <c r="A130" s="8" t="s">
        <v>1</v>
      </c>
      <c r="B130" s="21">
        <v>781</v>
      </c>
      <c r="C130" s="6">
        <v>1049</v>
      </c>
      <c r="D130" s="5">
        <v>1830</v>
      </c>
    </row>
    <row r="131" spans="1:4" ht="18" customHeight="1" x14ac:dyDescent="0.15">
      <c r="A131" s="4" t="s">
        <v>0</v>
      </c>
      <c r="B131" s="20">
        <v>2784</v>
      </c>
      <c r="C131" s="2">
        <v>2887</v>
      </c>
      <c r="D131" s="1">
        <v>567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193B58-1B7F-4234-81BC-16C3FE5963DE}">
  <sheetPr codeName="Sheet3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9</v>
      </c>
      <c r="C5" s="11">
        <v>22</v>
      </c>
      <c r="D5" s="10">
        <v>31</v>
      </c>
    </row>
    <row r="6" spans="1:4" ht="18" customHeight="1" x14ac:dyDescent="0.15">
      <c r="A6" s="8">
        <v>1</v>
      </c>
      <c r="B6" s="21">
        <v>23</v>
      </c>
      <c r="C6" s="6">
        <v>23</v>
      </c>
      <c r="D6" s="5">
        <v>46</v>
      </c>
    </row>
    <row r="7" spans="1:4" ht="18" customHeight="1" x14ac:dyDescent="0.15">
      <c r="A7" s="8">
        <v>2</v>
      </c>
      <c r="B7" s="21">
        <v>22</v>
      </c>
      <c r="C7" s="6">
        <v>20</v>
      </c>
      <c r="D7" s="5">
        <v>42</v>
      </c>
    </row>
    <row r="8" spans="1:4" ht="18" customHeight="1" x14ac:dyDescent="0.15">
      <c r="A8" s="8">
        <v>3</v>
      </c>
      <c r="B8" s="21">
        <v>29</v>
      </c>
      <c r="C8" s="6">
        <v>17</v>
      </c>
      <c r="D8" s="5">
        <v>46</v>
      </c>
    </row>
    <row r="9" spans="1:4" ht="18" customHeight="1" x14ac:dyDescent="0.15">
      <c r="A9" s="8">
        <v>4</v>
      </c>
      <c r="B9" s="21">
        <v>26</v>
      </c>
      <c r="C9" s="6">
        <v>28</v>
      </c>
      <c r="D9" s="5">
        <v>54</v>
      </c>
    </row>
    <row r="10" spans="1:4" ht="18" customHeight="1" x14ac:dyDescent="0.15">
      <c r="A10" s="8" t="s">
        <v>25</v>
      </c>
      <c r="B10" s="21">
        <v>109</v>
      </c>
      <c r="C10" s="6">
        <v>110</v>
      </c>
      <c r="D10" s="5">
        <v>219</v>
      </c>
    </row>
    <row r="11" spans="1:4" ht="18" customHeight="1" x14ac:dyDescent="0.15">
      <c r="A11" s="8">
        <v>5</v>
      </c>
      <c r="B11" s="21">
        <v>25</v>
      </c>
      <c r="C11" s="6">
        <v>13</v>
      </c>
      <c r="D11" s="5">
        <v>38</v>
      </c>
    </row>
    <row r="12" spans="1:4" ht="18" customHeight="1" x14ac:dyDescent="0.15">
      <c r="A12" s="8">
        <v>6</v>
      </c>
      <c r="B12" s="21">
        <v>26</v>
      </c>
      <c r="C12" s="6">
        <v>21</v>
      </c>
      <c r="D12" s="5">
        <v>47</v>
      </c>
    </row>
    <row r="13" spans="1:4" ht="18" customHeight="1" x14ac:dyDescent="0.15">
      <c r="A13" s="8">
        <v>7</v>
      </c>
      <c r="B13" s="21">
        <v>26</v>
      </c>
      <c r="C13" s="6">
        <v>21</v>
      </c>
      <c r="D13" s="5">
        <v>47</v>
      </c>
    </row>
    <row r="14" spans="1:4" ht="18" customHeight="1" x14ac:dyDescent="0.15">
      <c r="A14" s="8">
        <v>8</v>
      </c>
      <c r="B14" s="21">
        <v>25</v>
      </c>
      <c r="C14" s="6">
        <v>25</v>
      </c>
      <c r="D14" s="5">
        <v>50</v>
      </c>
    </row>
    <row r="15" spans="1:4" ht="18" customHeight="1" x14ac:dyDescent="0.15">
      <c r="A15" s="8">
        <v>9</v>
      </c>
      <c r="B15" s="21">
        <v>23</v>
      </c>
      <c r="C15" s="6">
        <v>28</v>
      </c>
      <c r="D15" s="5">
        <v>51</v>
      </c>
    </row>
    <row r="16" spans="1:4" ht="18" customHeight="1" x14ac:dyDescent="0.15">
      <c r="A16" s="8" t="s">
        <v>24</v>
      </c>
      <c r="B16" s="21">
        <v>125</v>
      </c>
      <c r="C16" s="6">
        <v>108</v>
      </c>
      <c r="D16" s="5">
        <v>233</v>
      </c>
    </row>
    <row r="17" spans="1:4" ht="18" customHeight="1" x14ac:dyDescent="0.15">
      <c r="A17" s="8">
        <v>10</v>
      </c>
      <c r="B17" s="21">
        <v>27</v>
      </c>
      <c r="C17" s="6">
        <v>27</v>
      </c>
      <c r="D17" s="5">
        <v>54</v>
      </c>
    </row>
    <row r="18" spans="1:4" ht="18" customHeight="1" x14ac:dyDescent="0.15">
      <c r="A18" s="8">
        <v>11</v>
      </c>
      <c r="B18" s="21">
        <v>28</v>
      </c>
      <c r="C18" s="6">
        <v>32</v>
      </c>
      <c r="D18" s="5">
        <v>60</v>
      </c>
    </row>
    <row r="19" spans="1:4" ht="18" customHeight="1" x14ac:dyDescent="0.15">
      <c r="A19" s="8">
        <v>12</v>
      </c>
      <c r="B19" s="21">
        <v>26</v>
      </c>
      <c r="C19" s="6">
        <v>22</v>
      </c>
      <c r="D19" s="5">
        <v>48</v>
      </c>
    </row>
    <row r="20" spans="1:4" ht="18" customHeight="1" x14ac:dyDescent="0.15">
      <c r="A20" s="8">
        <v>13</v>
      </c>
      <c r="B20" s="21">
        <v>33</v>
      </c>
      <c r="C20" s="6">
        <v>37</v>
      </c>
      <c r="D20" s="5">
        <v>70</v>
      </c>
    </row>
    <row r="21" spans="1:4" ht="18" customHeight="1" x14ac:dyDescent="0.15">
      <c r="A21" s="8">
        <v>14</v>
      </c>
      <c r="B21" s="21">
        <v>39</v>
      </c>
      <c r="C21" s="6">
        <v>26</v>
      </c>
      <c r="D21" s="5">
        <v>65</v>
      </c>
    </row>
    <row r="22" spans="1:4" ht="18" customHeight="1" x14ac:dyDescent="0.15">
      <c r="A22" s="8" t="s">
        <v>23</v>
      </c>
      <c r="B22" s="21">
        <v>153</v>
      </c>
      <c r="C22" s="6">
        <v>144</v>
      </c>
      <c r="D22" s="5">
        <v>297</v>
      </c>
    </row>
    <row r="23" spans="1:4" ht="18" customHeight="1" x14ac:dyDescent="0.15">
      <c r="A23" s="8" t="s">
        <v>22</v>
      </c>
      <c r="B23" s="21">
        <v>387</v>
      </c>
      <c r="C23" s="6">
        <v>362</v>
      </c>
      <c r="D23" s="5">
        <v>749</v>
      </c>
    </row>
    <row r="24" spans="1:4" ht="18" customHeight="1" x14ac:dyDescent="0.15">
      <c r="A24" s="8">
        <v>15</v>
      </c>
      <c r="B24" s="21">
        <v>37</v>
      </c>
      <c r="C24" s="6">
        <v>19</v>
      </c>
      <c r="D24" s="5">
        <v>56</v>
      </c>
    </row>
    <row r="25" spans="1:4" ht="18" customHeight="1" x14ac:dyDescent="0.15">
      <c r="A25" s="8">
        <v>16</v>
      </c>
      <c r="B25" s="21">
        <v>29</v>
      </c>
      <c r="C25" s="6">
        <v>35</v>
      </c>
      <c r="D25" s="5">
        <v>64</v>
      </c>
    </row>
    <row r="26" spans="1:4" ht="18" customHeight="1" x14ac:dyDescent="0.15">
      <c r="A26" s="8">
        <v>17</v>
      </c>
      <c r="B26" s="21">
        <v>28</v>
      </c>
      <c r="C26" s="6">
        <v>24</v>
      </c>
      <c r="D26" s="5">
        <v>52</v>
      </c>
    </row>
    <row r="27" spans="1:4" ht="18" customHeight="1" x14ac:dyDescent="0.15">
      <c r="A27" s="8">
        <v>18</v>
      </c>
      <c r="B27" s="21">
        <v>41</v>
      </c>
      <c r="C27" s="6">
        <v>39</v>
      </c>
      <c r="D27" s="5">
        <v>80</v>
      </c>
    </row>
    <row r="28" spans="1:4" ht="18" customHeight="1" x14ac:dyDescent="0.15">
      <c r="A28" s="8">
        <v>19</v>
      </c>
      <c r="B28" s="21">
        <v>34</v>
      </c>
      <c r="C28" s="6">
        <v>29</v>
      </c>
      <c r="D28" s="5">
        <v>63</v>
      </c>
    </row>
    <row r="29" spans="1:4" ht="18" customHeight="1" x14ac:dyDescent="0.15">
      <c r="A29" s="8" t="s">
        <v>21</v>
      </c>
      <c r="B29" s="21">
        <v>169</v>
      </c>
      <c r="C29" s="6">
        <v>146</v>
      </c>
      <c r="D29" s="5">
        <v>315</v>
      </c>
    </row>
    <row r="30" spans="1:4" ht="18" customHeight="1" x14ac:dyDescent="0.15">
      <c r="A30" s="8">
        <v>20</v>
      </c>
      <c r="B30" s="21">
        <v>36</v>
      </c>
      <c r="C30" s="6">
        <v>29</v>
      </c>
      <c r="D30" s="5">
        <v>65</v>
      </c>
    </row>
    <row r="31" spans="1:4" ht="18" customHeight="1" x14ac:dyDescent="0.15">
      <c r="A31" s="8">
        <v>21</v>
      </c>
      <c r="B31" s="21">
        <v>42</v>
      </c>
      <c r="C31" s="6">
        <v>50</v>
      </c>
      <c r="D31" s="5">
        <v>92</v>
      </c>
    </row>
    <row r="32" spans="1:4" ht="18" customHeight="1" x14ac:dyDescent="0.15">
      <c r="A32" s="8">
        <v>22</v>
      </c>
      <c r="B32" s="21">
        <v>53</v>
      </c>
      <c r="C32" s="6">
        <v>44</v>
      </c>
      <c r="D32" s="5">
        <v>97</v>
      </c>
    </row>
    <row r="33" spans="1:4" ht="18" customHeight="1" x14ac:dyDescent="0.15">
      <c r="A33" s="8">
        <v>23</v>
      </c>
      <c r="B33" s="21">
        <v>49</v>
      </c>
      <c r="C33" s="6">
        <v>28</v>
      </c>
      <c r="D33" s="5">
        <v>77</v>
      </c>
    </row>
    <row r="34" spans="1:4" ht="18" customHeight="1" x14ac:dyDescent="0.15">
      <c r="A34" s="8">
        <v>24</v>
      </c>
      <c r="B34" s="21">
        <v>30</v>
      </c>
      <c r="C34" s="6">
        <v>25</v>
      </c>
      <c r="D34" s="5">
        <v>55</v>
      </c>
    </row>
    <row r="35" spans="1:4" ht="18" customHeight="1" x14ac:dyDescent="0.15">
      <c r="A35" s="8" t="s">
        <v>20</v>
      </c>
      <c r="B35" s="21">
        <v>210</v>
      </c>
      <c r="C35" s="6">
        <v>176</v>
      </c>
      <c r="D35" s="5">
        <v>386</v>
      </c>
    </row>
    <row r="36" spans="1:4" ht="18" customHeight="1" x14ac:dyDescent="0.15">
      <c r="A36" s="8">
        <v>25</v>
      </c>
      <c r="B36" s="21">
        <v>33</v>
      </c>
      <c r="C36" s="6">
        <v>34</v>
      </c>
      <c r="D36" s="5">
        <v>67</v>
      </c>
    </row>
    <row r="37" spans="1:4" ht="18" customHeight="1" x14ac:dyDescent="0.15">
      <c r="A37" s="8">
        <v>26</v>
      </c>
      <c r="B37" s="21">
        <v>47</v>
      </c>
      <c r="C37" s="6">
        <v>36</v>
      </c>
      <c r="D37" s="5">
        <v>83</v>
      </c>
    </row>
    <row r="38" spans="1:4" ht="18" customHeight="1" x14ac:dyDescent="0.15">
      <c r="A38" s="8">
        <v>27</v>
      </c>
      <c r="B38" s="21">
        <v>28</v>
      </c>
      <c r="C38" s="6">
        <v>30</v>
      </c>
      <c r="D38" s="5">
        <v>58</v>
      </c>
    </row>
    <row r="39" spans="1:4" ht="18" customHeight="1" x14ac:dyDescent="0.15">
      <c r="A39" s="8">
        <v>28</v>
      </c>
      <c r="B39" s="21">
        <v>31</v>
      </c>
      <c r="C39" s="6">
        <v>26</v>
      </c>
      <c r="D39" s="5">
        <v>57</v>
      </c>
    </row>
    <row r="40" spans="1:4" ht="18" customHeight="1" x14ac:dyDescent="0.15">
      <c r="A40" s="8">
        <v>29</v>
      </c>
      <c r="B40" s="21">
        <v>47</v>
      </c>
      <c r="C40" s="6">
        <v>31</v>
      </c>
      <c r="D40" s="5">
        <v>78</v>
      </c>
    </row>
    <row r="41" spans="1:4" ht="18" customHeight="1" x14ac:dyDescent="0.15">
      <c r="A41" s="8" t="s">
        <v>19</v>
      </c>
      <c r="B41" s="21">
        <v>186</v>
      </c>
      <c r="C41" s="6">
        <v>157</v>
      </c>
      <c r="D41" s="5">
        <v>343</v>
      </c>
    </row>
    <row r="42" spans="1:4" ht="18" customHeight="1" x14ac:dyDescent="0.15">
      <c r="A42" s="8">
        <v>30</v>
      </c>
      <c r="B42" s="21">
        <v>41</v>
      </c>
      <c r="C42" s="6">
        <v>24</v>
      </c>
      <c r="D42" s="5">
        <v>65</v>
      </c>
    </row>
    <row r="43" spans="1:4" ht="18" customHeight="1" x14ac:dyDescent="0.15">
      <c r="A43" s="8">
        <v>31</v>
      </c>
      <c r="B43" s="21">
        <v>29</v>
      </c>
      <c r="C43" s="6">
        <v>32</v>
      </c>
      <c r="D43" s="5">
        <v>61</v>
      </c>
    </row>
    <row r="44" spans="1:4" ht="18" customHeight="1" x14ac:dyDescent="0.15">
      <c r="A44" s="8">
        <v>32</v>
      </c>
      <c r="B44" s="21">
        <v>30</v>
      </c>
      <c r="C44" s="6">
        <v>23</v>
      </c>
      <c r="D44" s="5">
        <v>53</v>
      </c>
    </row>
    <row r="45" spans="1:4" ht="18" customHeight="1" x14ac:dyDescent="0.15">
      <c r="A45" s="8">
        <v>33</v>
      </c>
      <c r="B45" s="21">
        <v>33</v>
      </c>
      <c r="C45" s="6">
        <v>10</v>
      </c>
      <c r="D45" s="5">
        <v>43</v>
      </c>
    </row>
    <row r="46" spans="1:4" ht="18" customHeight="1" x14ac:dyDescent="0.15">
      <c r="A46" s="8">
        <v>34</v>
      </c>
      <c r="B46" s="21">
        <v>39</v>
      </c>
      <c r="C46" s="6">
        <v>23</v>
      </c>
      <c r="D46" s="5">
        <v>62</v>
      </c>
    </row>
    <row r="47" spans="1:4" ht="18" customHeight="1" x14ac:dyDescent="0.15">
      <c r="A47" s="8" t="s">
        <v>18</v>
      </c>
      <c r="B47" s="21">
        <v>172</v>
      </c>
      <c r="C47" s="6">
        <v>112</v>
      </c>
      <c r="D47" s="5">
        <v>284</v>
      </c>
    </row>
    <row r="48" spans="1:4" ht="18" customHeight="1" x14ac:dyDescent="0.15">
      <c r="A48" s="8">
        <v>35</v>
      </c>
      <c r="B48" s="21">
        <v>33</v>
      </c>
      <c r="C48" s="6">
        <v>29</v>
      </c>
      <c r="D48" s="5">
        <v>62</v>
      </c>
    </row>
    <row r="49" spans="1:4" ht="18" customHeight="1" x14ac:dyDescent="0.15">
      <c r="A49" s="8">
        <v>36</v>
      </c>
      <c r="B49" s="21">
        <v>43</v>
      </c>
      <c r="C49" s="6">
        <v>27</v>
      </c>
      <c r="D49" s="5">
        <v>70</v>
      </c>
    </row>
    <row r="50" spans="1:4" ht="18" customHeight="1" x14ac:dyDescent="0.15">
      <c r="A50" s="8">
        <v>37</v>
      </c>
      <c r="B50" s="21">
        <v>22</v>
      </c>
      <c r="C50" s="6">
        <v>36</v>
      </c>
      <c r="D50" s="5">
        <v>58</v>
      </c>
    </row>
    <row r="51" spans="1:4" ht="18" customHeight="1" x14ac:dyDescent="0.15">
      <c r="A51" s="8">
        <v>38</v>
      </c>
      <c r="B51" s="21">
        <v>36</v>
      </c>
      <c r="C51" s="6">
        <v>43</v>
      </c>
      <c r="D51" s="5">
        <v>79</v>
      </c>
    </row>
    <row r="52" spans="1:4" ht="18" customHeight="1" x14ac:dyDescent="0.15">
      <c r="A52" s="8">
        <v>39</v>
      </c>
      <c r="B52" s="21">
        <v>33</v>
      </c>
      <c r="C52" s="6">
        <v>34</v>
      </c>
      <c r="D52" s="5">
        <v>67</v>
      </c>
    </row>
    <row r="53" spans="1:4" ht="18" customHeight="1" x14ac:dyDescent="0.15">
      <c r="A53" s="8" t="s">
        <v>17</v>
      </c>
      <c r="B53" s="21">
        <v>167</v>
      </c>
      <c r="C53" s="6">
        <v>169</v>
      </c>
      <c r="D53" s="5">
        <v>336</v>
      </c>
    </row>
    <row r="54" spans="1:4" ht="18" customHeight="1" x14ac:dyDescent="0.15">
      <c r="A54" s="8">
        <v>40</v>
      </c>
      <c r="B54" s="21">
        <v>48</v>
      </c>
      <c r="C54" s="6">
        <v>46</v>
      </c>
      <c r="D54" s="5">
        <v>94</v>
      </c>
    </row>
    <row r="55" spans="1:4" ht="18" customHeight="1" x14ac:dyDescent="0.15">
      <c r="A55" s="8">
        <v>41</v>
      </c>
      <c r="B55" s="21">
        <v>47</v>
      </c>
      <c r="C55" s="6">
        <v>33</v>
      </c>
      <c r="D55" s="5">
        <v>80</v>
      </c>
    </row>
    <row r="56" spans="1:4" ht="18" customHeight="1" x14ac:dyDescent="0.15">
      <c r="A56" s="8">
        <v>42</v>
      </c>
      <c r="B56" s="21">
        <v>37</v>
      </c>
      <c r="C56" s="6">
        <v>34</v>
      </c>
      <c r="D56" s="5">
        <v>71</v>
      </c>
    </row>
    <row r="57" spans="1:4" ht="18" customHeight="1" x14ac:dyDescent="0.15">
      <c r="A57" s="8">
        <v>43</v>
      </c>
      <c r="B57" s="21">
        <v>47</v>
      </c>
      <c r="C57" s="6">
        <v>53</v>
      </c>
      <c r="D57" s="5">
        <v>100</v>
      </c>
    </row>
    <row r="58" spans="1:4" ht="18" customHeight="1" x14ac:dyDescent="0.15">
      <c r="A58" s="8">
        <v>44</v>
      </c>
      <c r="B58" s="21">
        <v>46</v>
      </c>
      <c r="C58" s="6">
        <v>43</v>
      </c>
      <c r="D58" s="5">
        <v>89</v>
      </c>
    </row>
    <row r="59" spans="1:4" ht="18" customHeight="1" x14ac:dyDescent="0.15">
      <c r="A59" s="8" t="s">
        <v>16</v>
      </c>
      <c r="B59" s="21">
        <v>225</v>
      </c>
      <c r="C59" s="6">
        <v>209</v>
      </c>
      <c r="D59" s="5">
        <v>434</v>
      </c>
    </row>
    <row r="60" spans="1:4" ht="18" customHeight="1" x14ac:dyDescent="0.15">
      <c r="A60" s="8">
        <v>45</v>
      </c>
      <c r="B60" s="21">
        <v>35</v>
      </c>
      <c r="C60" s="6">
        <v>38</v>
      </c>
      <c r="D60" s="5">
        <v>73</v>
      </c>
    </row>
    <row r="61" spans="1:4" ht="18" customHeight="1" x14ac:dyDescent="0.15">
      <c r="A61" s="8">
        <v>46</v>
      </c>
      <c r="B61" s="21">
        <v>46</v>
      </c>
      <c r="C61" s="6">
        <v>36</v>
      </c>
      <c r="D61" s="5">
        <v>82</v>
      </c>
    </row>
    <row r="62" spans="1:4" ht="18" customHeight="1" x14ac:dyDescent="0.15">
      <c r="A62" s="8">
        <v>47</v>
      </c>
      <c r="B62" s="21">
        <v>52</v>
      </c>
      <c r="C62" s="6">
        <v>41</v>
      </c>
      <c r="D62" s="5">
        <v>93</v>
      </c>
    </row>
    <row r="63" spans="1:4" ht="18" customHeight="1" x14ac:dyDescent="0.15">
      <c r="A63" s="8">
        <v>48</v>
      </c>
      <c r="B63" s="21">
        <v>44</v>
      </c>
      <c r="C63" s="6">
        <v>47</v>
      </c>
      <c r="D63" s="5">
        <v>91</v>
      </c>
    </row>
    <row r="64" spans="1:4" ht="18" customHeight="1" x14ac:dyDescent="0.15">
      <c r="A64" s="8">
        <v>49</v>
      </c>
      <c r="B64" s="21">
        <v>62</v>
      </c>
      <c r="C64" s="6">
        <v>57</v>
      </c>
      <c r="D64" s="5">
        <v>119</v>
      </c>
    </row>
    <row r="65" spans="1:4" ht="18" customHeight="1" x14ac:dyDescent="0.15">
      <c r="A65" s="8" t="s">
        <v>15</v>
      </c>
      <c r="B65" s="21">
        <v>239</v>
      </c>
      <c r="C65" s="6">
        <v>219</v>
      </c>
      <c r="D65" s="5">
        <v>458</v>
      </c>
    </row>
    <row r="66" spans="1:4" ht="18" customHeight="1" x14ac:dyDescent="0.15">
      <c r="A66" s="8">
        <v>50</v>
      </c>
      <c r="B66" s="21">
        <v>53</v>
      </c>
      <c r="C66" s="6">
        <v>60</v>
      </c>
      <c r="D66" s="5">
        <v>113</v>
      </c>
    </row>
    <row r="67" spans="1:4" ht="18" customHeight="1" x14ac:dyDescent="0.15">
      <c r="A67" s="8">
        <v>51</v>
      </c>
      <c r="B67" s="21">
        <v>72</v>
      </c>
      <c r="C67" s="6">
        <v>55</v>
      </c>
      <c r="D67" s="5">
        <v>127</v>
      </c>
    </row>
    <row r="68" spans="1:4" ht="18" customHeight="1" x14ac:dyDescent="0.15">
      <c r="A68" s="8">
        <v>52</v>
      </c>
      <c r="B68" s="21">
        <v>62</v>
      </c>
      <c r="C68" s="6">
        <v>80</v>
      </c>
      <c r="D68" s="5">
        <v>142</v>
      </c>
    </row>
    <row r="69" spans="1:4" ht="18" customHeight="1" x14ac:dyDescent="0.15">
      <c r="A69" s="8">
        <v>53</v>
      </c>
      <c r="B69" s="21">
        <v>68</v>
      </c>
      <c r="C69" s="6">
        <v>69</v>
      </c>
      <c r="D69" s="5">
        <v>137</v>
      </c>
    </row>
    <row r="70" spans="1:4" ht="18" customHeight="1" x14ac:dyDescent="0.15">
      <c r="A70" s="8">
        <v>54</v>
      </c>
      <c r="B70" s="21">
        <v>79</v>
      </c>
      <c r="C70" s="6">
        <v>62</v>
      </c>
      <c r="D70" s="5">
        <v>141</v>
      </c>
    </row>
    <row r="71" spans="1:4" ht="18" customHeight="1" x14ac:dyDescent="0.15">
      <c r="A71" s="8" t="s">
        <v>14</v>
      </c>
      <c r="B71" s="21">
        <v>334</v>
      </c>
      <c r="C71" s="6">
        <v>326</v>
      </c>
      <c r="D71" s="5">
        <v>660</v>
      </c>
    </row>
    <row r="72" spans="1:4" ht="18" customHeight="1" x14ac:dyDescent="0.15">
      <c r="A72" s="8">
        <v>55</v>
      </c>
      <c r="B72" s="21">
        <v>66</v>
      </c>
      <c r="C72" s="6">
        <v>62</v>
      </c>
      <c r="D72" s="5">
        <v>128</v>
      </c>
    </row>
    <row r="73" spans="1:4" ht="18" customHeight="1" x14ac:dyDescent="0.15">
      <c r="A73" s="8">
        <v>56</v>
      </c>
      <c r="B73" s="21">
        <v>52</v>
      </c>
      <c r="C73" s="6">
        <v>61</v>
      </c>
      <c r="D73" s="5">
        <v>113</v>
      </c>
    </row>
    <row r="74" spans="1:4" ht="18" customHeight="1" x14ac:dyDescent="0.15">
      <c r="A74" s="8">
        <v>57</v>
      </c>
      <c r="B74" s="21">
        <v>61</v>
      </c>
      <c r="C74" s="6">
        <v>68</v>
      </c>
      <c r="D74" s="5">
        <v>129</v>
      </c>
    </row>
    <row r="75" spans="1:4" ht="18" customHeight="1" x14ac:dyDescent="0.15">
      <c r="A75" s="8">
        <v>58</v>
      </c>
      <c r="B75" s="21">
        <v>75</v>
      </c>
      <c r="C75" s="6">
        <v>61</v>
      </c>
      <c r="D75" s="5">
        <v>136</v>
      </c>
    </row>
    <row r="76" spans="1:4" ht="18" customHeight="1" x14ac:dyDescent="0.15">
      <c r="A76" s="8">
        <v>59</v>
      </c>
      <c r="B76" s="21">
        <v>34</v>
      </c>
      <c r="C76" s="6">
        <v>47</v>
      </c>
      <c r="D76" s="5">
        <v>81</v>
      </c>
    </row>
    <row r="77" spans="1:4" ht="18" customHeight="1" x14ac:dyDescent="0.15">
      <c r="A77" s="8" t="s">
        <v>13</v>
      </c>
      <c r="B77" s="21">
        <v>288</v>
      </c>
      <c r="C77" s="6">
        <v>299</v>
      </c>
      <c r="D77" s="5">
        <v>587</v>
      </c>
    </row>
    <row r="78" spans="1:4" ht="18" customHeight="1" x14ac:dyDescent="0.15">
      <c r="A78" s="8">
        <v>60</v>
      </c>
      <c r="B78" s="21">
        <v>45</v>
      </c>
      <c r="C78" s="6">
        <v>57</v>
      </c>
      <c r="D78" s="5">
        <v>102</v>
      </c>
    </row>
    <row r="79" spans="1:4" ht="18" customHeight="1" x14ac:dyDescent="0.15">
      <c r="A79" s="8">
        <v>61</v>
      </c>
      <c r="B79" s="21">
        <v>40</v>
      </c>
      <c r="C79" s="6">
        <v>49</v>
      </c>
      <c r="D79" s="5">
        <v>89</v>
      </c>
    </row>
    <row r="80" spans="1:4" ht="18" customHeight="1" x14ac:dyDescent="0.15">
      <c r="A80" s="8">
        <v>62</v>
      </c>
      <c r="B80" s="21">
        <v>46</v>
      </c>
      <c r="C80" s="6">
        <v>43</v>
      </c>
      <c r="D80" s="5">
        <v>89</v>
      </c>
    </row>
    <row r="81" spans="1:4" ht="18" customHeight="1" x14ac:dyDescent="0.15">
      <c r="A81" s="8">
        <v>63</v>
      </c>
      <c r="B81" s="21">
        <v>46</v>
      </c>
      <c r="C81" s="6">
        <v>36</v>
      </c>
      <c r="D81" s="5">
        <v>82</v>
      </c>
    </row>
    <row r="82" spans="1:4" ht="18" customHeight="1" x14ac:dyDescent="0.15">
      <c r="A82" s="8">
        <v>64</v>
      </c>
      <c r="B82" s="21">
        <v>44</v>
      </c>
      <c r="C82" s="6">
        <v>40</v>
      </c>
      <c r="D82" s="5">
        <v>84</v>
      </c>
    </row>
    <row r="83" spans="1:4" ht="18" customHeight="1" x14ac:dyDescent="0.15">
      <c r="A83" s="8" t="s">
        <v>12</v>
      </c>
      <c r="B83" s="21">
        <v>221</v>
      </c>
      <c r="C83" s="6">
        <v>225</v>
      </c>
      <c r="D83" s="5">
        <v>446</v>
      </c>
    </row>
    <row r="84" spans="1:4" ht="18" customHeight="1" x14ac:dyDescent="0.15">
      <c r="A84" s="8" t="s">
        <v>11</v>
      </c>
      <c r="B84" s="21">
        <v>2211</v>
      </c>
      <c r="C84" s="6">
        <v>2038</v>
      </c>
      <c r="D84" s="5">
        <v>4249</v>
      </c>
    </row>
    <row r="85" spans="1:4" ht="18" customHeight="1" x14ac:dyDescent="0.15">
      <c r="A85" s="8">
        <v>65</v>
      </c>
      <c r="B85" s="21">
        <v>52</v>
      </c>
      <c r="C85" s="6">
        <v>45</v>
      </c>
      <c r="D85" s="5">
        <v>97</v>
      </c>
    </row>
    <row r="86" spans="1:4" ht="18" customHeight="1" x14ac:dyDescent="0.15">
      <c r="A86" s="8">
        <v>66</v>
      </c>
      <c r="B86" s="21">
        <v>36</v>
      </c>
      <c r="C86" s="6">
        <v>55</v>
      </c>
      <c r="D86" s="5">
        <v>91</v>
      </c>
    </row>
    <row r="87" spans="1:4" ht="18" customHeight="1" x14ac:dyDescent="0.15">
      <c r="A87" s="8">
        <v>67</v>
      </c>
      <c r="B87" s="21">
        <v>43</v>
      </c>
      <c r="C87" s="6">
        <v>43</v>
      </c>
      <c r="D87" s="5">
        <v>86</v>
      </c>
    </row>
    <row r="88" spans="1:4" ht="18" customHeight="1" x14ac:dyDescent="0.15">
      <c r="A88" s="8">
        <v>68</v>
      </c>
      <c r="B88" s="21">
        <v>41</v>
      </c>
      <c r="C88" s="6">
        <v>42</v>
      </c>
      <c r="D88" s="5">
        <v>83</v>
      </c>
    </row>
    <row r="89" spans="1:4" ht="18" customHeight="1" x14ac:dyDescent="0.15">
      <c r="A89" s="8">
        <v>69</v>
      </c>
      <c r="B89" s="21">
        <v>42</v>
      </c>
      <c r="C89" s="6">
        <v>47</v>
      </c>
      <c r="D89" s="5">
        <v>89</v>
      </c>
    </row>
    <row r="90" spans="1:4" ht="18" customHeight="1" x14ac:dyDescent="0.15">
      <c r="A90" s="8" t="s">
        <v>10</v>
      </c>
      <c r="B90" s="21">
        <v>214</v>
      </c>
      <c r="C90" s="6">
        <v>232</v>
      </c>
      <c r="D90" s="5">
        <v>446</v>
      </c>
    </row>
    <row r="91" spans="1:4" ht="18" customHeight="1" x14ac:dyDescent="0.15">
      <c r="A91" s="8">
        <v>70</v>
      </c>
      <c r="B91" s="21">
        <v>43</v>
      </c>
      <c r="C91" s="6">
        <v>56</v>
      </c>
      <c r="D91" s="5">
        <v>99</v>
      </c>
    </row>
    <row r="92" spans="1:4" ht="18" customHeight="1" x14ac:dyDescent="0.15">
      <c r="A92" s="8">
        <v>71</v>
      </c>
      <c r="B92" s="21">
        <v>46</v>
      </c>
      <c r="C92" s="6">
        <v>51</v>
      </c>
      <c r="D92" s="5">
        <v>97</v>
      </c>
    </row>
    <row r="93" spans="1:4" ht="18" customHeight="1" x14ac:dyDescent="0.15">
      <c r="A93" s="8">
        <v>72</v>
      </c>
      <c r="B93" s="21">
        <v>50</v>
      </c>
      <c r="C93" s="6">
        <v>50</v>
      </c>
      <c r="D93" s="5">
        <v>100</v>
      </c>
    </row>
    <row r="94" spans="1:4" ht="18" customHeight="1" x14ac:dyDescent="0.15">
      <c r="A94" s="8">
        <v>73</v>
      </c>
      <c r="B94" s="21">
        <v>49</v>
      </c>
      <c r="C94" s="6">
        <v>57</v>
      </c>
      <c r="D94" s="5">
        <v>106</v>
      </c>
    </row>
    <row r="95" spans="1:4" ht="18" customHeight="1" x14ac:dyDescent="0.15">
      <c r="A95" s="8">
        <v>74</v>
      </c>
      <c r="B95" s="21">
        <v>56</v>
      </c>
      <c r="C95" s="6">
        <v>56</v>
      </c>
      <c r="D95" s="5">
        <v>112</v>
      </c>
    </row>
    <row r="96" spans="1:4" ht="18" customHeight="1" x14ac:dyDescent="0.15">
      <c r="A96" s="8" t="s">
        <v>9</v>
      </c>
      <c r="B96" s="21">
        <v>244</v>
      </c>
      <c r="C96" s="6">
        <v>270</v>
      </c>
      <c r="D96" s="5">
        <v>514</v>
      </c>
    </row>
    <row r="97" spans="1:4" ht="18" customHeight="1" x14ac:dyDescent="0.15">
      <c r="A97" s="8">
        <v>75</v>
      </c>
      <c r="B97" s="21">
        <v>53</v>
      </c>
      <c r="C97" s="6">
        <v>75</v>
      </c>
      <c r="D97" s="5">
        <v>128</v>
      </c>
    </row>
    <row r="98" spans="1:4" ht="18" customHeight="1" x14ac:dyDescent="0.15">
      <c r="A98" s="8">
        <v>76</v>
      </c>
      <c r="B98" s="21">
        <v>65</v>
      </c>
      <c r="C98" s="6">
        <v>85</v>
      </c>
      <c r="D98" s="5">
        <v>150</v>
      </c>
    </row>
    <row r="99" spans="1:4" ht="18" customHeight="1" x14ac:dyDescent="0.15">
      <c r="A99" s="8">
        <v>77</v>
      </c>
      <c r="B99" s="21">
        <v>72</v>
      </c>
      <c r="C99" s="6">
        <v>82</v>
      </c>
      <c r="D99" s="5">
        <v>154</v>
      </c>
    </row>
    <row r="100" spans="1:4" ht="18" customHeight="1" x14ac:dyDescent="0.15">
      <c r="A100" s="8">
        <v>78</v>
      </c>
      <c r="B100" s="21">
        <v>79</v>
      </c>
      <c r="C100" s="6">
        <v>64</v>
      </c>
      <c r="D100" s="5">
        <v>143</v>
      </c>
    </row>
    <row r="101" spans="1:4" ht="18" customHeight="1" x14ac:dyDescent="0.15">
      <c r="A101" s="8">
        <v>79</v>
      </c>
      <c r="B101" s="21">
        <v>35</v>
      </c>
      <c r="C101" s="6">
        <v>37</v>
      </c>
      <c r="D101" s="5">
        <v>72</v>
      </c>
    </row>
    <row r="102" spans="1:4" ht="18" customHeight="1" x14ac:dyDescent="0.15">
      <c r="A102" s="8" t="s">
        <v>8</v>
      </c>
      <c r="B102" s="21">
        <v>304</v>
      </c>
      <c r="C102" s="6">
        <v>343</v>
      </c>
      <c r="D102" s="5">
        <v>647</v>
      </c>
    </row>
    <row r="103" spans="1:4" ht="18" customHeight="1" x14ac:dyDescent="0.15">
      <c r="A103" s="8">
        <v>80</v>
      </c>
      <c r="B103" s="21">
        <v>37</v>
      </c>
      <c r="C103" s="6">
        <v>47</v>
      </c>
      <c r="D103" s="5">
        <v>84</v>
      </c>
    </row>
    <row r="104" spans="1:4" ht="18" customHeight="1" x14ac:dyDescent="0.15">
      <c r="A104" s="8">
        <v>81</v>
      </c>
      <c r="B104" s="21">
        <v>41</v>
      </c>
      <c r="C104" s="6">
        <v>61</v>
      </c>
      <c r="D104" s="5">
        <v>102</v>
      </c>
    </row>
    <row r="105" spans="1:4" ht="18" customHeight="1" x14ac:dyDescent="0.15">
      <c r="A105" s="8">
        <v>82</v>
      </c>
      <c r="B105" s="21">
        <v>29</v>
      </c>
      <c r="C105" s="6">
        <v>38</v>
      </c>
      <c r="D105" s="5">
        <v>67</v>
      </c>
    </row>
    <row r="106" spans="1:4" ht="18" customHeight="1" x14ac:dyDescent="0.15">
      <c r="A106" s="8">
        <v>83</v>
      </c>
      <c r="B106" s="21">
        <v>48</v>
      </c>
      <c r="C106" s="6">
        <v>51</v>
      </c>
      <c r="D106" s="5">
        <v>99</v>
      </c>
    </row>
    <row r="107" spans="1:4" ht="18" customHeight="1" x14ac:dyDescent="0.15">
      <c r="A107" s="8">
        <v>84</v>
      </c>
      <c r="B107" s="21">
        <v>30</v>
      </c>
      <c r="C107" s="6">
        <v>46</v>
      </c>
      <c r="D107" s="5">
        <v>76</v>
      </c>
    </row>
    <row r="108" spans="1:4" ht="18" customHeight="1" x14ac:dyDescent="0.15">
      <c r="A108" s="8" t="s">
        <v>7</v>
      </c>
      <c r="B108" s="21">
        <v>185</v>
      </c>
      <c r="C108" s="6">
        <v>243</v>
      </c>
      <c r="D108" s="5">
        <v>428</v>
      </c>
    </row>
    <row r="109" spans="1:4" ht="18" customHeight="1" x14ac:dyDescent="0.15">
      <c r="A109" s="8">
        <v>85</v>
      </c>
      <c r="B109" s="21">
        <v>25</v>
      </c>
      <c r="C109" s="6">
        <v>39</v>
      </c>
      <c r="D109" s="5">
        <v>64</v>
      </c>
    </row>
    <row r="110" spans="1:4" ht="18" customHeight="1" x14ac:dyDescent="0.15">
      <c r="A110" s="8">
        <v>86</v>
      </c>
      <c r="B110" s="21">
        <v>13</v>
      </c>
      <c r="C110" s="6">
        <v>27</v>
      </c>
      <c r="D110" s="5">
        <v>40</v>
      </c>
    </row>
    <row r="111" spans="1:4" ht="18" customHeight="1" x14ac:dyDescent="0.15">
      <c r="A111" s="8">
        <v>87</v>
      </c>
      <c r="B111" s="21">
        <v>16</v>
      </c>
      <c r="C111" s="6">
        <v>31</v>
      </c>
      <c r="D111" s="5">
        <v>47</v>
      </c>
    </row>
    <row r="112" spans="1:4" ht="18" customHeight="1" x14ac:dyDescent="0.15">
      <c r="A112" s="8">
        <v>88</v>
      </c>
      <c r="B112" s="21">
        <v>20</v>
      </c>
      <c r="C112" s="6">
        <v>25</v>
      </c>
      <c r="D112" s="5">
        <v>45</v>
      </c>
    </row>
    <row r="113" spans="1:4" ht="18" customHeight="1" x14ac:dyDescent="0.15">
      <c r="A113" s="8">
        <v>89</v>
      </c>
      <c r="B113" s="21">
        <v>13</v>
      </c>
      <c r="C113" s="6">
        <v>30</v>
      </c>
      <c r="D113" s="5">
        <v>43</v>
      </c>
    </row>
    <row r="114" spans="1:4" ht="18" customHeight="1" x14ac:dyDescent="0.15">
      <c r="A114" s="8" t="s">
        <v>6</v>
      </c>
      <c r="B114" s="21">
        <v>87</v>
      </c>
      <c r="C114" s="6">
        <v>152</v>
      </c>
      <c r="D114" s="5">
        <v>239</v>
      </c>
    </row>
    <row r="115" spans="1:4" ht="18" customHeight="1" x14ac:dyDescent="0.15">
      <c r="A115" s="8">
        <v>90</v>
      </c>
      <c r="B115" s="21">
        <v>9</v>
      </c>
      <c r="C115" s="6">
        <v>28</v>
      </c>
      <c r="D115" s="5">
        <v>37</v>
      </c>
    </row>
    <row r="116" spans="1:4" ht="18" customHeight="1" x14ac:dyDescent="0.15">
      <c r="A116" s="8">
        <v>91</v>
      </c>
      <c r="B116" s="21">
        <v>5</v>
      </c>
      <c r="C116" s="6">
        <v>19</v>
      </c>
      <c r="D116" s="5">
        <v>24</v>
      </c>
    </row>
    <row r="117" spans="1:4" ht="18" customHeight="1" x14ac:dyDescent="0.15">
      <c r="A117" s="8">
        <v>92</v>
      </c>
      <c r="B117" s="21">
        <v>3</v>
      </c>
      <c r="C117" s="6">
        <v>16</v>
      </c>
      <c r="D117" s="5">
        <v>19</v>
      </c>
    </row>
    <row r="118" spans="1:4" ht="18" customHeight="1" x14ac:dyDescent="0.15">
      <c r="A118" s="8">
        <v>93</v>
      </c>
      <c r="B118" s="21">
        <v>5</v>
      </c>
      <c r="C118" s="6">
        <v>19</v>
      </c>
      <c r="D118" s="5">
        <v>24</v>
      </c>
    </row>
    <row r="119" spans="1:4" ht="18" customHeight="1" x14ac:dyDescent="0.15">
      <c r="A119" s="8">
        <v>94</v>
      </c>
      <c r="B119" s="21">
        <v>8</v>
      </c>
      <c r="C119" s="6">
        <v>6</v>
      </c>
      <c r="D119" s="5">
        <v>14</v>
      </c>
    </row>
    <row r="120" spans="1:4" ht="18" customHeight="1" x14ac:dyDescent="0.15">
      <c r="A120" s="8" t="s">
        <v>5</v>
      </c>
      <c r="B120" s="21">
        <v>30</v>
      </c>
      <c r="C120" s="6">
        <v>88</v>
      </c>
      <c r="D120" s="5">
        <v>118</v>
      </c>
    </row>
    <row r="121" spans="1:4" ht="18" customHeight="1" x14ac:dyDescent="0.15">
      <c r="A121" s="8">
        <v>95</v>
      </c>
      <c r="B121" s="21">
        <v>1</v>
      </c>
      <c r="C121" s="6">
        <v>4</v>
      </c>
      <c r="D121" s="5">
        <v>5</v>
      </c>
    </row>
    <row r="122" spans="1:4" ht="18" customHeight="1" x14ac:dyDescent="0.15">
      <c r="A122" s="8">
        <v>96</v>
      </c>
      <c r="B122" s="21">
        <v>1</v>
      </c>
      <c r="C122" s="6">
        <v>9</v>
      </c>
      <c r="D122" s="5">
        <v>10</v>
      </c>
    </row>
    <row r="123" spans="1:4" ht="18" customHeight="1" x14ac:dyDescent="0.15">
      <c r="A123" s="8">
        <v>97</v>
      </c>
      <c r="B123" s="21">
        <v>0</v>
      </c>
      <c r="C123" s="6">
        <v>3</v>
      </c>
      <c r="D123" s="5">
        <v>3</v>
      </c>
    </row>
    <row r="124" spans="1:4" ht="18" customHeight="1" x14ac:dyDescent="0.15">
      <c r="A124" s="8">
        <v>98</v>
      </c>
      <c r="B124" s="21">
        <v>1</v>
      </c>
      <c r="C124" s="6">
        <v>7</v>
      </c>
      <c r="D124" s="5">
        <v>8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3</v>
      </c>
      <c r="C126" s="6">
        <v>26</v>
      </c>
      <c r="D126" s="5">
        <v>29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1067</v>
      </c>
      <c r="C130" s="6">
        <v>1358</v>
      </c>
      <c r="D130" s="5">
        <v>2425</v>
      </c>
    </row>
    <row r="131" spans="1:4" ht="18" customHeight="1" x14ac:dyDescent="0.15">
      <c r="A131" s="4" t="s">
        <v>0</v>
      </c>
      <c r="B131" s="20">
        <v>3665</v>
      </c>
      <c r="C131" s="2">
        <v>3758</v>
      </c>
      <c r="D131" s="1">
        <v>742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0ECC62-F62D-4B53-B7BC-786EF4E8F2B4}">
  <sheetPr codeName="Sheet3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</v>
      </c>
      <c r="C5" s="11">
        <v>5</v>
      </c>
      <c r="D5" s="10">
        <v>9</v>
      </c>
    </row>
    <row r="6" spans="1:4" ht="18" customHeight="1" x14ac:dyDescent="0.15">
      <c r="A6" s="8">
        <v>1</v>
      </c>
      <c r="B6" s="21">
        <v>7</v>
      </c>
      <c r="C6" s="6">
        <v>4</v>
      </c>
      <c r="D6" s="5">
        <v>11</v>
      </c>
    </row>
    <row r="7" spans="1:4" ht="18" customHeight="1" x14ac:dyDescent="0.15">
      <c r="A7" s="8">
        <v>2</v>
      </c>
      <c r="B7" s="21">
        <v>11</v>
      </c>
      <c r="C7" s="6">
        <v>4</v>
      </c>
      <c r="D7" s="5">
        <v>15</v>
      </c>
    </row>
    <row r="8" spans="1:4" ht="18" customHeight="1" x14ac:dyDescent="0.15">
      <c r="A8" s="8">
        <v>3</v>
      </c>
      <c r="B8" s="21">
        <v>2</v>
      </c>
      <c r="C8" s="6">
        <v>3</v>
      </c>
      <c r="D8" s="5">
        <v>5</v>
      </c>
    </row>
    <row r="9" spans="1:4" ht="18" customHeight="1" x14ac:dyDescent="0.15">
      <c r="A9" s="8">
        <v>4</v>
      </c>
      <c r="B9" s="21">
        <v>4</v>
      </c>
      <c r="C9" s="6">
        <v>1</v>
      </c>
      <c r="D9" s="5">
        <v>5</v>
      </c>
    </row>
    <row r="10" spans="1:4" ht="18" customHeight="1" x14ac:dyDescent="0.15">
      <c r="A10" s="8" t="s">
        <v>25</v>
      </c>
      <c r="B10" s="21">
        <v>28</v>
      </c>
      <c r="C10" s="6">
        <v>17</v>
      </c>
      <c r="D10" s="5">
        <v>45</v>
      </c>
    </row>
    <row r="11" spans="1:4" ht="18" customHeight="1" x14ac:dyDescent="0.15">
      <c r="A11" s="8">
        <v>5</v>
      </c>
      <c r="B11" s="21">
        <v>8</v>
      </c>
      <c r="C11" s="6">
        <v>2</v>
      </c>
      <c r="D11" s="5">
        <v>10</v>
      </c>
    </row>
    <row r="12" spans="1:4" ht="18" customHeight="1" x14ac:dyDescent="0.15">
      <c r="A12" s="8">
        <v>6</v>
      </c>
      <c r="B12" s="21">
        <v>7</v>
      </c>
      <c r="C12" s="6">
        <v>4</v>
      </c>
      <c r="D12" s="5">
        <v>11</v>
      </c>
    </row>
    <row r="13" spans="1:4" ht="18" customHeight="1" x14ac:dyDescent="0.15">
      <c r="A13" s="8">
        <v>7</v>
      </c>
      <c r="B13" s="21">
        <v>4</v>
      </c>
      <c r="C13" s="6">
        <v>4</v>
      </c>
      <c r="D13" s="5">
        <v>8</v>
      </c>
    </row>
    <row r="14" spans="1:4" ht="18" customHeight="1" x14ac:dyDescent="0.15">
      <c r="A14" s="8">
        <v>8</v>
      </c>
      <c r="B14" s="21">
        <v>6</v>
      </c>
      <c r="C14" s="6">
        <v>5</v>
      </c>
      <c r="D14" s="5">
        <v>11</v>
      </c>
    </row>
    <row r="15" spans="1:4" ht="18" customHeight="1" x14ac:dyDescent="0.15">
      <c r="A15" s="8">
        <v>9</v>
      </c>
      <c r="B15" s="21">
        <v>3</v>
      </c>
      <c r="C15" s="6">
        <v>3</v>
      </c>
      <c r="D15" s="5">
        <v>6</v>
      </c>
    </row>
    <row r="16" spans="1:4" ht="18" customHeight="1" x14ac:dyDescent="0.15">
      <c r="A16" s="8" t="s">
        <v>24</v>
      </c>
      <c r="B16" s="21">
        <v>28</v>
      </c>
      <c r="C16" s="6">
        <v>18</v>
      </c>
      <c r="D16" s="5">
        <v>46</v>
      </c>
    </row>
    <row r="17" spans="1:4" ht="18" customHeight="1" x14ac:dyDescent="0.15">
      <c r="A17" s="8">
        <v>10</v>
      </c>
      <c r="B17" s="21">
        <v>12</v>
      </c>
      <c r="C17" s="6">
        <v>8</v>
      </c>
      <c r="D17" s="5">
        <v>20</v>
      </c>
    </row>
    <row r="18" spans="1:4" ht="18" customHeight="1" x14ac:dyDescent="0.15">
      <c r="A18" s="8">
        <v>11</v>
      </c>
      <c r="B18" s="21">
        <v>5</v>
      </c>
      <c r="C18" s="6">
        <v>6</v>
      </c>
      <c r="D18" s="5">
        <v>11</v>
      </c>
    </row>
    <row r="19" spans="1:4" ht="18" customHeight="1" x14ac:dyDescent="0.15">
      <c r="A19" s="8">
        <v>12</v>
      </c>
      <c r="B19" s="21">
        <v>9</v>
      </c>
      <c r="C19" s="6">
        <v>9</v>
      </c>
      <c r="D19" s="5">
        <v>18</v>
      </c>
    </row>
    <row r="20" spans="1:4" ht="18" customHeight="1" x14ac:dyDescent="0.15">
      <c r="A20" s="8">
        <v>13</v>
      </c>
      <c r="B20" s="21">
        <v>5</v>
      </c>
      <c r="C20" s="6">
        <v>9</v>
      </c>
      <c r="D20" s="5">
        <v>14</v>
      </c>
    </row>
    <row r="21" spans="1:4" ht="18" customHeight="1" x14ac:dyDescent="0.15">
      <c r="A21" s="8">
        <v>14</v>
      </c>
      <c r="B21" s="21">
        <v>9</v>
      </c>
      <c r="C21" s="6">
        <v>11</v>
      </c>
      <c r="D21" s="5">
        <v>20</v>
      </c>
    </row>
    <row r="22" spans="1:4" ht="18" customHeight="1" x14ac:dyDescent="0.15">
      <c r="A22" s="8" t="s">
        <v>23</v>
      </c>
      <c r="B22" s="21">
        <v>40</v>
      </c>
      <c r="C22" s="6">
        <v>43</v>
      </c>
      <c r="D22" s="5">
        <v>83</v>
      </c>
    </row>
    <row r="23" spans="1:4" ht="18" customHeight="1" x14ac:dyDescent="0.15">
      <c r="A23" s="8" t="s">
        <v>22</v>
      </c>
      <c r="B23" s="21">
        <v>96</v>
      </c>
      <c r="C23" s="6">
        <v>78</v>
      </c>
      <c r="D23" s="5">
        <v>174</v>
      </c>
    </row>
    <row r="24" spans="1:4" ht="18" customHeight="1" x14ac:dyDescent="0.15">
      <c r="A24" s="8">
        <v>15</v>
      </c>
      <c r="B24" s="21">
        <v>8</v>
      </c>
      <c r="C24" s="6">
        <v>9</v>
      </c>
      <c r="D24" s="5">
        <v>17</v>
      </c>
    </row>
    <row r="25" spans="1:4" ht="18" customHeight="1" x14ac:dyDescent="0.15">
      <c r="A25" s="8">
        <v>16</v>
      </c>
      <c r="B25" s="21">
        <v>5</v>
      </c>
      <c r="C25" s="6">
        <v>8</v>
      </c>
      <c r="D25" s="5">
        <v>13</v>
      </c>
    </row>
    <row r="26" spans="1:4" ht="18" customHeight="1" x14ac:dyDescent="0.15">
      <c r="A26" s="8">
        <v>17</v>
      </c>
      <c r="B26" s="21">
        <v>10</v>
      </c>
      <c r="C26" s="6">
        <v>10</v>
      </c>
      <c r="D26" s="5">
        <v>20</v>
      </c>
    </row>
    <row r="27" spans="1:4" ht="18" customHeight="1" x14ac:dyDescent="0.15">
      <c r="A27" s="8">
        <v>18</v>
      </c>
      <c r="B27" s="21">
        <v>4</v>
      </c>
      <c r="C27" s="6">
        <v>7</v>
      </c>
      <c r="D27" s="5">
        <v>11</v>
      </c>
    </row>
    <row r="28" spans="1:4" ht="18" customHeight="1" x14ac:dyDescent="0.15">
      <c r="A28" s="8">
        <v>19</v>
      </c>
      <c r="B28" s="21">
        <v>10</v>
      </c>
      <c r="C28" s="6">
        <v>16</v>
      </c>
      <c r="D28" s="5">
        <v>26</v>
      </c>
    </row>
    <row r="29" spans="1:4" ht="18" customHeight="1" x14ac:dyDescent="0.15">
      <c r="A29" s="8" t="s">
        <v>21</v>
      </c>
      <c r="B29" s="21">
        <v>37</v>
      </c>
      <c r="C29" s="6">
        <v>50</v>
      </c>
      <c r="D29" s="5">
        <v>87</v>
      </c>
    </row>
    <row r="30" spans="1:4" ht="18" customHeight="1" x14ac:dyDescent="0.15">
      <c r="A30" s="8">
        <v>20</v>
      </c>
      <c r="B30" s="21">
        <v>17</v>
      </c>
      <c r="C30" s="6">
        <v>11</v>
      </c>
      <c r="D30" s="5">
        <v>28</v>
      </c>
    </row>
    <row r="31" spans="1:4" ht="18" customHeight="1" x14ac:dyDescent="0.15">
      <c r="A31" s="8">
        <v>21</v>
      </c>
      <c r="B31" s="21">
        <v>12</v>
      </c>
      <c r="C31" s="6">
        <v>5</v>
      </c>
      <c r="D31" s="5">
        <v>17</v>
      </c>
    </row>
    <row r="32" spans="1:4" ht="18" customHeight="1" x14ac:dyDescent="0.15">
      <c r="A32" s="8">
        <v>22</v>
      </c>
      <c r="B32" s="21">
        <v>11</v>
      </c>
      <c r="C32" s="6">
        <v>10</v>
      </c>
      <c r="D32" s="5">
        <v>21</v>
      </c>
    </row>
    <row r="33" spans="1:4" ht="18" customHeight="1" x14ac:dyDescent="0.15">
      <c r="A33" s="8">
        <v>23</v>
      </c>
      <c r="B33" s="21">
        <v>10</v>
      </c>
      <c r="C33" s="6">
        <v>6</v>
      </c>
      <c r="D33" s="5">
        <v>16</v>
      </c>
    </row>
    <row r="34" spans="1:4" ht="18" customHeight="1" x14ac:dyDescent="0.15">
      <c r="A34" s="8">
        <v>24</v>
      </c>
      <c r="B34" s="21">
        <v>7</v>
      </c>
      <c r="C34" s="6">
        <v>8</v>
      </c>
      <c r="D34" s="5">
        <v>15</v>
      </c>
    </row>
    <row r="35" spans="1:4" ht="18" customHeight="1" x14ac:dyDescent="0.15">
      <c r="A35" s="8" t="s">
        <v>20</v>
      </c>
      <c r="B35" s="21">
        <v>57</v>
      </c>
      <c r="C35" s="6">
        <v>40</v>
      </c>
      <c r="D35" s="5">
        <v>97</v>
      </c>
    </row>
    <row r="36" spans="1:4" ht="18" customHeight="1" x14ac:dyDescent="0.15">
      <c r="A36" s="8">
        <v>25</v>
      </c>
      <c r="B36" s="21">
        <v>5</v>
      </c>
      <c r="C36" s="6">
        <v>9</v>
      </c>
      <c r="D36" s="5">
        <v>14</v>
      </c>
    </row>
    <row r="37" spans="1:4" ht="18" customHeight="1" x14ac:dyDescent="0.15">
      <c r="A37" s="8">
        <v>26</v>
      </c>
      <c r="B37" s="21">
        <v>6</v>
      </c>
      <c r="C37" s="6">
        <v>5</v>
      </c>
      <c r="D37" s="5">
        <v>11</v>
      </c>
    </row>
    <row r="38" spans="1:4" ht="18" customHeight="1" x14ac:dyDescent="0.15">
      <c r="A38" s="8">
        <v>27</v>
      </c>
      <c r="B38" s="21">
        <v>8</v>
      </c>
      <c r="C38" s="6">
        <v>7</v>
      </c>
      <c r="D38" s="5">
        <v>15</v>
      </c>
    </row>
    <row r="39" spans="1:4" ht="18" customHeight="1" x14ac:dyDescent="0.15">
      <c r="A39" s="8">
        <v>28</v>
      </c>
      <c r="B39" s="21">
        <v>5</v>
      </c>
      <c r="C39" s="6">
        <v>7</v>
      </c>
      <c r="D39" s="5">
        <v>12</v>
      </c>
    </row>
    <row r="40" spans="1:4" ht="18" customHeight="1" x14ac:dyDescent="0.15">
      <c r="A40" s="8">
        <v>29</v>
      </c>
      <c r="B40" s="21">
        <v>7</v>
      </c>
      <c r="C40" s="6">
        <v>2</v>
      </c>
      <c r="D40" s="5">
        <v>9</v>
      </c>
    </row>
    <row r="41" spans="1:4" ht="18" customHeight="1" x14ac:dyDescent="0.15">
      <c r="A41" s="8" t="s">
        <v>19</v>
      </c>
      <c r="B41" s="21">
        <v>31</v>
      </c>
      <c r="C41" s="6">
        <v>30</v>
      </c>
      <c r="D41" s="5">
        <v>61</v>
      </c>
    </row>
    <row r="42" spans="1:4" ht="18" customHeight="1" x14ac:dyDescent="0.15">
      <c r="A42" s="8">
        <v>30</v>
      </c>
      <c r="B42" s="21">
        <v>4</v>
      </c>
      <c r="C42" s="6">
        <v>6</v>
      </c>
      <c r="D42" s="5">
        <v>10</v>
      </c>
    </row>
    <row r="43" spans="1:4" ht="18" customHeight="1" x14ac:dyDescent="0.15">
      <c r="A43" s="8">
        <v>31</v>
      </c>
      <c r="B43" s="21">
        <v>6</v>
      </c>
      <c r="C43" s="6">
        <v>8</v>
      </c>
      <c r="D43" s="5">
        <v>14</v>
      </c>
    </row>
    <row r="44" spans="1:4" ht="18" customHeight="1" x14ac:dyDescent="0.15">
      <c r="A44" s="8">
        <v>32</v>
      </c>
      <c r="B44" s="21">
        <v>6</v>
      </c>
      <c r="C44" s="6">
        <v>8</v>
      </c>
      <c r="D44" s="5">
        <v>14</v>
      </c>
    </row>
    <row r="45" spans="1:4" ht="18" customHeight="1" x14ac:dyDescent="0.15">
      <c r="A45" s="8">
        <v>33</v>
      </c>
      <c r="B45" s="21">
        <v>8</v>
      </c>
      <c r="C45" s="6">
        <v>7</v>
      </c>
      <c r="D45" s="5">
        <v>15</v>
      </c>
    </row>
    <row r="46" spans="1:4" ht="18" customHeight="1" x14ac:dyDescent="0.15">
      <c r="A46" s="8">
        <v>34</v>
      </c>
      <c r="B46" s="21">
        <v>9</v>
      </c>
      <c r="C46" s="6">
        <v>12</v>
      </c>
      <c r="D46" s="5">
        <v>21</v>
      </c>
    </row>
    <row r="47" spans="1:4" ht="18" customHeight="1" x14ac:dyDescent="0.15">
      <c r="A47" s="8" t="s">
        <v>18</v>
      </c>
      <c r="B47" s="21">
        <v>33</v>
      </c>
      <c r="C47" s="6">
        <v>41</v>
      </c>
      <c r="D47" s="5">
        <v>74</v>
      </c>
    </row>
    <row r="48" spans="1:4" ht="18" customHeight="1" x14ac:dyDescent="0.15">
      <c r="A48" s="8">
        <v>35</v>
      </c>
      <c r="B48" s="21">
        <v>7</v>
      </c>
      <c r="C48" s="6">
        <v>9</v>
      </c>
      <c r="D48" s="5">
        <v>16</v>
      </c>
    </row>
    <row r="49" spans="1:4" ht="18" customHeight="1" x14ac:dyDescent="0.15">
      <c r="A49" s="8">
        <v>36</v>
      </c>
      <c r="B49" s="21">
        <v>5</v>
      </c>
      <c r="C49" s="6">
        <v>5</v>
      </c>
      <c r="D49" s="5">
        <v>10</v>
      </c>
    </row>
    <row r="50" spans="1:4" ht="18" customHeight="1" x14ac:dyDescent="0.15">
      <c r="A50" s="8">
        <v>37</v>
      </c>
      <c r="B50" s="21">
        <v>6</v>
      </c>
      <c r="C50" s="6">
        <v>10</v>
      </c>
      <c r="D50" s="5">
        <v>16</v>
      </c>
    </row>
    <row r="51" spans="1:4" ht="18" customHeight="1" x14ac:dyDescent="0.15">
      <c r="A51" s="8">
        <v>38</v>
      </c>
      <c r="B51" s="21">
        <v>9</v>
      </c>
      <c r="C51" s="6">
        <v>7</v>
      </c>
      <c r="D51" s="5">
        <v>16</v>
      </c>
    </row>
    <row r="52" spans="1:4" ht="18" customHeight="1" x14ac:dyDescent="0.15">
      <c r="A52" s="8">
        <v>39</v>
      </c>
      <c r="B52" s="21">
        <v>7</v>
      </c>
      <c r="C52" s="6">
        <v>6</v>
      </c>
      <c r="D52" s="5">
        <v>13</v>
      </c>
    </row>
    <row r="53" spans="1:4" ht="18" customHeight="1" x14ac:dyDescent="0.15">
      <c r="A53" s="8" t="s">
        <v>17</v>
      </c>
      <c r="B53" s="21">
        <v>34</v>
      </c>
      <c r="C53" s="6">
        <v>37</v>
      </c>
      <c r="D53" s="5">
        <v>71</v>
      </c>
    </row>
    <row r="54" spans="1:4" ht="18" customHeight="1" x14ac:dyDescent="0.15">
      <c r="A54" s="8">
        <v>40</v>
      </c>
      <c r="B54" s="21">
        <v>7</v>
      </c>
      <c r="C54" s="6">
        <v>8</v>
      </c>
      <c r="D54" s="5">
        <v>15</v>
      </c>
    </row>
    <row r="55" spans="1:4" ht="18" customHeight="1" x14ac:dyDescent="0.15">
      <c r="A55" s="8">
        <v>41</v>
      </c>
      <c r="B55" s="21">
        <v>14</v>
      </c>
      <c r="C55" s="6">
        <v>8</v>
      </c>
      <c r="D55" s="5">
        <v>22</v>
      </c>
    </row>
    <row r="56" spans="1:4" ht="18" customHeight="1" x14ac:dyDescent="0.15">
      <c r="A56" s="8">
        <v>42</v>
      </c>
      <c r="B56" s="21">
        <v>13</v>
      </c>
      <c r="C56" s="6">
        <v>11</v>
      </c>
      <c r="D56" s="5">
        <v>24</v>
      </c>
    </row>
    <row r="57" spans="1:4" ht="18" customHeight="1" x14ac:dyDescent="0.15">
      <c r="A57" s="8">
        <v>43</v>
      </c>
      <c r="B57" s="21">
        <v>10</v>
      </c>
      <c r="C57" s="6">
        <v>10</v>
      </c>
      <c r="D57" s="5">
        <v>20</v>
      </c>
    </row>
    <row r="58" spans="1:4" ht="18" customHeight="1" x14ac:dyDescent="0.15">
      <c r="A58" s="8">
        <v>44</v>
      </c>
      <c r="B58" s="21">
        <v>8</v>
      </c>
      <c r="C58" s="6">
        <v>14</v>
      </c>
      <c r="D58" s="5">
        <v>22</v>
      </c>
    </row>
    <row r="59" spans="1:4" ht="18" customHeight="1" x14ac:dyDescent="0.15">
      <c r="A59" s="8" t="s">
        <v>16</v>
      </c>
      <c r="B59" s="21">
        <v>52</v>
      </c>
      <c r="C59" s="6">
        <v>51</v>
      </c>
      <c r="D59" s="5">
        <v>103</v>
      </c>
    </row>
    <row r="60" spans="1:4" ht="18" customHeight="1" x14ac:dyDescent="0.15">
      <c r="A60" s="8">
        <v>45</v>
      </c>
      <c r="B60" s="21">
        <v>12</v>
      </c>
      <c r="C60" s="6">
        <v>14</v>
      </c>
      <c r="D60" s="5">
        <v>26</v>
      </c>
    </row>
    <row r="61" spans="1:4" ht="18" customHeight="1" x14ac:dyDescent="0.15">
      <c r="A61" s="8">
        <v>46</v>
      </c>
      <c r="B61" s="21">
        <v>23</v>
      </c>
      <c r="C61" s="6">
        <v>13</v>
      </c>
      <c r="D61" s="5">
        <v>36</v>
      </c>
    </row>
    <row r="62" spans="1:4" ht="18" customHeight="1" x14ac:dyDescent="0.15">
      <c r="A62" s="8">
        <v>47</v>
      </c>
      <c r="B62" s="21">
        <v>14</v>
      </c>
      <c r="C62" s="6">
        <v>16</v>
      </c>
      <c r="D62" s="5">
        <v>30</v>
      </c>
    </row>
    <row r="63" spans="1:4" ht="18" customHeight="1" x14ac:dyDescent="0.15">
      <c r="A63" s="8">
        <v>48</v>
      </c>
      <c r="B63" s="21">
        <v>19</v>
      </c>
      <c r="C63" s="6">
        <v>16</v>
      </c>
      <c r="D63" s="5">
        <v>35</v>
      </c>
    </row>
    <row r="64" spans="1:4" ht="18" customHeight="1" x14ac:dyDescent="0.15">
      <c r="A64" s="8">
        <v>49</v>
      </c>
      <c r="B64" s="21">
        <v>9</v>
      </c>
      <c r="C64" s="6">
        <v>10</v>
      </c>
      <c r="D64" s="5">
        <v>19</v>
      </c>
    </row>
    <row r="65" spans="1:4" ht="18" customHeight="1" x14ac:dyDescent="0.15">
      <c r="A65" s="8" t="s">
        <v>15</v>
      </c>
      <c r="B65" s="21">
        <v>77</v>
      </c>
      <c r="C65" s="6">
        <v>69</v>
      </c>
      <c r="D65" s="5">
        <v>146</v>
      </c>
    </row>
    <row r="66" spans="1:4" ht="18" customHeight="1" x14ac:dyDescent="0.15">
      <c r="A66" s="8">
        <v>50</v>
      </c>
      <c r="B66" s="21">
        <v>23</v>
      </c>
      <c r="C66" s="6">
        <v>17</v>
      </c>
      <c r="D66" s="5">
        <v>40</v>
      </c>
    </row>
    <row r="67" spans="1:4" ht="18" customHeight="1" x14ac:dyDescent="0.15">
      <c r="A67" s="8">
        <v>51</v>
      </c>
      <c r="B67" s="21">
        <v>17</v>
      </c>
      <c r="C67" s="6">
        <v>20</v>
      </c>
      <c r="D67" s="5">
        <v>37</v>
      </c>
    </row>
    <row r="68" spans="1:4" ht="18" customHeight="1" x14ac:dyDescent="0.15">
      <c r="A68" s="8">
        <v>52</v>
      </c>
      <c r="B68" s="21">
        <v>17</v>
      </c>
      <c r="C68" s="6">
        <v>22</v>
      </c>
      <c r="D68" s="5">
        <v>39</v>
      </c>
    </row>
    <row r="69" spans="1:4" ht="18" customHeight="1" x14ac:dyDescent="0.15">
      <c r="A69" s="8">
        <v>53</v>
      </c>
      <c r="B69" s="21">
        <v>18</v>
      </c>
      <c r="C69" s="6">
        <v>18</v>
      </c>
      <c r="D69" s="5">
        <v>36</v>
      </c>
    </row>
    <row r="70" spans="1:4" ht="18" customHeight="1" x14ac:dyDescent="0.15">
      <c r="A70" s="8">
        <v>54</v>
      </c>
      <c r="B70" s="21">
        <v>27</v>
      </c>
      <c r="C70" s="6">
        <v>24</v>
      </c>
      <c r="D70" s="5">
        <v>51</v>
      </c>
    </row>
    <row r="71" spans="1:4" ht="18" customHeight="1" x14ac:dyDescent="0.15">
      <c r="A71" s="8" t="s">
        <v>14</v>
      </c>
      <c r="B71" s="21">
        <v>102</v>
      </c>
      <c r="C71" s="6">
        <v>101</v>
      </c>
      <c r="D71" s="5">
        <v>203</v>
      </c>
    </row>
    <row r="72" spans="1:4" ht="18" customHeight="1" x14ac:dyDescent="0.15">
      <c r="A72" s="8">
        <v>55</v>
      </c>
      <c r="B72" s="21">
        <v>19</v>
      </c>
      <c r="C72" s="6">
        <v>12</v>
      </c>
      <c r="D72" s="5">
        <v>31</v>
      </c>
    </row>
    <row r="73" spans="1:4" ht="18" customHeight="1" x14ac:dyDescent="0.15">
      <c r="A73" s="8">
        <v>56</v>
      </c>
      <c r="B73" s="21">
        <v>8</v>
      </c>
      <c r="C73" s="6">
        <v>16</v>
      </c>
      <c r="D73" s="5">
        <v>24</v>
      </c>
    </row>
    <row r="74" spans="1:4" ht="18" customHeight="1" x14ac:dyDescent="0.15">
      <c r="A74" s="8">
        <v>57</v>
      </c>
      <c r="B74" s="21">
        <v>23</v>
      </c>
      <c r="C74" s="6">
        <v>15</v>
      </c>
      <c r="D74" s="5">
        <v>38</v>
      </c>
    </row>
    <row r="75" spans="1:4" ht="18" customHeight="1" x14ac:dyDescent="0.15">
      <c r="A75" s="8">
        <v>58</v>
      </c>
      <c r="B75" s="21">
        <v>10</v>
      </c>
      <c r="C75" s="6">
        <v>14</v>
      </c>
      <c r="D75" s="5">
        <v>24</v>
      </c>
    </row>
    <row r="76" spans="1:4" ht="18" customHeight="1" x14ac:dyDescent="0.15">
      <c r="A76" s="8">
        <v>59</v>
      </c>
      <c r="B76" s="21">
        <v>14</v>
      </c>
      <c r="C76" s="6">
        <v>13</v>
      </c>
      <c r="D76" s="5">
        <v>27</v>
      </c>
    </row>
    <row r="77" spans="1:4" ht="18" customHeight="1" x14ac:dyDescent="0.15">
      <c r="A77" s="8" t="s">
        <v>13</v>
      </c>
      <c r="B77" s="21">
        <v>74</v>
      </c>
      <c r="C77" s="6">
        <v>70</v>
      </c>
      <c r="D77" s="5">
        <v>144</v>
      </c>
    </row>
    <row r="78" spans="1:4" ht="18" customHeight="1" x14ac:dyDescent="0.15">
      <c r="A78" s="8">
        <v>60</v>
      </c>
      <c r="B78" s="21">
        <v>20</v>
      </c>
      <c r="C78" s="6">
        <v>20</v>
      </c>
      <c r="D78" s="5">
        <v>40</v>
      </c>
    </row>
    <row r="79" spans="1:4" ht="18" customHeight="1" x14ac:dyDescent="0.15">
      <c r="A79" s="8">
        <v>61</v>
      </c>
      <c r="B79" s="21">
        <v>16</v>
      </c>
      <c r="C79" s="6">
        <v>7</v>
      </c>
      <c r="D79" s="5">
        <v>23</v>
      </c>
    </row>
    <row r="80" spans="1:4" ht="18" customHeight="1" x14ac:dyDescent="0.15">
      <c r="A80" s="8">
        <v>62</v>
      </c>
      <c r="B80" s="21">
        <v>15</v>
      </c>
      <c r="C80" s="6">
        <v>10</v>
      </c>
      <c r="D80" s="5">
        <v>25</v>
      </c>
    </row>
    <row r="81" spans="1:4" ht="18" customHeight="1" x14ac:dyDescent="0.15">
      <c r="A81" s="8">
        <v>63</v>
      </c>
      <c r="B81" s="21">
        <v>12</v>
      </c>
      <c r="C81" s="6">
        <v>9</v>
      </c>
      <c r="D81" s="5">
        <v>21</v>
      </c>
    </row>
    <row r="82" spans="1:4" ht="18" customHeight="1" x14ac:dyDescent="0.15">
      <c r="A82" s="8">
        <v>64</v>
      </c>
      <c r="B82" s="21">
        <v>11</v>
      </c>
      <c r="C82" s="6">
        <v>12</v>
      </c>
      <c r="D82" s="5">
        <v>23</v>
      </c>
    </row>
    <row r="83" spans="1:4" ht="18" customHeight="1" x14ac:dyDescent="0.15">
      <c r="A83" s="8" t="s">
        <v>12</v>
      </c>
      <c r="B83" s="21">
        <v>74</v>
      </c>
      <c r="C83" s="6">
        <v>58</v>
      </c>
      <c r="D83" s="5">
        <v>132</v>
      </c>
    </row>
    <row r="84" spans="1:4" ht="18" customHeight="1" x14ac:dyDescent="0.15">
      <c r="A84" s="8" t="s">
        <v>11</v>
      </c>
      <c r="B84" s="21">
        <v>571</v>
      </c>
      <c r="C84" s="6">
        <v>547</v>
      </c>
      <c r="D84" s="5">
        <v>1118</v>
      </c>
    </row>
    <row r="85" spans="1:4" ht="18" customHeight="1" x14ac:dyDescent="0.15">
      <c r="A85" s="8">
        <v>65</v>
      </c>
      <c r="B85" s="21">
        <v>17</v>
      </c>
      <c r="C85" s="6">
        <v>9</v>
      </c>
      <c r="D85" s="5">
        <v>26</v>
      </c>
    </row>
    <row r="86" spans="1:4" ht="18" customHeight="1" x14ac:dyDescent="0.15">
      <c r="A86" s="8">
        <v>66</v>
      </c>
      <c r="B86" s="21">
        <v>13</v>
      </c>
      <c r="C86" s="6">
        <v>14</v>
      </c>
      <c r="D86" s="5">
        <v>27</v>
      </c>
    </row>
    <row r="87" spans="1:4" ht="18" customHeight="1" x14ac:dyDescent="0.15">
      <c r="A87" s="8">
        <v>67</v>
      </c>
      <c r="B87" s="21">
        <v>15</v>
      </c>
      <c r="C87" s="6">
        <v>16</v>
      </c>
      <c r="D87" s="5">
        <v>31</v>
      </c>
    </row>
    <row r="88" spans="1:4" ht="18" customHeight="1" x14ac:dyDescent="0.15">
      <c r="A88" s="8">
        <v>68</v>
      </c>
      <c r="B88" s="21">
        <v>10</v>
      </c>
      <c r="C88" s="6">
        <v>16</v>
      </c>
      <c r="D88" s="5">
        <v>26</v>
      </c>
    </row>
    <row r="89" spans="1:4" ht="18" customHeight="1" x14ac:dyDescent="0.15">
      <c r="A89" s="8">
        <v>69</v>
      </c>
      <c r="B89" s="21">
        <v>7</v>
      </c>
      <c r="C89" s="6">
        <v>20</v>
      </c>
      <c r="D89" s="5">
        <v>27</v>
      </c>
    </row>
    <row r="90" spans="1:4" ht="18" customHeight="1" x14ac:dyDescent="0.15">
      <c r="A90" s="8" t="s">
        <v>10</v>
      </c>
      <c r="B90" s="21">
        <v>62</v>
      </c>
      <c r="C90" s="6">
        <v>75</v>
      </c>
      <c r="D90" s="5">
        <v>137</v>
      </c>
    </row>
    <row r="91" spans="1:4" ht="18" customHeight="1" x14ac:dyDescent="0.15">
      <c r="A91" s="8">
        <v>70</v>
      </c>
      <c r="B91" s="21">
        <v>12</v>
      </c>
      <c r="C91" s="6">
        <v>16</v>
      </c>
      <c r="D91" s="5">
        <v>28</v>
      </c>
    </row>
    <row r="92" spans="1:4" ht="18" customHeight="1" x14ac:dyDescent="0.15">
      <c r="A92" s="8">
        <v>71</v>
      </c>
      <c r="B92" s="21">
        <v>14</v>
      </c>
      <c r="C92" s="6">
        <v>27</v>
      </c>
      <c r="D92" s="5">
        <v>41</v>
      </c>
    </row>
    <row r="93" spans="1:4" ht="18" customHeight="1" x14ac:dyDescent="0.15">
      <c r="A93" s="8">
        <v>72</v>
      </c>
      <c r="B93" s="21">
        <v>13</v>
      </c>
      <c r="C93" s="6">
        <v>29</v>
      </c>
      <c r="D93" s="5">
        <v>42</v>
      </c>
    </row>
    <row r="94" spans="1:4" ht="18" customHeight="1" x14ac:dyDescent="0.15">
      <c r="A94" s="8">
        <v>73</v>
      </c>
      <c r="B94" s="21">
        <v>28</v>
      </c>
      <c r="C94" s="6">
        <v>23</v>
      </c>
      <c r="D94" s="5">
        <v>51</v>
      </c>
    </row>
    <row r="95" spans="1:4" ht="18" customHeight="1" x14ac:dyDescent="0.15">
      <c r="A95" s="8">
        <v>74</v>
      </c>
      <c r="B95" s="21">
        <v>32</v>
      </c>
      <c r="C95" s="6">
        <v>20</v>
      </c>
      <c r="D95" s="5">
        <v>52</v>
      </c>
    </row>
    <row r="96" spans="1:4" ht="18" customHeight="1" x14ac:dyDescent="0.15">
      <c r="A96" s="8" t="s">
        <v>9</v>
      </c>
      <c r="B96" s="21">
        <v>99</v>
      </c>
      <c r="C96" s="6">
        <v>115</v>
      </c>
      <c r="D96" s="5">
        <v>214</v>
      </c>
    </row>
    <row r="97" spans="1:4" ht="18" customHeight="1" x14ac:dyDescent="0.15">
      <c r="A97" s="8">
        <v>75</v>
      </c>
      <c r="B97" s="21">
        <v>23</v>
      </c>
      <c r="C97" s="6">
        <v>28</v>
      </c>
      <c r="D97" s="5">
        <v>51</v>
      </c>
    </row>
    <row r="98" spans="1:4" ht="18" customHeight="1" x14ac:dyDescent="0.15">
      <c r="A98" s="8">
        <v>76</v>
      </c>
      <c r="B98" s="21">
        <v>30</v>
      </c>
      <c r="C98" s="6">
        <v>32</v>
      </c>
      <c r="D98" s="5">
        <v>62</v>
      </c>
    </row>
    <row r="99" spans="1:4" ht="18" customHeight="1" x14ac:dyDescent="0.15">
      <c r="A99" s="8">
        <v>77</v>
      </c>
      <c r="B99" s="21">
        <v>30</v>
      </c>
      <c r="C99" s="6">
        <v>29</v>
      </c>
      <c r="D99" s="5">
        <v>59</v>
      </c>
    </row>
    <row r="100" spans="1:4" ht="18" customHeight="1" x14ac:dyDescent="0.15">
      <c r="A100" s="8">
        <v>78</v>
      </c>
      <c r="B100" s="21">
        <v>21</v>
      </c>
      <c r="C100" s="6">
        <v>28</v>
      </c>
      <c r="D100" s="5">
        <v>49</v>
      </c>
    </row>
    <row r="101" spans="1:4" ht="18" customHeight="1" x14ac:dyDescent="0.15">
      <c r="A101" s="8">
        <v>79</v>
      </c>
      <c r="B101" s="21">
        <v>19</v>
      </c>
      <c r="C101" s="6">
        <v>29</v>
      </c>
      <c r="D101" s="5">
        <v>48</v>
      </c>
    </row>
    <row r="102" spans="1:4" ht="18" customHeight="1" x14ac:dyDescent="0.15">
      <c r="A102" s="8" t="s">
        <v>8</v>
      </c>
      <c r="B102" s="21">
        <v>123</v>
      </c>
      <c r="C102" s="6">
        <v>146</v>
      </c>
      <c r="D102" s="5">
        <v>269</v>
      </c>
    </row>
    <row r="103" spans="1:4" ht="18" customHeight="1" x14ac:dyDescent="0.15">
      <c r="A103" s="8">
        <v>80</v>
      </c>
      <c r="B103" s="21">
        <v>9</v>
      </c>
      <c r="C103" s="6">
        <v>27</v>
      </c>
      <c r="D103" s="5">
        <v>36</v>
      </c>
    </row>
    <row r="104" spans="1:4" ht="18" customHeight="1" x14ac:dyDescent="0.15">
      <c r="A104" s="8">
        <v>81</v>
      </c>
      <c r="B104" s="21">
        <v>18</v>
      </c>
      <c r="C104" s="6">
        <v>25</v>
      </c>
      <c r="D104" s="5">
        <v>43</v>
      </c>
    </row>
    <row r="105" spans="1:4" ht="18" customHeight="1" x14ac:dyDescent="0.15">
      <c r="A105" s="8">
        <v>82</v>
      </c>
      <c r="B105" s="21">
        <v>14</v>
      </c>
      <c r="C105" s="6">
        <v>20</v>
      </c>
      <c r="D105" s="5">
        <v>34</v>
      </c>
    </row>
    <row r="106" spans="1:4" ht="18" customHeight="1" x14ac:dyDescent="0.15">
      <c r="A106" s="8">
        <v>83</v>
      </c>
      <c r="B106" s="21">
        <v>10</v>
      </c>
      <c r="C106" s="6">
        <v>27</v>
      </c>
      <c r="D106" s="5">
        <v>37</v>
      </c>
    </row>
    <row r="107" spans="1:4" ht="18" customHeight="1" x14ac:dyDescent="0.15">
      <c r="A107" s="8">
        <v>84</v>
      </c>
      <c r="B107" s="21">
        <v>13</v>
      </c>
      <c r="C107" s="6">
        <v>21</v>
      </c>
      <c r="D107" s="5">
        <v>34</v>
      </c>
    </row>
    <row r="108" spans="1:4" ht="18" customHeight="1" x14ac:dyDescent="0.15">
      <c r="A108" s="8" t="s">
        <v>7</v>
      </c>
      <c r="B108" s="21">
        <v>64</v>
      </c>
      <c r="C108" s="6">
        <v>120</v>
      </c>
      <c r="D108" s="5">
        <v>184</v>
      </c>
    </row>
    <row r="109" spans="1:4" ht="18" customHeight="1" x14ac:dyDescent="0.15">
      <c r="A109" s="8">
        <v>85</v>
      </c>
      <c r="B109" s="21">
        <v>13</v>
      </c>
      <c r="C109" s="6">
        <v>14</v>
      </c>
      <c r="D109" s="5">
        <v>27</v>
      </c>
    </row>
    <row r="110" spans="1:4" ht="18" customHeight="1" x14ac:dyDescent="0.15">
      <c r="A110" s="8">
        <v>86</v>
      </c>
      <c r="B110" s="21">
        <v>9</v>
      </c>
      <c r="C110" s="6">
        <v>11</v>
      </c>
      <c r="D110" s="5">
        <v>20</v>
      </c>
    </row>
    <row r="111" spans="1:4" ht="18" customHeight="1" x14ac:dyDescent="0.15">
      <c r="A111" s="8">
        <v>87</v>
      </c>
      <c r="B111" s="21">
        <v>9</v>
      </c>
      <c r="C111" s="6">
        <v>13</v>
      </c>
      <c r="D111" s="5">
        <v>22</v>
      </c>
    </row>
    <row r="112" spans="1:4" ht="18" customHeight="1" x14ac:dyDescent="0.15">
      <c r="A112" s="8">
        <v>88</v>
      </c>
      <c r="B112" s="21">
        <v>10</v>
      </c>
      <c r="C112" s="6">
        <v>15</v>
      </c>
      <c r="D112" s="5">
        <v>25</v>
      </c>
    </row>
    <row r="113" spans="1:4" ht="18" customHeight="1" x14ac:dyDescent="0.15">
      <c r="A113" s="8">
        <v>89</v>
      </c>
      <c r="B113" s="21">
        <v>4</v>
      </c>
      <c r="C113" s="6">
        <v>18</v>
      </c>
      <c r="D113" s="5">
        <v>22</v>
      </c>
    </row>
    <row r="114" spans="1:4" ht="18" customHeight="1" x14ac:dyDescent="0.15">
      <c r="A114" s="8" t="s">
        <v>6</v>
      </c>
      <c r="B114" s="21">
        <v>45</v>
      </c>
      <c r="C114" s="6">
        <v>71</v>
      </c>
      <c r="D114" s="5">
        <v>116</v>
      </c>
    </row>
    <row r="115" spans="1:4" ht="18" customHeight="1" x14ac:dyDescent="0.15">
      <c r="A115" s="8">
        <v>90</v>
      </c>
      <c r="B115" s="21">
        <v>3</v>
      </c>
      <c r="C115" s="6">
        <v>8</v>
      </c>
      <c r="D115" s="5">
        <v>11</v>
      </c>
    </row>
    <row r="116" spans="1:4" ht="18" customHeight="1" x14ac:dyDescent="0.15">
      <c r="A116" s="8">
        <v>91</v>
      </c>
      <c r="B116" s="21">
        <v>2</v>
      </c>
      <c r="C116" s="6">
        <v>12</v>
      </c>
      <c r="D116" s="5">
        <v>14</v>
      </c>
    </row>
    <row r="117" spans="1:4" ht="18" customHeight="1" x14ac:dyDescent="0.15">
      <c r="A117" s="8">
        <v>92</v>
      </c>
      <c r="B117" s="21">
        <v>2</v>
      </c>
      <c r="C117" s="6">
        <v>7</v>
      </c>
      <c r="D117" s="5">
        <v>9</v>
      </c>
    </row>
    <row r="118" spans="1:4" ht="18" customHeight="1" x14ac:dyDescent="0.15">
      <c r="A118" s="8">
        <v>93</v>
      </c>
      <c r="B118" s="21">
        <v>4</v>
      </c>
      <c r="C118" s="6">
        <v>5</v>
      </c>
      <c r="D118" s="5">
        <v>9</v>
      </c>
    </row>
    <row r="119" spans="1:4" ht="18" customHeight="1" x14ac:dyDescent="0.15">
      <c r="A119" s="8">
        <v>94</v>
      </c>
      <c r="B119" s="21">
        <v>3</v>
      </c>
      <c r="C119" s="6">
        <v>8</v>
      </c>
      <c r="D119" s="5">
        <v>11</v>
      </c>
    </row>
    <row r="120" spans="1:4" ht="18" customHeight="1" x14ac:dyDescent="0.15">
      <c r="A120" s="8" t="s">
        <v>5</v>
      </c>
      <c r="B120" s="21">
        <v>14</v>
      </c>
      <c r="C120" s="6">
        <v>40</v>
      </c>
      <c r="D120" s="5">
        <v>54</v>
      </c>
    </row>
    <row r="121" spans="1:4" ht="18" customHeight="1" x14ac:dyDescent="0.15">
      <c r="A121" s="8">
        <v>95</v>
      </c>
      <c r="B121" s="21">
        <v>1</v>
      </c>
      <c r="C121" s="6">
        <v>6</v>
      </c>
      <c r="D121" s="5">
        <v>7</v>
      </c>
    </row>
    <row r="122" spans="1:4" ht="18" customHeight="1" x14ac:dyDescent="0.15">
      <c r="A122" s="8">
        <v>96</v>
      </c>
      <c r="B122" s="21">
        <v>2</v>
      </c>
      <c r="C122" s="6">
        <v>6</v>
      </c>
      <c r="D122" s="5">
        <v>8</v>
      </c>
    </row>
    <row r="123" spans="1:4" ht="18" customHeight="1" x14ac:dyDescent="0.15">
      <c r="A123" s="8">
        <v>97</v>
      </c>
      <c r="B123" s="21">
        <v>1</v>
      </c>
      <c r="C123" s="6">
        <v>2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6</v>
      </c>
      <c r="D125" s="5">
        <v>6</v>
      </c>
    </row>
    <row r="126" spans="1:4" ht="18" customHeight="1" x14ac:dyDescent="0.15">
      <c r="A126" s="8" t="s">
        <v>4</v>
      </c>
      <c r="B126" s="21">
        <v>4</v>
      </c>
      <c r="C126" s="6">
        <v>20</v>
      </c>
      <c r="D126" s="5">
        <v>24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411</v>
      </c>
      <c r="C130" s="6">
        <v>588</v>
      </c>
      <c r="D130" s="5">
        <v>999</v>
      </c>
    </row>
    <row r="131" spans="1:4" ht="18" customHeight="1" x14ac:dyDescent="0.15">
      <c r="A131" s="4" t="s">
        <v>0</v>
      </c>
      <c r="B131" s="20">
        <v>1078</v>
      </c>
      <c r="C131" s="2">
        <v>1213</v>
      </c>
      <c r="D131" s="1">
        <v>229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A80607-72BE-40FA-9C4F-BF15A508C0C2}">
  <sheetPr codeName="Sheet3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1</v>
      </c>
      <c r="C5" s="11">
        <v>9</v>
      </c>
      <c r="D5" s="10">
        <v>20</v>
      </c>
    </row>
    <row r="6" spans="1:4" ht="18" customHeight="1" x14ac:dyDescent="0.15">
      <c r="A6" s="8">
        <v>1</v>
      </c>
      <c r="B6" s="21">
        <v>5</v>
      </c>
      <c r="C6" s="6">
        <v>11</v>
      </c>
      <c r="D6" s="5">
        <v>16</v>
      </c>
    </row>
    <row r="7" spans="1:4" ht="18" customHeight="1" x14ac:dyDescent="0.15">
      <c r="A7" s="8">
        <v>2</v>
      </c>
      <c r="B7" s="21">
        <v>10</v>
      </c>
      <c r="C7" s="6">
        <v>10</v>
      </c>
      <c r="D7" s="5">
        <v>20</v>
      </c>
    </row>
    <row r="8" spans="1:4" ht="18" customHeight="1" x14ac:dyDescent="0.15">
      <c r="A8" s="8">
        <v>3</v>
      </c>
      <c r="B8" s="21">
        <v>11</v>
      </c>
      <c r="C8" s="6">
        <v>12</v>
      </c>
      <c r="D8" s="5">
        <v>23</v>
      </c>
    </row>
    <row r="9" spans="1:4" ht="18" customHeight="1" x14ac:dyDescent="0.15">
      <c r="A9" s="8">
        <v>4</v>
      </c>
      <c r="B9" s="21">
        <v>8</v>
      </c>
      <c r="C9" s="6">
        <v>9</v>
      </c>
      <c r="D9" s="5">
        <v>17</v>
      </c>
    </row>
    <row r="10" spans="1:4" ht="18" customHeight="1" x14ac:dyDescent="0.15">
      <c r="A10" s="8" t="s">
        <v>25</v>
      </c>
      <c r="B10" s="21">
        <v>45</v>
      </c>
      <c r="C10" s="6">
        <v>51</v>
      </c>
      <c r="D10" s="5">
        <v>96</v>
      </c>
    </row>
    <row r="11" spans="1:4" ht="18" customHeight="1" x14ac:dyDescent="0.15">
      <c r="A11" s="8">
        <v>5</v>
      </c>
      <c r="B11" s="21">
        <v>9</v>
      </c>
      <c r="C11" s="6">
        <v>7</v>
      </c>
      <c r="D11" s="5">
        <v>16</v>
      </c>
    </row>
    <row r="12" spans="1:4" ht="18" customHeight="1" x14ac:dyDescent="0.15">
      <c r="A12" s="8">
        <v>6</v>
      </c>
      <c r="B12" s="21">
        <v>13</v>
      </c>
      <c r="C12" s="6">
        <v>7</v>
      </c>
      <c r="D12" s="5">
        <v>20</v>
      </c>
    </row>
    <row r="13" spans="1:4" ht="18" customHeight="1" x14ac:dyDescent="0.15">
      <c r="A13" s="8">
        <v>7</v>
      </c>
      <c r="B13" s="21">
        <v>12</v>
      </c>
      <c r="C13" s="6">
        <v>13</v>
      </c>
      <c r="D13" s="5">
        <v>25</v>
      </c>
    </row>
    <row r="14" spans="1:4" ht="18" customHeight="1" x14ac:dyDescent="0.15">
      <c r="A14" s="8">
        <v>8</v>
      </c>
      <c r="B14" s="21">
        <v>8</v>
      </c>
      <c r="C14" s="6">
        <v>17</v>
      </c>
      <c r="D14" s="5">
        <v>25</v>
      </c>
    </row>
    <row r="15" spans="1:4" ht="18" customHeight="1" x14ac:dyDescent="0.15">
      <c r="A15" s="8">
        <v>9</v>
      </c>
      <c r="B15" s="21">
        <v>17</v>
      </c>
      <c r="C15" s="6">
        <v>11</v>
      </c>
      <c r="D15" s="5">
        <v>28</v>
      </c>
    </row>
    <row r="16" spans="1:4" ht="18" customHeight="1" x14ac:dyDescent="0.15">
      <c r="A16" s="8" t="s">
        <v>24</v>
      </c>
      <c r="B16" s="21">
        <v>59</v>
      </c>
      <c r="C16" s="6">
        <v>55</v>
      </c>
      <c r="D16" s="5">
        <v>114</v>
      </c>
    </row>
    <row r="17" spans="1:4" ht="18" customHeight="1" x14ac:dyDescent="0.15">
      <c r="A17" s="8">
        <v>10</v>
      </c>
      <c r="B17" s="21">
        <v>11</v>
      </c>
      <c r="C17" s="6">
        <v>9</v>
      </c>
      <c r="D17" s="5">
        <v>20</v>
      </c>
    </row>
    <row r="18" spans="1:4" ht="18" customHeight="1" x14ac:dyDescent="0.15">
      <c r="A18" s="8">
        <v>11</v>
      </c>
      <c r="B18" s="21">
        <v>10</v>
      </c>
      <c r="C18" s="6">
        <v>8</v>
      </c>
      <c r="D18" s="5">
        <v>18</v>
      </c>
    </row>
    <row r="19" spans="1:4" ht="18" customHeight="1" x14ac:dyDescent="0.15">
      <c r="A19" s="8">
        <v>12</v>
      </c>
      <c r="B19" s="21">
        <v>10</v>
      </c>
      <c r="C19" s="6">
        <v>15</v>
      </c>
      <c r="D19" s="5">
        <v>25</v>
      </c>
    </row>
    <row r="20" spans="1:4" ht="18" customHeight="1" x14ac:dyDescent="0.15">
      <c r="A20" s="8">
        <v>13</v>
      </c>
      <c r="B20" s="21">
        <v>14</v>
      </c>
      <c r="C20" s="6">
        <v>9</v>
      </c>
      <c r="D20" s="5">
        <v>23</v>
      </c>
    </row>
    <row r="21" spans="1:4" ht="18" customHeight="1" x14ac:dyDescent="0.15">
      <c r="A21" s="8">
        <v>14</v>
      </c>
      <c r="B21" s="21">
        <v>7</v>
      </c>
      <c r="C21" s="6">
        <v>14</v>
      </c>
      <c r="D21" s="5">
        <v>21</v>
      </c>
    </row>
    <row r="22" spans="1:4" ht="18" customHeight="1" x14ac:dyDescent="0.15">
      <c r="A22" s="8" t="s">
        <v>23</v>
      </c>
      <c r="B22" s="21">
        <v>52</v>
      </c>
      <c r="C22" s="6">
        <v>55</v>
      </c>
      <c r="D22" s="5">
        <v>107</v>
      </c>
    </row>
    <row r="23" spans="1:4" ht="18" customHeight="1" x14ac:dyDescent="0.15">
      <c r="A23" s="8" t="s">
        <v>22</v>
      </c>
      <c r="B23" s="21">
        <v>156</v>
      </c>
      <c r="C23" s="6">
        <v>161</v>
      </c>
      <c r="D23" s="5">
        <v>317</v>
      </c>
    </row>
    <row r="24" spans="1:4" ht="18" customHeight="1" x14ac:dyDescent="0.15">
      <c r="A24" s="8">
        <v>15</v>
      </c>
      <c r="B24" s="21">
        <v>16</v>
      </c>
      <c r="C24" s="6">
        <v>14</v>
      </c>
      <c r="D24" s="5">
        <v>30</v>
      </c>
    </row>
    <row r="25" spans="1:4" ht="18" customHeight="1" x14ac:dyDescent="0.15">
      <c r="A25" s="8">
        <v>16</v>
      </c>
      <c r="B25" s="21">
        <v>10</v>
      </c>
      <c r="C25" s="6">
        <v>13</v>
      </c>
      <c r="D25" s="5">
        <v>23</v>
      </c>
    </row>
    <row r="26" spans="1:4" ht="18" customHeight="1" x14ac:dyDescent="0.15">
      <c r="A26" s="8">
        <v>17</v>
      </c>
      <c r="B26" s="21">
        <v>19</v>
      </c>
      <c r="C26" s="6">
        <v>18</v>
      </c>
      <c r="D26" s="5">
        <v>37</v>
      </c>
    </row>
    <row r="27" spans="1:4" ht="18" customHeight="1" x14ac:dyDescent="0.15">
      <c r="A27" s="8">
        <v>18</v>
      </c>
      <c r="B27" s="21">
        <v>19</v>
      </c>
      <c r="C27" s="6">
        <v>20</v>
      </c>
      <c r="D27" s="5">
        <v>39</v>
      </c>
    </row>
    <row r="28" spans="1:4" ht="18" customHeight="1" x14ac:dyDescent="0.15">
      <c r="A28" s="8">
        <v>19</v>
      </c>
      <c r="B28" s="21">
        <v>21</v>
      </c>
      <c r="C28" s="6">
        <v>18</v>
      </c>
      <c r="D28" s="5">
        <v>39</v>
      </c>
    </row>
    <row r="29" spans="1:4" ht="18" customHeight="1" x14ac:dyDescent="0.15">
      <c r="A29" s="8" t="s">
        <v>21</v>
      </c>
      <c r="B29" s="21">
        <v>85</v>
      </c>
      <c r="C29" s="6">
        <v>83</v>
      </c>
      <c r="D29" s="5">
        <v>168</v>
      </c>
    </row>
    <row r="30" spans="1:4" ht="18" customHeight="1" x14ac:dyDescent="0.15">
      <c r="A30" s="8">
        <v>20</v>
      </c>
      <c r="B30" s="21">
        <v>15</v>
      </c>
      <c r="C30" s="6">
        <v>26</v>
      </c>
      <c r="D30" s="5">
        <v>41</v>
      </c>
    </row>
    <row r="31" spans="1:4" ht="18" customHeight="1" x14ac:dyDescent="0.15">
      <c r="A31" s="8">
        <v>21</v>
      </c>
      <c r="B31" s="21">
        <v>27</v>
      </c>
      <c r="C31" s="6">
        <v>18</v>
      </c>
      <c r="D31" s="5">
        <v>45</v>
      </c>
    </row>
    <row r="32" spans="1:4" ht="18" customHeight="1" x14ac:dyDescent="0.15">
      <c r="A32" s="8">
        <v>22</v>
      </c>
      <c r="B32" s="21">
        <v>23</v>
      </c>
      <c r="C32" s="6">
        <v>15</v>
      </c>
      <c r="D32" s="5">
        <v>38</v>
      </c>
    </row>
    <row r="33" spans="1:4" ht="18" customHeight="1" x14ac:dyDescent="0.15">
      <c r="A33" s="8">
        <v>23</v>
      </c>
      <c r="B33" s="21">
        <v>31</v>
      </c>
      <c r="C33" s="6">
        <v>23</v>
      </c>
      <c r="D33" s="5">
        <v>54</v>
      </c>
    </row>
    <row r="34" spans="1:4" ht="18" customHeight="1" x14ac:dyDescent="0.15">
      <c r="A34" s="8">
        <v>24</v>
      </c>
      <c r="B34" s="21">
        <v>26</v>
      </c>
      <c r="C34" s="6">
        <v>20</v>
      </c>
      <c r="D34" s="5">
        <v>46</v>
      </c>
    </row>
    <row r="35" spans="1:4" ht="18" customHeight="1" x14ac:dyDescent="0.15">
      <c r="A35" s="8" t="s">
        <v>20</v>
      </c>
      <c r="B35" s="21">
        <v>122</v>
      </c>
      <c r="C35" s="6">
        <v>102</v>
      </c>
      <c r="D35" s="5">
        <v>224</v>
      </c>
    </row>
    <row r="36" spans="1:4" ht="18" customHeight="1" x14ac:dyDescent="0.15">
      <c r="A36" s="8">
        <v>25</v>
      </c>
      <c r="B36" s="21">
        <v>27</v>
      </c>
      <c r="C36" s="6">
        <v>15</v>
      </c>
      <c r="D36" s="5">
        <v>42</v>
      </c>
    </row>
    <row r="37" spans="1:4" ht="18" customHeight="1" x14ac:dyDescent="0.15">
      <c r="A37" s="8">
        <v>26</v>
      </c>
      <c r="B37" s="21">
        <v>22</v>
      </c>
      <c r="C37" s="6">
        <v>21</v>
      </c>
      <c r="D37" s="5">
        <v>43</v>
      </c>
    </row>
    <row r="38" spans="1:4" ht="18" customHeight="1" x14ac:dyDescent="0.15">
      <c r="A38" s="8">
        <v>27</v>
      </c>
      <c r="B38" s="21">
        <v>22</v>
      </c>
      <c r="C38" s="6">
        <v>14</v>
      </c>
      <c r="D38" s="5">
        <v>36</v>
      </c>
    </row>
    <row r="39" spans="1:4" ht="18" customHeight="1" x14ac:dyDescent="0.15">
      <c r="A39" s="8">
        <v>28</v>
      </c>
      <c r="B39" s="21">
        <v>19</v>
      </c>
      <c r="C39" s="6">
        <v>12</v>
      </c>
      <c r="D39" s="5">
        <v>31</v>
      </c>
    </row>
    <row r="40" spans="1:4" ht="18" customHeight="1" x14ac:dyDescent="0.15">
      <c r="A40" s="8">
        <v>29</v>
      </c>
      <c r="B40" s="21">
        <v>23</v>
      </c>
      <c r="C40" s="6">
        <v>14</v>
      </c>
      <c r="D40" s="5">
        <v>37</v>
      </c>
    </row>
    <row r="41" spans="1:4" ht="18" customHeight="1" x14ac:dyDescent="0.15">
      <c r="A41" s="8" t="s">
        <v>19</v>
      </c>
      <c r="B41" s="21">
        <v>113</v>
      </c>
      <c r="C41" s="6">
        <v>76</v>
      </c>
      <c r="D41" s="5">
        <v>189</v>
      </c>
    </row>
    <row r="42" spans="1:4" ht="18" customHeight="1" x14ac:dyDescent="0.15">
      <c r="A42" s="8">
        <v>30</v>
      </c>
      <c r="B42" s="21">
        <v>25</v>
      </c>
      <c r="C42" s="6">
        <v>21</v>
      </c>
      <c r="D42" s="5">
        <v>46</v>
      </c>
    </row>
    <row r="43" spans="1:4" ht="18" customHeight="1" x14ac:dyDescent="0.15">
      <c r="A43" s="8">
        <v>31</v>
      </c>
      <c r="B43" s="21">
        <v>24</v>
      </c>
      <c r="C43" s="6">
        <v>18</v>
      </c>
      <c r="D43" s="5">
        <v>42</v>
      </c>
    </row>
    <row r="44" spans="1:4" ht="18" customHeight="1" x14ac:dyDescent="0.15">
      <c r="A44" s="8">
        <v>32</v>
      </c>
      <c r="B44" s="21">
        <v>13</v>
      </c>
      <c r="C44" s="6">
        <v>14</v>
      </c>
      <c r="D44" s="5">
        <v>27</v>
      </c>
    </row>
    <row r="45" spans="1:4" ht="18" customHeight="1" x14ac:dyDescent="0.15">
      <c r="A45" s="8">
        <v>33</v>
      </c>
      <c r="B45" s="21">
        <v>16</v>
      </c>
      <c r="C45" s="6">
        <v>8</v>
      </c>
      <c r="D45" s="5">
        <v>24</v>
      </c>
    </row>
    <row r="46" spans="1:4" ht="18" customHeight="1" x14ac:dyDescent="0.15">
      <c r="A46" s="8">
        <v>34</v>
      </c>
      <c r="B46" s="21">
        <v>18</v>
      </c>
      <c r="C46" s="6">
        <v>13</v>
      </c>
      <c r="D46" s="5">
        <v>31</v>
      </c>
    </row>
    <row r="47" spans="1:4" ht="18" customHeight="1" x14ac:dyDescent="0.15">
      <c r="A47" s="8" t="s">
        <v>18</v>
      </c>
      <c r="B47" s="21">
        <v>96</v>
      </c>
      <c r="C47" s="6">
        <v>74</v>
      </c>
      <c r="D47" s="5">
        <v>170</v>
      </c>
    </row>
    <row r="48" spans="1:4" ht="18" customHeight="1" x14ac:dyDescent="0.15">
      <c r="A48" s="8">
        <v>35</v>
      </c>
      <c r="B48" s="21">
        <v>18</v>
      </c>
      <c r="C48" s="6">
        <v>15</v>
      </c>
      <c r="D48" s="5">
        <v>33</v>
      </c>
    </row>
    <row r="49" spans="1:4" ht="18" customHeight="1" x14ac:dyDescent="0.15">
      <c r="A49" s="8">
        <v>36</v>
      </c>
      <c r="B49" s="21">
        <v>20</v>
      </c>
      <c r="C49" s="6">
        <v>9</v>
      </c>
      <c r="D49" s="5">
        <v>29</v>
      </c>
    </row>
    <row r="50" spans="1:4" ht="18" customHeight="1" x14ac:dyDescent="0.15">
      <c r="A50" s="8">
        <v>37</v>
      </c>
      <c r="B50" s="21">
        <v>17</v>
      </c>
      <c r="C50" s="6">
        <v>12</v>
      </c>
      <c r="D50" s="5">
        <v>29</v>
      </c>
    </row>
    <row r="51" spans="1:4" ht="18" customHeight="1" x14ac:dyDescent="0.15">
      <c r="A51" s="8">
        <v>38</v>
      </c>
      <c r="B51" s="21">
        <v>18</v>
      </c>
      <c r="C51" s="6">
        <v>23</v>
      </c>
      <c r="D51" s="5">
        <v>41</v>
      </c>
    </row>
    <row r="52" spans="1:4" ht="18" customHeight="1" x14ac:dyDescent="0.15">
      <c r="A52" s="8">
        <v>39</v>
      </c>
      <c r="B52" s="21">
        <v>17</v>
      </c>
      <c r="C52" s="6">
        <v>15</v>
      </c>
      <c r="D52" s="5">
        <v>32</v>
      </c>
    </row>
    <row r="53" spans="1:4" ht="18" customHeight="1" x14ac:dyDescent="0.15">
      <c r="A53" s="8" t="s">
        <v>17</v>
      </c>
      <c r="B53" s="21">
        <v>90</v>
      </c>
      <c r="C53" s="6">
        <v>74</v>
      </c>
      <c r="D53" s="5">
        <v>164</v>
      </c>
    </row>
    <row r="54" spans="1:4" ht="18" customHeight="1" x14ac:dyDescent="0.15">
      <c r="A54" s="8">
        <v>40</v>
      </c>
      <c r="B54" s="21">
        <v>16</v>
      </c>
      <c r="C54" s="6">
        <v>21</v>
      </c>
      <c r="D54" s="5">
        <v>37</v>
      </c>
    </row>
    <row r="55" spans="1:4" ht="18" customHeight="1" x14ac:dyDescent="0.15">
      <c r="A55" s="8">
        <v>41</v>
      </c>
      <c r="B55" s="21">
        <v>20</v>
      </c>
      <c r="C55" s="6">
        <v>16</v>
      </c>
      <c r="D55" s="5">
        <v>36</v>
      </c>
    </row>
    <row r="56" spans="1:4" ht="18" customHeight="1" x14ac:dyDescent="0.15">
      <c r="A56" s="8">
        <v>42</v>
      </c>
      <c r="B56" s="21">
        <v>19</v>
      </c>
      <c r="C56" s="6">
        <v>18</v>
      </c>
      <c r="D56" s="5">
        <v>37</v>
      </c>
    </row>
    <row r="57" spans="1:4" ht="18" customHeight="1" x14ac:dyDescent="0.15">
      <c r="A57" s="8">
        <v>43</v>
      </c>
      <c r="B57" s="21">
        <v>14</v>
      </c>
      <c r="C57" s="6">
        <v>20</v>
      </c>
      <c r="D57" s="5">
        <v>34</v>
      </c>
    </row>
    <row r="58" spans="1:4" ht="18" customHeight="1" x14ac:dyDescent="0.15">
      <c r="A58" s="8">
        <v>44</v>
      </c>
      <c r="B58" s="21">
        <v>15</v>
      </c>
      <c r="C58" s="6">
        <v>18</v>
      </c>
      <c r="D58" s="5">
        <v>33</v>
      </c>
    </row>
    <row r="59" spans="1:4" ht="18" customHeight="1" x14ac:dyDescent="0.15">
      <c r="A59" s="8" t="s">
        <v>16</v>
      </c>
      <c r="B59" s="21">
        <v>84</v>
      </c>
      <c r="C59" s="6">
        <v>93</v>
      </c>
      <c r="D59" s="5">
        <v>177</v>
      </c>
    </row>
    <row r="60" spans="1:4" ht="18" customHeight="1" x14ac:dyDescent="0.15">
      <c r="A60" s="8">
        <v>45</v>
      </c>
      <c r="B60" s="21">
        <v>13</v>
      </c>
      <c r="C60" s="6">
        <v>26</v>
      </c>
      <c r="D60" s="5">
        <v>39</v>
      </c>
    </row>
    <row r="61" spans="1:4" ht="18" customHeight="1" x14ac:dyDescent="0.15">
      <c r="A61" s="8">
        <v>46</v>
      </c>
      <c r="B61" s="21">
        <v>24</v>
      </c>
      <c r="C61" s="6">
        <v>22</v>
      </c>
      <c r="D61" s="5">
        <v>46</v>
      </c>
    </row>
    <row r="62" spans="1:4" ht="18" customHeight="1" x14ac:dyDescent="0.15">
      <c r="A62" s="8">
        <v>47</v>
      </c>
      <c r="B62" s="21">
        <v>34</v>
      </c>
      <c r="C62" s="6">
        <v>25</v>
      </c>
      <c r="D62" s="5">
        <v>59</v>
      </c>
    </row>
    <row r="63" spans="1:4" ht="18" customHeight="1" x14ac:dyDescent="0.15">
      <c r="A63" s="8">
        <v>48</v>
      </c>
      <c r="B63" s="21">
        <v>22</v>
      </c>
      <c r="C63" s="6">
        <v>20</v>
      </c>
      <c r="D63" s="5">
        <v>42</v>
      </c>
    </row>
    <row r="64" spans="1:4" ht="18" customHeight="1" x14ac:dyDescent="0.15">
      <c r="A64" s="8">
        <v>49</v>
      </c>
      <c r="B64" s="21">
        <v>34</v>
      </c>
      <c r="C64" s="6">
        <v>25</v>
      </c>
      <c r="D64" s="5">
        <v>59</v>
      </c>
    </row>
    <row r="65" spans="1:4" ht="18" customHeight="1" x14ac:dyDescent="0.15">
      <c r="A65" s="8" t="s">
        <v>15</v>
      </c>
      <c r="B65" s="21">
        <v>127</v>
      </c>
      <c r="C65" s="6">
        <v>118</v>
      </c>
      <c r="D65" s="5">
        <v>245</v>
      </c>
    </row>
    <row r="66" spans="1:4" ht="18" customHeight="1" x14ac:dyDescent="0.15">
      <c r="A66" s="8">
        <v>50</v>
      </c>
      <c r="B66" s="21">
        <v>38</v>
      </c>
      <c r="C66" s="6">
        <v>41</v>
      </c>
      <c r="D66" s="5">
        <v>79</v>
      </c>
    </row>
    <row r="67" spans="1:4" ht="18" customHeight="1" x14ac:dyDescent="0.15">
      <c r="A67" s="8">
        <v>51</v>
      </c>
      <c r="B67" s="21">
        <v>43</v>
      </c>
      <c r="C67" s="6">
        <v>41</v>
      </c>
      <c r="D67" s="5">
        <v>84</v>
      </c>
    </row>
    <row r="68" spans="1:4" ht="18" customHeight="1" x14ac:dyDescent="0.15">
      <c r="A68" s="8">
        <v>52</v>
      </c>
      <c r="B68" s="21">
        <v>31</v>
      </c>
      <c r="C68" s="6">
        <v>32</v>
      </c>
      <c r="D68" s="5">
        <v>63</v>
      </c>
    </row>
    <row r="69" spans="1:4" ht="18" customHeight="1" x14ac:dyDescent="0.15">
      <c r="A69" s="8">
        <v>53</v>
      </c>
      <c r="B69" s="21">
        <v>24</v>
      </c>
      <c r="C69" s="6">
        <v>43</v>
      </c>
      <c r="D69" s="5">
        <v>67</v>
      </c>
    </row>
    <row r="70" spans="1:4" ht="18" customHeight="1" x14ac:dyDescent="0.15">
      <c r="A70" s="8">
        <v>54</v>
      </c>
      <c r="B70" s="21">
        <v>47</v>
      </c>
      <c r="C70" s="6">
        <v>37</v>
      </c>
      <c r="D70" s="5">
        <v>84</v>
      </c>
    </row>
    <row r="71" spans="1:4" ht="18" customHeight="1" x14ac:dyDescent="0.15">
      <c r="A71" s="8" t="s">
        <v>14</v>
      </c>
      <c r="B71" s="21">
        <v>183</v>
      </c>
      <c r="C71" s="6">
        <v>194</v>
      </c>
      <c r="D71" s="5">
        <v>377</v>
      </c>
    </row>
    <row r="72" spans="1:4" ht="18" customHeight="1" x14ac:dyDescent="0.15">
      <c r="A72" s="8">
        <v>55</v>
      </c>
      <c r="B72" s="21">
        <v>36</v>
      </c>
      <c r="C72" s="6">
        <v>28</v>
      </c>
      <c r="D72" s="5">
        <v>64</v>
      </c>
    </row>
    <row r="73" spans="1:4" ht="18" customHeight="1" x14ac:dyDescent="0.15">
      <c r="A73" s="8">
        <v>56</v>
      </c>
      <c r="B73" s="21">
        <v>35</v>
      </c>
      <c r="C73" s="6">
        <v>30</v>
      </c>
      <c r="D73" s="5">
        <v>65</v>
      </c>
    </row>
    <row r="74" spans="1:4" ht="18" customHeight="1" x14ac:dyDescent="0.15">
      <c r="A74" s="8">
        <v>57</v>
      </c>
      <c r="B74" s="21">
        <v>34</v>
      </c>
      <c r="C74" s="6">
        <v>44</v>
      </c>
      <c r="D74" s="5">
        <v>78</v>
      </c>
    </row>
    <row r="75" spans="1:4" ht="18" customHeight="1" x14ac:dyDescent="0.15">
      <c r="A75" s="8">
        <v>58</v>
      </c>
      <c r="B75" s="21">
        <v>26</v>
      </c>
      <c r="C75" s="6">
        <v>32</v>
      </c>
      <c r="D75" s="5">
        <v>58</v>
      </c>
    </row>
    <row r="76" spans="1:4" ht="18" customHeight="1" x14ac:dyDescent="0.15">
      <c r="A76" s="8">
        <v>59</v>
      </c>
      <c r="B76" s="21">
        <v>25</v>
      </c>
      <c r="C76" s="6">
        <v>24</v>
      </c>
      <c r="D76" s="5">
        <v>49</v>
      </c>
    </row>
    <row r="77" spans="1:4" ht="18" customHeight="1" x14ac:dyDescent="0.15">
      <c r="A77" s="8" t="s">
        <v>13</v>
      </c>
      <c r="B77" s="21">
        <v>156</v>
      </c>
      <c r="C77" s="6">
        <v>158</v>
      </c>
      <c r="D77" s="5">
        <v>314</v>
      </c>
    </row>
    <row r="78" spans="1:4" ht="18" customHeight="1" x14ac:dyDescent="0.15">
      <c r="A78" s="8">
        <v>60</v>
      </c>
      <c r="B78" s="21">
        <v>29</v>
      </c>
      <c r="C78" s="6">
        <v>34</v>
      </c>
      <c r="D78" s="5">
        <v>63</v>
      </c>
    </row>
    <row r="79" spans="1:4" ht="18" customHeight="1" x14ac:dyDescent="0.15">
      <c r="A79" s="8">
        <v>61</v>
      </c>
      <c r="B79" s="21">
        <v>18</v>
      </c>
      <c r="C79" s="6">
        <v>22</v>
      </c>
      <c r="D79" s="5">
        <v>40</v>
      </c>
    </row>
    <row r="80" spans="1:4" ht="18" customHeight="1" x14ac:dyDescent="0.15">
      <c r="A80" s="8">
        <v>62</v>
      </c>
      <c r="B80" s="21">
        <v>24</v>
      </c>
      <c r="C80" s="6">
        <v>27</v>
      </c>
      <c r="D80" s="5">
        <v>51</v>
      </c>
    </row>
    <row r="81" spans="1:4" ht="18" customHeight="1" x14ac:dyDescent="0.15">
      <c r="A81" s="8">
        <v>63</v>
      </c>
      <c r="B81" s="21">
        <v>20</v>
      </c>
      <c r="C81" s="6">
        <v>21</v>
      </c>
      <c r="D81" s="5">
        <v>41</v>
      </c>
    </row>
    <row r="82" spans="1:4" ht="18" customHeight="1" x14ac:dyDescent="0.15">
      <c r="A82" s="8">
        <v>64</v>
      </c>
      <c r="B82" s="21">
        <v>29</v>
      </c>
      <c r="C82" s="6">
        <v>25</v>
      </c>
      <c r="D82" s="5">
        <v>54</v>
      </c>
    </row>
    <row r="83" spans="1:4" ht="18" customHeight="1" x14ac:dyDescent="0.15">
      <c r="A83" s="8" t="s">
        <v>12</v>
      </c>
      <c r="B83" s="21">
        <v>120</v>
      </c>
      <c r="C83" s="6">
        <v>129</v>
      </c>
      <c r="D83" s="5">
        <v>249</v>
      </c>
    </row>
    <row r="84" spans="1:4" ht="18" customHeight="1" x14ac:dyDescent="0.15">
      <c r="A84" s="8" t="s">
        <v>11</v>
      </c>
      <c r="B84" s="21">
        <v>1176</v>
      </c>
      <c r="C84" s="6">
        <v>1101</v>
      </c>
      <c r="D84" s="5">
        <v>2277</v>
      </c>
    </row>
    <row r="85" spans="1:4" ht="18" customHeight="1" x14ac:dyDescent="0.15">
      <c r="A85" s="8">
        <v>65</v>
      </c>
      <c r="B85" s="21">
        <v>28</v>
      </c>
      <c r="C85" s="6">
        <v>18</v>
      </c>
      <c r="D85" s="5">
        <v>46</v>
      </c>
    </row>
    <row r="86" spans="1:4" ht="18" customHeight="1" x14ac:dyDescent="0.15">
      <c r="A86" s="8">
        <v>66</v>
      </c>
      <c r="B86" s="21">
        <v>26</v>
      </c>
      <c r="C86" s="6">
        <v>21</v>
      </c>
      <c r="D86" s="5">
        <v>47</v>
      </c>
    </row>
    <row r="87" spans="1:4" ht="18" customHeight="1" x14ac:dyDescent="0.15">
      <c r="A87" s="8">
        <v>67</v>
      </c>
      <c r="B87" s="21">
        <v>17</v>
      </c>
      <c r="C87" s="6">
        <v>19</v>
      </c>
      <c r="D87" s="5">
        <v>36</v>
      </c>
    </row>
    <row r="88" spans="1:4" ht="18" customHeight="1" x14ac:dyDescent="0.15">
      <c r="A88" s="8">
        <v>68</v>
      </c>
      <c r="B88" s="21">
        <v>20</v>
      </c>
      <c r="C88" s="6">
        <v>19</v>
      </c>
      <c r="D88" s="5">
        <v>39</v>
      </c>
    </row>
    <row r="89" spans="1:4" ht="18" customHeight="1" x14ac:dyDescent="0.15">
      <c r="A89" s="8">
        <v>69</v>
      </c>
      <c r="B89" s="21">
        <v>17</v>
      </c>
      <c r="C89" s="6">
        <v>27</v>
      </c>
      <c r="D89" s="5">
        <v>44</v>
      </c>
    </row>
    <row r="90" spans="1:4" ht="18" customHeight="1" x14ac:dyDescent="0.15">
      <c r="A90" s="8" t="s">
        <v>10</v>
      </c>
      <c r="B90" s="21">
        <v>108</v>
      </c>
      <c r="C90" s="6">
        <v>104</v>
      </c>
      <c r="D90" s="5">
        <v>212</v>
      </c>
    </row>
    <row r="91" spans="1:4" ht="18" customHeight="1" x14ac:dyDescent="0.15">
      <c r="A91" s="8">
        <v>70</v>
      </c>
      <c r="B91" s="21">
        <v>22</v>
      </c>
      <c r="C91" s="6">
        <v>22</v>
      </c>
      <c r="D91" s="5">
        <v>44</v>
      </c>
    </row>
    <row r="92" spans="1:4" ht="18" customHeight="1" x14ac:dyDescent="0.15">
      <c r="A92" s="8">
        <v>71</v>
      </c>
      <c r="B92" s="21">
        <v>27</v>
      </c>
      <c r="C92" s="6">
        <v>22</v>
      </c>
      <c r="D92" s="5">
        <v>49</v>
      </c>
    </row>
    <row r="93" spans="1:4" ht="18" customHeight="1" x14ac:dyDescent="0.15">
      <c r="A93" s="8">
        <v>72</v>
      </c>
      <c r="B93" s="21">
        <v>29</v>
      </c>
      <c r="C93" s="6">
        <v>23</v>
      </c>
      <c r="D93" s="5">
        <v>52</v>
      </c>
    </row>
    <row r="94" spans="1:4" ht="18" customHeight="1" x14ac:dyDescent="0.15">
      <c r="A94" s="8">
        <v>73</v>
      </c>
      <c r="B94" s="21">
        <v>23</v>
      </c>
      <c r="C94" s="6">
        <v>29</v>
      </c>
      <c r="D94" s="5">
        <v>52</v>
      </c>
    </row>
    <row r="95" spans="1:4" ht="18" customHeight="1" x14ac:dyDescent="0.15">
      <c r="A95" s="8">
        <v>74</v>
      </c>
      <c r="B95" s="21">
        <v>21</v>
      </c>
      <c r="C95" s="6">
        <v>31</v>
      </c>
      <c r="D95" s="5">
        <v>52</v>
      </c>
    </row>
    <row r="96" spans="1:4" ht="18" customHeight="1" x14ac:dyDescent="0.15">
      <c r="A96" s="8" t="s">
        <v>9</v>
      </c>
      <c r="B96" s="21">
        <v>122</v>
      </c>
      <c r="C96" s="6">
        <v>127</v>
      </c>
      <c r="D96" s="5">
        <v>249</v>
      </c>
    </row>
    <row r="97" spans="1:4" ht="18" customHeight="1" x14ac:dyDescent="0.15">
      <c r="A97" s="8">
        <v>75</v>
      </c>
      <c r="B97" s="21">
        <v>26</v>
      </c>
      <c r="C97" s="6">
        <v>38</v>
      </c>
      <c r="D97" s="5">
        <v>64</v>
      </c>
    </row>
    <row r="98" spans="1:4" ht="18" customHeight="1" x14ac:dyDescent="0.15">
      <c r="A98" s="8">
        <v>76</v>
      </c>
      <c r="B98" s="21">
        <v>37</v>
      </c>
      <c r="C98" s="6">
        <v>44</v>
      </c>
      <c r="D98" s="5">
        <v>81</v>
      </c>
    </row>
    <row r="99" spans="1:4" ht="18" customHeight="1" x14ac:dyDescent="0.15">
      <c r="A99" s="8">
        <v>77</v>
      </c>
      <c r="B99" s="21">
        <v>26</v>
      </c>
      <c r="C99" s="6">
        <v>44</v>
      </c>
      <c r="D99" s="5">
        <v>70</v>
      </c>
    </row>
    <row r="100" spans="1:4" ht="18" customHeight="1" x14ac:dyDescent="0.15">
      <c r="A100" s="8">
        <v>78</v>
      </c>
      <c r="B100" s="21">
        <v>38</v>
      </c>
      <c r="C100" s="6">
        <v>42</v>
      </c>
      <c r="D100" s="5">
        <v>80</v>
      </c>
    </row>
    <row r="101" spans="1:4" ht="18" customHeight="1" x14ac:dyDescent="0.15">
      <c r="A101" s="8">
        <v>79</v>
      </c>
      <c r="B101" s="21">
        <v>16</v>
      </c>
      <c r="C101" s="6">
        <v>13</v>
      </c>
      <c r="D101" s="5">
        <v>29</v>
      </c>
    </row>
    <row r="102" spans="1:4" ht="18" customHeight="1" x14ac:dyDescent="0.15">
      <c r="A102" s="8" t="s">
        <v>8</v>
      </c>
      <c r="B102" s="21">
        <v>143</v>
      </c>
      <c r="C102" s="6">
        <v>181</v>
      </c>
      <c r="D102" s="5">
        <v>324</v>
      </c>
    </row>
    <row r="103" spans="1:4" ht="18" customHeight="1" x14ac:dyDescent="0.15">
      <c r="A103" s="8">
        <v>80</v>
      </c>
      <c r="B103" s="21">
        <v>24</v>
      </c>
      <c r="C103" s="6">
        <v>23</v>
      </c>
      <c r="D103" s="5">
        <v>47</v>
      </c>
    </row>
    <row r="104" spans="1:4" ht="18" customHeight="1" x14ac:dyDescent="0.15">
      <c r="A104" s="8">
        <v>81</v>
      </c>
      <c r="B104" s="21">
        <v>24</v>
      </c>
      <c r="C104" s="6">
        <v>32</v>
      </c>
      <c r="D104" s="5">
        <v>56</v>
      </c>
    </row>
    <row r="105" spans="1:4" ht="18" customHeight="1" x14ac:dyDescent="0.15">
      <c r="A105" s="8">
        <v>82</v>
      </c>
      <c r="B105" s="21">
        <v>13</v>
      </c>
      <c r="C105" s="6">
        <v>40</v>
      </c>
      <c r="D105" s="5">
        <v>53</v>
      </c>
    </row>
    <row r="106" spans="1:4" ht="18" customHeight="1" x14ac:dyDescent="0.15">
      <c r="A106" s="8">
        <v>83</v>
      </c>
      <c r="B106" s="21">
        <v>22</v>
      </c>
      <c r="C106" s="6">
        <v>33</v>
      </c>
      <c r="D106" s="5">
        <v>55</v>
      </c>
    </row>
    <row r="107" spans="1:4" ht="18" customHeight="1" x14ac:dyDescent="0.15">
      <c r="A107" s="8">
        <v>84</v>
      </c>
      <c r="B107" s="21">
        <v>15</v>
      </c>
      <c r="C107" s="6">
        <v>32</v>
      </c>
      <c r="D107" s="5">
        <v>47</v>
      </c>
    </row>
    <row r="108" spans="1:4" ht="18" customHeight="1" x14ac:dyDescent="0.15">
      <c r="A108" s="8" t="s">
        <v>7</v>
      </c>
      <c r="B108" s="21">
        <v>98</v>
      </c>
      <c r="C108" s="6">
        <v>160</v>
      </c>
      <c r="D108" s="5">
        <v>258</v>
      </c>
    </row>
    <row r="109" spans="1:4" ht="18" customHeight="1" x14ac:dyDescent="0.15">
      <c r="A109" s="8">
        <v>85</v>
      </c>
      <c r="B109" s="21">
        <v>17</v>
      </c>
      <c r="C109" s="6">
        <v>25</v>
      </c>
      <c r="D109" s="5">
        <v>42</v>
      </c>
    </row>
    <row r="110" spans="1:4" ht="18" customHeight="1" x14ac:dyDescent="0.15">
      <c r="A110" s="8">
        <v>86</v>
      </c>
      <c r="B110" s="21">
        <v>10</v>
      </c>
      <c r="C110" s="6">
        <v>20</v>
      </c>
      <c r="D110" s="5">
        <v>30</v>
      </c>
    </row>
    <row r="111" spans="1:4" ht="18" customHeight="1" x14ac:dyDescent="0.15">
      <c r="A111" s="8">
        <v>87</v>
      </c>
      <c r="B111" s="21">
        <v>8</v>
      </c>
      <c r="C111" s="6">
        <v>21</v>
      </c>
      <c r="D111" s="5">
        <v>29</v>
      </c>
    </row>
    <row r="112" spans="1:4" ht="18" customHeight="1" x14ac:dyDescent="0.15">
      <c r="A112" s="8">
        <v>88</v>
      </c>
      <c r="B112" s="21">
        <v>11</v>
      </c>
      <c r="C112" s="6">
        <v>20</v>
      </c>
      <c r="D112" s="5">
        <v>31</v>
      </c>
    </row>
    <row r="113" spans="1:4" ht="18" customHeight="1" x14ac:dyDescent="0.15">
      <c r="A113" s="8">
        <v>89</v>
      </c>
      <c r="B113" s="21">
        <v>2</v>
      </c>
      <c r="C113" s="6">
        <v>20</v>
      </c>
      <c r="D113" s="5">
        <v>22</v>
      </c>
    </row>
    <row r="114" spans="1:4" ht="18" customHeight="1" x14ac:dyDescent="0.15">
      <c r="A114" s="8" t="s">
        <v>6</v>
      </c>
      <c r="B114" s="21">
        <v>48</v>
      </c>
      <c r="C114" s="6">
        <v>106</v>
      </c>
      <c r="D114" s="5">
        <v>154</v>
      </c>
    </row>
    <row r="115" spans="1:4" ht="18" customHeight="1" x14ac:dyDescent="0.15">
      <c r="A115" s="8">
        <v>90</v>
      </c>
      <c r="B115" s="21">
        <v>6</v>
      </c>
      <c r="C115" s="6">
        <v>20</v>
      </c>
      <c r="D115" s="5">
        <v>26</v>
      </c>
    </row>
    <row r="116" spans="1:4" ht="18" customHeight="1" x14ac:dyDescent="0.15">
      <c r="A116" s="8">
        <v>91</v>
      </c>
      <c r="B116" s="21">
        <v>3</v>
      </c>
      <c r="C116" s="6">
        <v>11</v>
      </c>
      <c r="D116" s="5">
        <v>14</v>
      </c>
    </row>
    <row r="117" spans="1:4" ht="18" customHeight="1" x14ac:dyDescent="0.15">
      <c r="A117" s="8">
        <v>92</v>
      </c>
      <c r="B117" s="21">
        <v>1</v>
      </c>
      <c r="C117" s="6">
        <v>9</v>
      </c>
      <c r="D117" s="5">
        <v>10</v>
      </c>
    </row>
    <row r="118" spans="1:4" ht="18" customHeight="1" x14ac:dyDescent="0.15">
      <c r="A118" s="8">
        <v>93</v>
      </c>
      <c r="B118" s="21">
        <v>7</v>
      </c>
      <c r="C118" s="6">
        <v>10</v>
      </c>
      <c r="D118" s="5">
        <v>17</v>
      </c>
    </row>
    <row r="119" spans="1:4" ht="18" customHeight="1" x14ac:dyDescent="0.15">
      <c r="A119" s="8">
        <v>94</v>
      </c>
      <c r="B119" s="21">
        <v>2</v>
      </c>
      <c r="C119" s="6">
        <v>10</v>
      </c>
      <c r="D119" s="5">
        <v>12</v>
      </c>
    </row>
    <row r="120" spans="1:4" ht="18" customHeight="1" x14ac:dyDescent="0.15">
      <c r="A120" s="8" t="s">
        <v>5</v>
      </c>
      <c r="B120" s="21">
        <v>19</v>
      </c>
      <c r="C120" s="6">
        <v>60</v>
      </c>
      <c r="D120" s="5">
        <v>79</v>
      </c>
    </row>
    <row r="121" spans="1:4" ht="18" customHeight="1" x14ac:dyDescent="0.15">
      <c r="A121" s="8">
        <v>95</v>
      </c>
      <c r="B121" s="21">
        <v>0</v>
      </c>
      <c r="C121" s="6">
        <v>8</v>
      </c>
      <c r="D121" s="5">
        <v>8</v>
      </c>
    </row>
    <row r="122" spans="1:4" ht="18" customHeight="1" x14ac:dyDescent="0.15">
      <c r="A122" s="8">
        <v>96</v>
      </c>
      <c r="B122" s="21">
        <v>0</v>
      </c>
      <c r="C122" s="6">
        <v>5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2</v>
      </c>
      <c r="C125" s="6">
        <v>0</v>
      </c>
      <c r="D125" s="5">
        <v>2</v>
      </c>
    </row>
    <row r="126" spans="1:4" ht="18" customHeight="1" x14ac:dyDescent="0.15">
      <c r="A126" s="8" t="s">
        <v>4</v>
      </c>
      <c r="B126" s="21">
        <v>2</v>
      </c>
      <c r="C126" s="6">
        <v>15</v>
      </c>
      <c r="D126" s="5">
        <v>1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540</v>
      </c>
      <c r="C130" s="6">
        <v>756</v>
      </c>
      <c r="D130" s="5">
        <v>1296</v>
      </c>
    </row>
    <row r="131" spans="1:4" ht="18" customHeight="1" x14ac:dyDescent="0.15">
      <c r="A131" s="4" t="s">
        <v>0</v>
      </c>
      <c r="B131" s="20">
        <v>1872</v>
      </c>
      <c r="C131" s="2">
        <v>2018</v>
      </c>
      <c r="D131" s="1">
        <v>38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AFB096-4965-4283-B25B-041A3A85053C}">
  <sheetPr codeName="Sheet3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4</v>
      </c>
      <c r="C5" s="11">
        <v>39</v>
      </c>
      <c r="D5" s="10">
        <v>93</v>
      </c>
    </row>
    <row r="6" spans="1:4" ht="18" customHeight="1" x14ac:dyDescent="0.15">
      <c r="A6" s="8">
        <v>1</v>
      </c>
      <c r="B6" s="21">
        <v>50</v>
      </c>
      <c r="C6" s="6">
        <v>43</v>
      </c>
      <c r="D6" s="5">
        <v>93</v>
      </c>
    </row>
    <row r="7" spans="1:4" ht="18" customHeight="1" x14ac:dyDescent="0.15">
      <c r="A7" s="8">
        <v>2</v>
      </c>
      <c r="B7" s="21">
        <v>55</v>
      </c>
      <c r="C7" s="6">
        <v>48</v>
      </c>
      <c r="D7" s="5">
        <v>103</v>
      </c>
    </row>
    <row r="8" spans="1:4" ht="18" customHeight="1" x14ac:dyDescent="0.15">
      <c r="A8" s="8">
        <v>3</v>
      </c>
      <c r="B8" s="21">
        <v>70</v>
      </c>
      <c r="C8" s="6">
        <v>56</v>
      </c>
      <c r="D8" s="5">
        <v>126</v>
      </c>
    </row>
    <row r="9" spans="1:4" ht="18" customHeight="1" x14ac:dyDescent="0.15">
      <c r="A9" s="8">
        <v>4</v>
      </c>
      <c r="B9" s="21">
        <v>71</v>
      </c>
      <c r="C9" s="6">
        <v>61</v>
      </c>
      <c r="D9" s="5">
        <v>132</v>
      </c>
    </row>
    <row r="10" spans="1:4" ht="18" customHeight="1" x14ac:dyDescent="0.15">
      <c r="A10" s="8" t="s">
        <v>25</v>
      </c>
      <c r="B10" s="21">
        <v>300</v>
      </c>
      <c r="C10" s="6">
        <v>247</v>
      </c>
      <c r="D10" s="5">
        <v>547</v>
      </c>
    </row>
    <row r="11" spans="1:4" ht="18" customHeight="1" x14ac:dyDescent="0.15">
      <c r="A11" s="8">
        <v>5</v>
      </c>
      <c r="B11" s="21">
        <v>59</v>
      </c>
      <c r="C11" s="6">
        <v>67</v>
      </c>
      <c r="D11" s="5">
        <v>126</v>
      </c>
    </row>
    <row r="12" spans="1:4" ht="18" customHeight="1" x14ac:dyDescent="0.15">
      <c r="A12" s="8">
        <v>6</v>
      </c>
      <c r="B12" s="21">
        <v>80</v>
      </c>
      <c r="C12" s="6">
        <v>61</v>
      </c>
      <c r="D12" s="5">
        <v>141</v>
      </c>
    </row>
    <row r="13" spans="1:4" ht="18" customHeight="1" x14ac:dyDescent="0.15">
      <c r="A13" s="8">
        <v>7</v>
      </c>
      <c r="B13" s="21">
        <v>80</v>
      </c>
      <c r="C13" s="6">
        <v>67</v>
      </c>
      <c r="D13" s="5">
        <v>147</v>
      </c>
    </row>
    <row r="14" spans="1:4" ht="18" customHeight="1" x14ac:dyDescent="0.15">
      <c r="A14" s="8">
        <v>8</v>
      </c>
      <c r="B14" s="21">
        <v>64</v>
      </c>
      <c r="C14" s="6">
        <v>70</v>
      </c>
      <c r="D14" s="5">
        <v>134</v>
      </c>
    </row>
    <row r="15" spans="1:4" ht="18" customHeight="1" x14ac:dyDescent="0.15">
      <c r="A15" s="8">
        <v>9</v>
      </c>
      <c r="B15" s="21">
        <v>52</v>
      </c>
      <c r="C15" s="6">
        <v>70</v>
      </c>
      <c r="D15" s="5">
        <v>122</v>
      </c>
    </row>
    <row r="16" spans="1:4" ht="18" customHeight="1" x14ac:dyDescent="0.15">
      <c r="A16" s="8" t="s">
        <v>24</v>
      </c>
      <c r="B16" s="21">
        <v>335</v>
      </c>
      <c r="C16" s="6">
        <v>335</v>
      </c>
      <c r="D16" s="5">
        <v>670</v>
      </c>
    </row>
    <row r="17" spans="1:4" ht="18" customHeight="1" x14ac:dyDescent="0.15">
      <c r="A17" s="8">
        <v>10</v>
      </c>
      <c r="B17" s="21">
        <v>59</v>
      </c>
      <c r="C17" s="6">
        <v>65</v>
      </c>
      <c r="D17" s="5">
        <v>124</v>
      </c>
    </row>
    <row r="18" spans="1:4" ht="18" customHeight="1" x14ac:dyDescent="0.15">
      <c r="A18" s="8">
        <v>11</v>
      </c>
      <c r="B18" s="21">
        <v>67</v>
      </c>
      <c r="C18" s="6">
        <v>60</v>
      </c>
      <c r="D18" s="5">
        <v>127</v>
      </c>
    </row>
    <row r="19" spans="1:4" ht="18" customHeight="1" x14ac:dyDescent="0.15">
      <c r="A19" s="8">
        <v>12</v>
      </c>
      <c r="B19" s="21">
        <v>71</v>
      </c>
      <c r="C19" s="6">
        <v>75</v>
      </c>
      <c r="D19" s="5">
        <v>146</v>
      </c>
    </row>
    <row r="20" spans="1:4" ht="18" customHeight="1" x14ac:dyDescent="0.15">
      <c r="A20" s="8">
        <v>13</v>
      </c>
      <c r="B20" s="21">
        <v>67</v>
      </c>
      <c r="C20" s="6">
        <v>62</v>
      </c>
      <c r="D20" s="5">
        <v>129</v>
      </c>
    </row>
    <row r="21" spans="1:4" ht="18" customHeight="1" x14ac:dyDescent="0.15">
      <c r="A21" s="8">
        <v>14</v>
      </c>
      <c r="B21" s="21">
        <v>67</v>
      </c>
      <c r="C21" s="6">
        <v>68</v>
      </c>
      <c r="D21" s="5">
        <v>135</v>
      </c>
    </row>
    <row r="22" spans="1:4" ht="18" customHeight="1" x14ac:dyDescent="0.15">
      <c r="A22" s="8" t="s">
        <v>23</v>
      </c>
      <c r="B22" s="21">
        <v>331</v>
      </c>
      <c r="C22" s="6">
        <v>330</v>
      </c>
      <c r="D22" s="5">
        <v>661</v>
      </c>
    </row>
    <row r="23" spans="1:4" ht="18" customHeight="1" x14ac:dyDescent="0.15">
      <c r="A23" s="8" t="s">
        <v>22</v>
      </c>
      <c r="B23" s="21">
        <v>966</v>
      </c>
      <c r="C23" s="6">
        <v>912</v>
      </c>
      <c r="D23" s="5">
        <v>1878</v>
      </c>
    </row>
    <row r="24" spans="1:4" ht="18" customHeight="1" x14ac:dyDescent="0.15">
      <c r="A24" s="8">
        <v>15</v>
      </c>
      <c r="B24" s="21">
        <v>65</v>
      </c>
      <c r="C24" s="6">
        <v>57</v>
      </c>
      <c r="D24" s="5">
        <v>122</v>
      </c>
    </row>
    <row r="25" spans="1:4" ht="18" customHeight="1" x14ac:dyDescent="0.15">
      <c r="A25" s="8">
        <v>16</v>
      </c>
      <c r="B25" s="21">
        <v>83</v>
      </c>
      <c r="C25" s="6">
        <v>58</v>
      </c>
      <c r="D25" s="5">
        <v>141</v>
      </c>
    </row>
    <row r="26" spans="1:4" ht="18" customHeight="1" x14ac:dyDescent="0.15">
      <c r="A26" s="8">
        <v>17</v>
      </c>
      <c r="B26" s="21">
        <v>59</v>
      </c>
      <c r="C26" s="6">
        <v>73</v>
      </c>
      <c r="D26" s="5">
        <v>132</v>
      </c>
    </row>
    <row r="27" spans="1:4" ht="18" customHeight="1" x14ac:dyDescent="0.15">
      <c r="A27" s="8">
        <v>18</v>
      </c>
      <c r="B27" s="21">
        <v>60</v>
      </c>
      <c r="C27" s="6">
        <v>48</v>
      </c>
      <c r="D27" s="5">
        <v>108</v>
      </c>
    </row>
    <row r="28" spans="1:4" ht="18" customHeight="1" x14ac:dyDescent="0.15">
      <c r="A28" s="8">
        <v>19</v>
      </c>
      <c r="B28" s="21">
        <v>71</v>
      </c>
      <c r="C28" s="6">
        <v>59</v>
      </c>
      <c r="D28" s="5">
        <v>130</v>
      </c>
    </row>
    <row r="29" spans="1:4" ht="18" customHeight="1" x14ac:dyDescent="0.15">
      <c r="A29" s="8" t="s">
        <v>21</v>
      </c>
      <c r="B29" s="21">
        <v>338</v>
      </c>
      <c r="C29" s="6">
        <v>295</v>
      </c>
      <c r="D29" s="5">
        <v>633</v>
      </c>
    </row>
    <row r="30" spans="1:4" ht="18" customHeight="1" x14ac:dyDescent="0.15">
      <c r="A30" s="8">
        <v>20</v>
      </c>
      <c r="B30" s="21">
        <v>52</v>
      </c>
      <c r="C30" s="6">
        <v>70</v>
      </c>
      <c r="D30" s="5">
        <v>122</v>
      </c>
    </row>
    <row r="31" spans="1:4" ht="18" customHeight="1" x14ac:dyDescent="0.15">
      <c r="A31" s="8">
        <v>21</v>
      </c>
      <c r="B31" s="21">
        <v>56</v>
      </c>
      <c r="C31" s="6">
        <v>74</v>
      </c>
      <c r="D31" s="5">
        <v>130</v>
      </c>
    </row>
    <row r="32" spans="1:4" ht="18" customHeight="1" x14ac:dyDescent="0.15">
      <c r="A32" s="8">
        <v>22</v>
      </c>
      <c r="B32" s="21">
        <v>60</v>
      </c>
      <c r="C32" s="6">
        <v>57</v>
      </c>
      <c r="D32" s="5">
        <v>117</v>
      </c>
    </row>
    <row r="33" spans="1:4" ht="18" customHeight="1" x14ac:dyDescent="0.15">
      <c r="A33" s="8">
        <v>23</v>
      </c>
      <c r="B33" s="21">
        <v>68</v>
      </c>
      <c r="C33" s="6">
        <v>67</v>
      </c>
      <c r="D33" s="5">
        <v>135</v>
      </c>
    </row>
    <row r="34" spans="1:4" ht="18" customHeight="1" x14ac:dyDescent="0.15">
      <c r="A34" s="8">
        <v>24</v>
      </c>
      <c r="B34" s="21">
        <v>75</v>
      </c>
      <c r="C34" s="6">
        <v>65</v>
      </c>
      <c r="D34" s="5">
        <v>140</v>
      </c>
    </row>
    <row r="35" spans="1:4" ht="18" customHeight="1" x14ac:dyDescent="0.15">
      <c r="A35" s="8" t="s">
        <v>20</v>
      </c>
      <c r="B35" s="21">
        <v>311</v>
      </c>
      <c r="C35" s="6">
        <v>333</v>
      </c>
      <c r="D35" s="5">
        <v>644</v>
      </c>
    </row>
    <row r="36" spans="1:4" ht="18" customHeight="1" x14ac:dyDescent="0.15">
      <c r="A36" s="8">
        <v>25</v>
      </c>
      <c r="B36" s="21">
        <v>83</v>
      </c>
      <c r="C36" s="6">
        <v>90</v>
      </c>
      <c r="D36" s="5">
        <v>173</v>
      </c>
    </row>
    <row r="37" spans="1:4" ht="18" customHeight="1" x14ac:dyDescent="0.15">
      <c r="A37" s="8">
        <v>26</v>
      </c>
      <c r="B37" s="21">
        <v>76</v>
      </c>
      <c r="C37" s="6">
        <v>71</v>
      </c>
      <c r="D37" s="5">
        <v>147</v>
      </c>
    </row>
    <row r="38" spans="1:4" ht="18" customHeight="1" x14ac:dyDescent="0.15">
      <c r="A38" s="8">
        <v>27</v>
      </c>
      <c r="B38" s="21">
        <v>80</v>
      </c>
      <c r="C38" s="6">
        <v>73</v>
      </c>
      <c r="D38" s="5">
        <v>153</v>
      </c>
    </row>
    <row r="39" spans="1:4" ht="18" customHeight="1" x14ac:dyDescent="0.15">
      <c r="A39" s="8">
        <v>28</v>
      </c>
      <c r="B39" s="21">
        <v>88</v>
      </c>
      <c r="C39" s="6">
        <v>67</v>
      </c>
      <c r="D39" s="5">
        <v>155</v>
      </c>
    </row>
    <row r="40" spans="1:4" ht="18" customHeight="1" x14ac:dyDescent="0.15">
      <c r="A40" s="8">
        <v>29</v>
      </c>
      <c r="B40" s="21">
        <v>85</v>
      </c>
      <c r="C40" s="6">
        <v>82</v>
      </c>
      <c r="D40" s="5">
        <v>167</v>
      </c>
    </row>
    <row r="41" spans="1:4" ht="18" customHeight="1" x14ac:dyDescent="0.15">
      <c r="A41" s="8" t="s">
        <v>19</v>
      </c>
      <c r="B41" s="21">
        <v>412</v>
      </c>
      <c r="C41" s="6">
        <v>383</v>
      </c>
      <c r="D41" s="5">
        <v>795</v>
      </c>
    </row>
    <row r="42" spans="1:4" ht="18" customHeight="1" x14ac:dyDescent="0.15">
      <c r="A42" s="8">
        <v>30</v>
      </c>
      <c r="B42" s="21">
        <v>73</v>
      </c>
      <c r="C42" s="6">
        <v>68</v>
      </c>
      <c r="D42" s="5">
        <v>141</v>
      </c>
    </row>
    <row r="43" spans="1:4" ht="18" customHeight="1" x14ac:dyDescent="0.15">
      <c r="A43" s="8">
        <v>31</v>
      </c>
      <c r="B43" s="21">
        <v>69</v>
      </c>
      <c r="C43" s="6">
        <v>75</v>
      </c>
      <c r="D43" s="5">
        <v>144</v>
      </c>
    </row>
    <row r="44" spans="1:4" ht="18" customHeight="1" x14ac:dyDescent="0.15">
      <c r="A44" s="8">
        <v>32</v>
      </c>
      <c r="B44" s="21">
        <v>94</v>
      </c>
      <c r="C44" s="6">
        <v>83</v>
      </c>
      <c r="D44" s="5">
        <v>177</v>
      </c>
    </row>
    <row r="45" spans="1:4" ht="18" customHeight="1" x14ac:dyDescent="0.15">
      <c r="A45" s="8">
        <v>33</v>
      </c>
      <c r="B45" s="21">
        <v>70</v>
      </c>
      <c r="C45" s="6">
        <v>70</v>
      </c>
      <c r="D45" s="5">
        <v>140</v>
      </c>
    </row>
    <row r="46" spans="1:4" ht="18" customHeight="1" x14ac:dyDescent="0.15">
      <c r="A46" s="8">
        <v>34</v>
      </c>
      <c r="B46" s="21">
        <v>94</v>
      </c>
      <c r="C46" s="6">
        <v>79</v>
      </c>
      <c r="D46" s="5">
        <v>173</v>
      </c>
    </row>
    <row r="47" spans="1:4" ht="18" customHeight="1" x14ac:dyDescent="0.15">
      <c r="A47" s="8" t="s">
        <v>18</v>
      </c>
      <c r="B47" s="21">
        <v>400</v>
      </c>
      <c r="C47" s="6">
        <v>375</v>
      </c>
      <c r="D47" s="5">
        <v>775</v>
      </c>
    </row>
    <row r="48" spans="1:4" ht="18" customHeight="1" x14ac:dyDescent="0.15">
      <c r="A48" s="8">
        <v>35</v>
      </c>
      <c r="B48" s="21">
        <v>89</v>
      </c>
      <c r="C48" s="6">
        <v>63</v>
      </c>
      <c r="D48" s="5">
        <v>152</v>
      </c>
    </row>
    <row r="49" spans="1:4" ht="18" customHeight="1" x14ac:dyDescent="0.15">
      <c r="A49" s="8">
        <v>36</v>
      </c>
      <c r="B49" s="21">
        <v>77</v>
      </c>
      <c r="C49" s="6">
        <v>76</v>
      </c>
      <c r="D49" s="5">
        <v>153</v>
      </c>
    </row>
    <row r="50" spans="1:4" ht="18" customHeight="1" x14ac:dyDescent="0.15">
      <c r="A50" s="8">
        <v>37</v>
      </c>
      <c r="B50" s="21">
        <v>104</v>
      </c>
      <c r="C50" s="6">
        <v>97</v>
      </c>
      <c r="D50" s="5">
        <v>201</v>
      </c>
    </row>
    <row r="51" spans="1:4" ht="18" customHeight="1" x14ac:dyDescent="0.15">
      <c r="A51" s="8">
        <v>38</v>
      </c>
      <c r="B51" s="21">
        <v>70</v>
      </c>
      <c r="C51" s="6">
        <v>82</v>
      </c>
      <c r="D51" s="5">
        <v>152</v>
      </c>
    </row>
    <row r="52" spans="1:4" ht="18" customHeight="1" x14ac:dyDescent="0.15">
      <c r="A52" s="8">
        <v>39</v>
      </c>
      <c r="B52" s="21">
        <v>91</v>
      </c>
      <c r="C52" s="6">
        <v>80</v>
      </c>
      <c r="D52" s="5">
        <v>171</v>
      </c>
    </row>
    <row r="53" spans="1:4" ht="18" customHeight="1" x14ac:dyDescent="0.15">
      <c r="A53" s="8" t="s">
        <v>17</v>
      </c>
      <c r="B53" s="21">
        <v>431</v>
      </c>
      <c r="C53" s="6">
        <v>398</v>
      </c>
      <c r="D53" s="5">
        <v>829</v>
      </c>
    </row>
    <row r="54" spans="1:4" ht="18" customHeight="1" x14ac:dyDescent="0.15">
      <c r="A54" s="8">
        <v>40</v>
      </c>
      <c r="B54" s="21">
        <v>93</v>
      </c>
      <c r="C54" s="6">
        <v>107</v>
      </c>
      <c r="D54" s="5">
        <v>200</v>
      </c>
    </row>
    <row r="55" spans="1:4" ht="18" customHeight="1" x14ac:dyDescent="0.15">
      <c r="A55" s="8">
        <v>41</v>
      </c>
      <c r="B55" s="21">
        <v>99</v>
      </c>
      <c r="C55" s="6">
        <v>90</v>
      </c>
      <c r="D55" s="5">
        <v>189</v>
      </c>
    </row>
    <row r="56" spans="1:4" ht="18" customHeight="1" x14ac:dyDescent="0.15">
      <c r="A56" s="8">
        <v>42</v>
      </c>
      <c r="B56" s="21">
        <v>101</v>
      </c>
      <c r="C56" s="6">
        <v>86</v>
      </c>
      <c r="D56" s="5">
        <v>187</v>
      </c>
    </row>
    <row r="57" spans="1:4" ht="18" customHeight="1" x14ac:dyDescent="0.15">
      <c r="A57" s="8">
        <v>43</v>
      </c>
      <c r="B57" s="21">
        <v>102</v>
      </c>
      <c r="C57" s="6">
        <v>75</v>
      </c>
      <c r="D57" s="5">
        <v>177</v>
      </c>
    </row>
    <row r="58" spans="1:4" ht="18" customHeight="1" x14ac:dyDescent="0.15">
      <c r="A58" s="8">
        <v>44</v>
      </c>
      <c r="B58" s="21">
        <v>93</v>
      </c>
      <c r="C58" s="6">
        <v>103</v>
      </c>
      <c r="D58" s="5">
        <v>196</v>
      </c>
    </row>
    <row r="59" spans="1:4" ht="18" customHeight="1" x14ac:dyDescent="0.15">
      <c r="A59" s="8" t="s">
        <v>16</v>
      </c>
      <c r="B59" s="21">
        <v>488</v>
      </c>
      <c r="C59" s="6">
        <v>461</v>
      </c>
      <c r="D59" s="5">
        <v>949</v>
      </c>
    </row>
    <row r="60" spans="1:4" ht="18" customHeight="1" x14ac:dyDescent="0.15">
      <c r="A60" s="8">
        <v>45</v>
      </c>
      <c r="B60" s="21">
        <v>91</v>
      </c>
      <c r="C60" s="6">
        <v>98</v>
      </c>
      <c r="D60" s="5">
        <v>189</v>
      </c>
    </row>
    <row r="61" spans="1:4" ht="18" customHeight="1" x14ac:dyDescent="0.15">
      <c r="A61" s="8">
        <v>46</v>
      </c>
      <c r="B61" s="21">
        <v>104</v>
      </c>
      <c r="C61" s="6">
        <v>100</v>
      </c>
      <c r="D61" s="5">
        <v>204</v>
      </c>
    </row>
    <row r="62" spans="1:4" ht="18" customHeight="1" x14ac:dyDescent="0.15">
      <c r="A62" s="8">
        <v>47</v>
      </c>
      <c r="B62" s="21">
        <v>113</v>
      </c>
      <c r="C62" s="6">
        <v>88</v>
      </c>
      <c r="D62" s="5">
        <v>201</v>
      </c>
    </row>
    <row r="63" spans="1:4" ht="18" customHeight="1" x14ac:dyDescent="0.15">
      <c r="A63" s="8">
        <v>48</v>
      </c>
      <c r="B63" s="21">
        <v>103</v>
      </c>
      <c r="C63" s="6">
        <v>86</v>
      </c>
      <c r="D63" s="5">
        <v>189</v>
      </c>
    </row>
    <row r="64" spans="1:4" ht="18" customHeight="1" x14ac:dyDescent="0.15">
      <c r="A64" s="8">
        <v>49</v>
      </c>
      <c r="B64" s="21">
        <v>117</v>
      </c>
      <c r="C64" s="6">
        <v>103</v>
      </c>
      <c r="D64" s="5">
        <v>220</v>
      </c>
    </row>
    <row r="65" spans="1:4" ht="18" customHeight="1" x14ac:dyDescent="0.15">
      <c r="A65" s="8" t="s">
        <v>15</v>
      </c>
      <c r="B65" s="21">
        <v>528</v>
      </c>
      <c r="C65" s="6">
        <v>475</v>
      </c>
      <c r="D65" s="5">
        <v>1003</v>
      </c>
    </row>
    <row r="66" spans="1:4" ht="18" customHeight="1" x14ac:dyDescent="0.15">
      <c r="A66" s="8">
        <v>50</v>
      </c>
      <c r="B66" s="21">
        <v>113</v>
      </c>
      <c r="C66" s="6">
        <v>136</v>
      </c>
      <c r="D66" s="5">
        <v>249</v>
      </c>
    </row>
    <row r="67" spans="1:4" ht="18" customHeight="1" x14ac:dyDescent="0.15">
      <c r="A67" s="8">
        <v>51</v>
      </c>
      <c r="B67" s="21">
        <v>125</v>
      </c>
      <c r="C67" s="6">
        <v>138</v>
      </c>
      <c r="D67" s="5">
        <v>263</v>
      </c>
    </row>
    <row r="68" spans="1:4" ht="18" customHeight="1" x14ac:dyDescent="0.15">
      <c r="A68" s="8">
        <v>52</v>
      </c>
      <c r="B68" s="21">
        <v>119</v>
      </c>
      <c r="C68" s="6">
        <v>109</v>
      </c>
      <c r="D68" s="5">
        <v>228</v>
      </c>
    </row>
    <row r="69" spans="1:4" ht="18" customHeight="1" x14ac:dyDescent="0.15">
      <c r="A69" s="8">
        <v>53</v>
      </c>
      <c r="B69" s="21">
        <v>122</v>
      </c>
      <c r="C69" s="6">
        <v>119</v>
      </c>
      <c r="D69" s="5">
        <v>241</v>
      </c>
    </row>
    <row r="70" spans="1:4" ht="18" customHeight="1" x14ac:dyDescent="0.15">
      <c r="A70" s="8">
        <v>54</v>
      </c>
      <c r="B70" s="21">
        <v>120</v>
      </c>
      <c r="C70" s="6">
        <v>104</v>
      </c>
      <c r="D70" s="5">
        <v>224</v>
      </c>
    </row>
    <row r="71" spans="1:4" ht="18" customHeight="1" x14ac:dyDescent="0.15">
      <c r="A71" s="8" t="s">
        <v>14</v>
      </c>
      <c r="B71" s="21">
        <v>599</v>
      </c>
      <c r="C71" s="6">
        <v>606</v>
      </c>
      <c r="D71" s="5">
        <v>1205</v>
      </c>
    </row>
    <row r="72" spans="1:4" ht="18" customHeight="1" x14ac:dyDescent="0.15">
      <c r="A72" s="8">
        <v>55</v>
      </c>
      <c r="B72" s="21">
        <v>114</v>
      </c>
      <c r="C72" s="6">
        <v>100</v>
      </c>
      <c r="D72" s="5">
        <v>214</v>
      </c>
    </row>
    <row r="73" spans="1:4" ht="18" customHeight="1" x14ac:dyDescent="0.15">
      <c r="A73" s="8">
        <v>56</v>
      </c>
      <c r="B73" s="21">
        <v>111</v>
      </c>
      <c r="C73" s="6">
        <v>102</v>
      </c>
      <c r="D73" s="5">
        <v>213</v>
      </c>
    </row>
    <row r="74" spans="1:4" ht="18" customHeight="1" x14ac:dyDescent="0.15">
      <c r="A74" s="8">
        <v>57</v>
      </c>
      <c r="B74" s="21">
        <v>111</v>
      </c>
      <c r="C74" s="6">
        <v>116</v>
      </c>
      <c r="D74" s="5">
        <v>227</v>
      </c>
    </row>
    <row r="75" spans="1:4" ht="18" customHeight="1" x14ac:dyDescent="0.15">
      <c r="A75" s="8">
        <v>58</v>
      </c>
      <c r="B75" s="21">
        <v>117</v>
      </c>
      <c r="C75" s="6">
        <v>114</v>
      </c>
      <c r="D75" s="5">
        <v>231</v>
      </c>
    </row>
    <row r="76" spans="1:4" ht="18" customHeight="1" x14ac:dyDescent="0.15">
      <c r="A76" s="8">
        <v>59</v>
      </c>
      <c r="B76" s="21">
        <v>87</v>
      </c>
      <c r="C76" s="6">
        <v>80</v>
      </c>
      <c r="D76" s="5">
        <v>167</v>
      </c>
    </row>
    <row r="77" spans="1:4" ht="18" customHeight="1" x14ac:dyDescent="0.15">
      <c r="A77" s="8" t="s">
        <v>13</v>
      </c>
      <c r="B77" s="21">
        <v>540</v>
      </c>
      <c r="C77" s="6">
        <v>512</v>
      </c>
      <c r="D77" s="5">
        <v>1052</v>
      </c>
    </row>
    <row r="78" spans="1:4" ht="18" customHeight="1" x14ac:dyDescent="0.15">
      <c r="A78" s="8">
        <v>60</v>
      </c>
      <c r="B78" s="21">
        <v>99</v>
      </c>
      <c r="C78" s="6">
        <v>105</v>
      </c>
      <c r="D78" s="5">
        <v>204</v>
      </c>
    </row>
    <row r="79" spans="1:4" ht="18" customHeight="1" x14ac:dyDescent="0.15">
      <c r="A79" s="8">
        <v>61</v>
      </c>
      <c r="B79" s="21">
        <v>94</v>
      </c>
      <c r="C79" s="6">
        <v>93</v>
      </c>
      <c r="D79" s="5">
        <v>187</v>
      </c>
    </row>
    <row r="80" spans="1:4" ht="18" customHeight="1" x14ac:dyDescent="0.15">
      <c r="A80" s="8">
        <v>62</v>
      </c>
      <c r="B80" s="21">
        <v>89</v>
      </c>
      <c r="C80" s="6">
        <v>107</v>
      </c>
      <c r="D80" s="5">
        <v>196</v>
      </c>
    </row>
    <row r="81" spans="1:4" ht="18" customHeight="1" x14ac:dyDescent="0.15">
      <c r="A81" s="8">
        <v>63</v>
      </c>
      <c r="B81" s="21">
        <v>101</v>
      </c>
      <c r="C81" s="6">
        <v>95</v>
      </c>
      <c r="D81" s="5">
        <v>196</v>
      </c>
    </row>
    <row r="82" spans="1:4" ht="18" customHeight="1" x14ac:dyDescent="0.15">
      <c r="A82" s="8">
        <v>64</v>
      </c>
      <c r="B82" s="21">
        <v>87</v>
      </c>
      <c r="C82" s="6">
        <v>97</v>
      </c>
      <c r="D82" s="5">
        <v>184</v>
      </c>
    </row>
    <row r="83" spans="1:4" ht="18" customHeight="1" x14ac:dyDescent="0.15">
      <c r="A83" s="8" t="s">
        <v>12</v>
      </c>
      <c r="B83" s="21">
        <v>470</v>
      </c>
      <c r="C83" s="6">
        <v>497</v>
      </c>
      <c r="D83" s="5">
        <v>967</v>
      </c>
    </row>
    <row r="84" spans="1:4" ht="18" customHeight="1" x14ac:dyDescent="0.15">
      <c r="A84" s="8" t="s">
        <v>11</v>
      </c>
      <c r="B84" s="21">
        <v>4517</v>
      </c>
      <c r="C84" s="6">
        <v>4335</v>
      </c>
      <c r="D84" s="5">
        <v>8852</v>
      </c>
    </row>
    <row r="85" spans="1:4" ht="18" customHeight="1" x14ac:dyDescent="0.15">
      <c r="A85" s="8">
        <v>65</v>
      </c>
      <c r="B85" s="21">
        <v>94</v>
      </c>
      <c r="C85" s="6">
        <v>83</v>
      </c>
      <c r="D85" s="5">
        <v>177</v>
      </c>
    </row>
    <row r="86" spans="1:4" ht="18" customHeight="1" x14ac:dyDescent="0.15">
      <c r="A86" s="8">
        <v>66</v>
      </c>
      <c r="B86" s="21">
        <v>88</v>
      </c>
      <c r="C86" s="6">
        <v>83</v>
      </c>
      <c r="D86" s="5">
        <v>171</v>
      </c>
    </row>
    <row r="87" spans="1:4" ht="18" customHeight="1" x14ac:dyDescent="0.15">
      <c r="A87" s="8">
        <v>67</v>
      </c>
      <c r="B87" s="21">
        <v>67</v>
      </c>
      <c r="C87" s="6">
        <v>87</v>
      </c>
      <c r="D87" s="5">
        <v>154</v>
      </c>
    </row>
    <row r="88" spans="1:4" ht="18" customHeight="1" x14ac:dyDescent="0.15">
      <c r="A88" s="8">
        <v>68</v>
      </c>
      <c r="B88" s="21">
        <v>88</v>
      </c>
      <c r="C88" s="6">
        <v>87</v>
      </c>
      <c r="D88" s="5">
        <v>175</v>
      </c>
    </row>
    <row r="89" spans="1:4" ht="18" customHeight="1" x14ac:dyDescent="0.15">
      <c r="A89" s="8">
        <v>69</v>
      </c>
      <c r="B89" s="21">
        <v>82</v>
      </c>
      <c r="C89" s="6">
        <v>93</v>
      </c>
      <c r="D89" s="5">
        <v>175</v>
      </c>
    </row>
    <row r="90" spans="1:4" ht="18" customHeight="1" x14ac:dyDescent="0.15">
      <c r="A90" s="8" t="s">
        <v>10</v>
      </c>
      <c r="B90" s="21">
        <v>419</v>
      </c>
      <c r="C90" s="6">
        <v>433</v>
      </c>
      <c r="D90" s="5">
        <v>852</v>
      </c>
    </row>
    <row r="91" spans="1:4" ht="18" customHeight="1" x14ac:dyDescent="0.15">
      <c r="A91" s="8">
        <v>70</v>
      </c>
      <c r="B91" s="21">
        <v>99</v>
      </c>
      <c r="C91" s="6">
        <v>95</v>
      </c>
      <c r="D91" s="5">
        <v>194</v>
      </c>
    </row>
    <row r="92" spans="1:4" ht="18" customHeight="1" x14ac:dyDescent="0.15">
      <c r="A92" s="8">
        <v>71</v>
      </c>
      <c r="B92" s="21">
        <v>72</v>
      </c>
      <c r="C92" s="6">
        <v>89</v>
      </c>
      <c r="D92" s="5">
        <v>161</v>
      </c>
    </row>
    <row r="93" spans="1:4" ht="18" customHeight="1" x14ac:dyDescent="0.15">
      <c r="A93" s="8">
        <v>72</v>
      </c>
      <c r="B93" s="21">
        <v>100</v>
      </c>
      <c r="C93" s="6">
        <v>115</v>
      </c>
      <c r="D93" s="5">
        <v>215</v>
      </c>
    </row>
    <row r="94" spans="1:4" ht="18" customHeight="1" x14ac:dyDescent="0.15">
      <c r="A94" s="8">
        <v>73</v>
      </c>
      <c r="B94" s="21">
        <v>94</v>
      </c>
      <c r="C94" s="6">
        <v>111</v>
      </c>
      <c r="D94" s="5">
        <v>205</v>
      </c>
    </row>
    <row r="95" spans="1:4" ht="18" customHeight="1" x14ac:dyDescent="0.15">
      <c r="A95" s="8">
        <v>74</v>
      </c>
      <c r="B95" s="21">
        <v>94</v>
      </c>
      <c r="C95" s="6">
        <v>112</v>
      </c>
      <c r="D95" s="5">
        <v>206</v>
      </c>
    </row>
    <row r="96" spans="1:4" ht="18" customHeight="1" x14ac:dyDescent="0.15">
      <c r="A96" s="8" t="s">
        <v>9</v>
      </c>
      <c r="B96" s="21">
        <v>459</v>
      </c>
      <c r="C96" s="6">
        <v>522</v>
      </c>
      <c r="D96" s="5">
        <v>981</v>
      </c>
    </row>
    <row r="97" spans="1:4" ht="18" customHeight="1" x14ac:dyDescent="0.15">
      <c r="A97" s="8">
        <v>75</v>
      </c>
      <c r="B97" s="21">
        <v>87</v>
      </c>
      <c r="C97" s="6">
        <v>144</v>
      </c>
      <c r="D97" s="5">
        <v>231</v>
      </c>
    </row>
    <row r="98" spans="1:4" ht="18" customHeight="1" x14ac:dyDescent="0.15">
      <c r="A98" s="8">
        <v>76</v>
      </c>
      <c r="B98" s="21">
        <v>121</v>
      </c>
      <c r="C98" s="6">
        <v>120</v>
      </c>
      <c r="D98" s="5">
        <v>241</v>
      </c>
    </row>
    <row r="99" spans="1:4" ht="18" customHeight="1" x14ac:dyDescent="0.15">
      <c r="A99" s="8">
        <v>77</v>
      </c>
      <c r="B99" s="21">
        <v>117</v>
      </c>
      <c r="C99" s="6">
        <v>137</v>
      </c>
      <c r="D99" s="5">
        <v>254</v>
      </c>
    </row>
    <row r="100" spans="1:4" ht="18" customHeight="1" x14ac:dyDescent="0.15">
      <c r="A100" s="8">
        <v>78</v>
      </c>
      <c r="B100" s="21">
        <v>107</v>
      </c>
      <c r="C100" s="6">
        <v>132</v>
      </c>
      <c r="D100" s="5">
        <v>239</v>
      </c>
    </row>
    <row r="101" spans="1:4" ht="18" customHeight="1" x14ac:dyDescent="0.15">
      <c r="A101" s="8">
        <v>79</v>
      </c>
      <c r="B101" s="21">
        <v>63</v>
      </c>
      <c r="C101" s="6">
        <v>81</v>
      </c>
      <c r="D101" s="5">
        <v>144</v>
      </c>
    </row>
    <row r="102" spans="1:4" ht="18" customHeight="1" x14ac:dyDescent="0.15">
      <c r="A102" s="8" t="s">
        <v>8</v>
      </c>
      <c r="B102" s="21">
        <v>495</v>
      </c>
      <c r="C102" s="6">
        <v>614</v>
      </c>
      <c r="D102" s="5">
        <v>1109</v>
      </c>
    </row>
    <row r="103" spans="1:4" ht="18" customHeight="1" x14ac:dyDescent="0.15">
      <c r="A103" s="8">
        <v>80</v>
      </c>
      <c r="B103" s="21">
        <v>51</v>
      </c>
      <c r="C103" s="6">
        <v>79</v>
      </c>
      <c r="D103" s="5">
        <v>130</v>
      </c>
    </row>
    <row r="104" spans="1:4" ht="18" customHeight="1" x14ac:dyDescent="0.15">
      <c r="A104" s="8">
        <v>81</v>
      </c>
      <c r="B104" s="21">
        <v>71</v>
      </c>
      <c r="C104" s="6">
        <v>99</v>
      </c>
      <c r="D104" s="5">
        <v>170</v>
      </c>
    </row>
    <row r="105" spans="1:4" ht="18" customHeight="1" x14ac:dyDescent="0.15">
      <c r="A105" s="8">
        <v>82</v>
      </c>
      <c r="B105" s="21">
        <v>64</v>
      </c>
      <c r="C105" s="6">
        <v>103</v>
      </c>
      <c r="D105" s="5">
        <v>167</v>
      </c>
    </row>
    <row r="106" spans="1:4" ht="18" customHeight="1" x14ac:dyDescent="0.15">
      <c r="A106" s="8">
        <v>83</v>
      </c>
      <c r="B106" s="21">
        <v>68</v>
      </c>
      <c r="C106" s="6">
        <v>86</v>
      </c>
      <c r="D106" s="5">
        <v>154</v>
      </c>
    </row>
    <row r="107" spans="1:4" ht="18" customHeight="1" x14ac:dyDescent="0.15">
      <c r="A107" s="8">
        <v>84</v>
      </c>
      <c r="B107" s="21">
        <v>51</v>
      </c>
      <c r="C107" s="6">
        <v>67</v>
      </c>
      <c r="D107" s="5">
        <v>118</v>
      </c>
    </row>
    <row r="108" spans="1:4" ht="18" customHeight="1" x14ac:dyDescent="0.15">
      <c r="A108" s="8" t="s">
        <v>7</v>
      </c>
      <c r="B108" s="21">
        <v>305</v>
      </c>
      <c r="C108" s="6">
        <v>434</v>
      </c>
      <c r="D108" s="5">
        <v>739</v>
      </c>
    </row>
    <row r="109" spans="1:4" ht="18" customHeight="1" x14ac:dyDescent="0.15">
      <c r="A109" s="8">
        <v>85</v>
      </c>
      <c r="B109" s="21">
        <v>48</v>
      </c>
      <c r="C109" s="6">
        <v>64</v>
      </c>
      <c r="D109" s="5">
        <v>112</v>
      </c>
    </row>
    <row r="110" spans="1:4" ht="18" customHeight="1" x14ac:dyDescent="0.15">
      <c r="A110" s="8">
        <v>86</v>
      </c>
      <c r="B110" s="21">
        <v>45</v>
      </c>
      <c r="C110" s="6">
        <v>66</v>
      </c>
      <c r="D110" s="5">
        <v>111</v>
      </c>
    </row>
    <row r="111" spans="1:4" ht="18" customHeight="1" x14ac:dyDescent="0.15">
      <c r="A111" s="8">
        <v>87</v>
      </c>
      <c r="B111" s="21">
        <v>34</v>
      </c>
      <c r="C111" s="6">
        <v>57</v>
      </c>
      <c r="D111" s="5">
        <v>91</v>
      </c>
    </row>
    <row r="112" spans="1:4" ht="18" customHeight="1" x14ac:dyDescent="0.15">
      <c r="A112" s="8">
        <v>88</v>
      </c>
      <c r="B112" s="21">
        <v>30</v>
      </c>
      <c r="C112" s="6">
        <v>59</v>
      </c>
      <c r="D112" s="5">
        <v>89</v>
      </c>
    </row>
    <row r="113" spans="1:4" ht="18" customHeight="1" x14ac:dyDescent="0.15">
      <c r="A113" s="8">
        <v>89</v>
      </c>
      <c r="B113" s="21">
        <v>32</v>
      </c>
      <c r="C113" s="6">
        <v>56</v>
      </c>
      <c r="D113" s="5">
        <v>88</v>
      </c>
    </row>
    <row r="114" spans="1:4" ht="18" customHeight="1" x14ac:dyDescent="0.15">
      <c r="A114" s="8" t="s">
        <v>6</v>
      </c>
      <c r="B114" s="21">
        <v>189</v>
      </c>
      <c r="C114" s="6">
        <v>302</v>
      </c>
      <c r="D114" s="5">
        <v>491</v>
      </c>
    </row>
    <row r="115" spans="1:4" ht="18" customHeight="1" x14ac:dyDescent="0.15">
      <c r="A115" s="8">
        <v>90</v>
      </c>
      <c r="B115" s="21">
        <v>18</v>
      </c>
      <c r="C115" s="6">
        <v>33</v>
      </c>
      <c r="D115" s="5">
        <v>51</v>
      </c>
    </row>
    <row r="116" spans="1:4" ht="18" customHeight="1" x14ac:dyDescent="0.15">
      <c r="A116" s="8">
        <v>91</v>
      </c>
      <c r="B116" s="21">
        <v>13</v>
      </c>
      <c r="C116" s="6">
        <v>39</v>
      </c>
      <c r="D116" s="5">
        <v>52</v>
      </c>
    </row>
    <row r="117" spans="1:4" ht="18" customHeight="1" x14ac:dyDescent="0.15">
      <c r="A117" s="8">
        <v>92</v>
      </c>
      <c r="B117" s="21">
        <v>11</v>
      </c>
      <c r="C117" s="6">
        <v>35</v>
      </c>
      <c r="D117" s="5">
        <v>46</v>
      </c>
    </row>
    <row r="118" spans="1:4" ht="18" customHeight="1" x14ac:dyDescent="0.15">
      <c r="A118" s="8">
        <v>93</v>
      </c>
      <c r="B118" s="21">
        <v>6</v>
      </c>
      <c r="C118" s="6">
        <v>27</v>
      </c>
      <c r="D118" s="5">
        <v>33</v>
      </c>
    </row>
    <row r="119" spans="1:4" ht="18" customHeight="1" x14ac:dyDescent="0.15">
      <c r="A119" s="8">
        <v>94</v>
      </c>
      <c r="B119" s="21">
        <v>6</v>
      </c>
      <c r="C119" s="6">
        <v>21</v>
      </c>
      <c r="D119" s="5">
        <v>27</v>
      </c>
    </row>
    <row r="120" spans="1:4" ht="18" customHeight="1" x14ac:dyDescent="0.15">
      <c r="A120" s="8" t="s">
        <v>5</v>
      </c>
      <c r="B120" s="21">
        <v>54</v>
      </c>
      <c r="C120" s="6">
        <v>155</v>
      </c>
      <c r="D120" s="5">
        <v>209</v>
      </c>
    </row>
    <row r="121" spans="1:4" ht="18" customHeight="1" x14ac:dyDescent="0.15">
      <c r="A121" s="8">
        <v>95</v>
      </c>
      <c r="B121" s="21">
        <v>2</v>
      </c>
      <c r="C121" s="6">
        <v>13</v>
      </c>
      <c r="D121" s="5">
        <v>15</v>
      </c>
    </row>
    <row r="122" spans="1:4" ht="18" customHeight="1" x14ac:dyDescent="0.15">
      <c r="A122" s="8">
        <v>96</v>
      </c>
      <c r="B122" s="21">
        <v>4</v>
      </c>
      <c r="C122" s="6">
        <v>14</v>
      </c>
      <c r="D122" s="5">
        <v>18</v>
      </c>
    </row>
    <row r="123" spans="1:4" ht="18" customHeight="1" x14ac:dyDescent="0.15">
      <c r="A123" s="8">
        <v>97</v>
      </c>
      <c r="B123" s="21">
        <v>5</v>
      </c>
      <c r="C123" s="6">
        <v>13</v>
      </c>
      <c r="D123" s="5">
        <v>18</v>
      </c>
    </row>
    <row r="124" spans="1:4" ht="18" customHeight="1" x14ac:dyDescent="0.15">
      <c r="A124" s="8">
        <v>98</v>
      </c>
      <c r="B124" s="21">
        <v>0</v>
      </c>
      <c r="C124" s="6">
        <v>4</v>
      </c>
      <c r="D124" s="5">
        <v>4</v>
      </c>
    </row>
    <row r="125" spans="1:4" ht="18" customHeight="1" x14ac:dyDescent="0.15">
      <c r="A125" s="8">
        <v>99</v>
      </c>
      <c r="B125" s="21">
        <v>0</v>
      </c>
      <c r="C125" s="6">
        <v>5</v>
      </c>
      <c r="D125" s="5">
        <v>5</v>
      </c>
    </row>
    <row r="126" spans="1:4" ht="18" customHeight="1" x14ac:dyDescent="0.15">
      <c r="A126" s="8" t="s">
        <v>4</v>
      </c>
      <c r="B126" s="21">
        <v>11</v>
      </c>
      <c r="C126" s="6">
        <v>49</v>
      </c>
      <c r="D126" s="5">
        <v>60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4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7</v>
      </c>
      <c r="D129" s="5">
        <v>8</v>
      </c>
    </row>
    <row r="130" spans="1:4" ht="18" customHeight="1" x14ac:dyDescent="0.15">
      <c r="A130" s="8" t="s">
        <v>1</v>
      </c>
      <c r="B130" s="21">
        <v>1933</v>
      </c>
      <c r="C130" s="6">
        <v>2516</v>
      </c>
      <c r="D130" s="5">
        <v>4449</v>
      </c>
    </row>
    <row r="131" spans="1:4" ht="18" customHeight="1" x14ac:dyDescent="0.15">
      <c r="A131" s="4" t="s">
        <v>0</v>
      </c>
      <c r="B131" s="20">
        <v>7416</v>
      </c>
      <c r="C131" s="2">
        <v>7763</v>
      </c>
      <c r="D131" s="1">
        <v>1517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4AB2A1-0E56-488C-951B-77252FE9553F}">
  <sheetPr codeName="Sheet3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0</v>
      </c>
      <c r="C5" s="11">
        <v>49</v>
      </c>
      <c r="D5" s="10">
        <v>89</v>
      </c>
    </row>
    <row r="6" spans="1:4" ht="18" customHeight="1" x14ac:dyDescent="0.15">
      <c r="A6" s="8">
        <v>1</v>
      </c>
      <c r="B6" s="21">
        <v>48</v>
      </c>
      <c r="C6" s="6">
        <v>40</v>
      </c>
      <c r="D6" s="5">
        <v>88</v>
      </c>
    </row>
    <row r="7" spans="1:4" ht="18" customHeight="1" x14ac:dyDescent="0.15">
      <c r="A7" s="8">
        <v>2</v>
      </c>
      <c r="B7" s="21">
        <v>50</v>
      </c>
      <c r="C7" s="6">
        <v>45</v>
      </c>
      <c r="D7" s="5">
        <v>95</v>
      </c>
    </row>
    <row r="8" spans="1:4" ht="18" customHeight="1" x14ac:dyDescent="0.15">
      <c r="A8" s="8">
        <v>3</v>
      </c>
      <c r="B8" s="21">
        <v>54</v>
      </c>
      <c r="C8" s="6">
        <v>47</v>
      </c>
      <c r="D8" s="5">
        <v>101</v>
      </c>
    </row>
    <row r="9" spans="1:4" ht="18" customHeight="1" x14ac:dyDescent="0.15">
      <c r="A9" s="8">
        <v>4</v>
      </c>
      <c r="B9" s="21">
        <v>45</v>
      </c>
      <c r="C9" s="6">
        <v>46</v>
      </c>
      <c r="D9" s="5">
        <v>91</v>
      </c>
    </row>
    <row r="10" spans="1:4" ht="18" customHeight="1" x14ac:dyDescent="0.15">
      <c r="A10" s="8" t="s">
        <v>25</v>
      </c>
      <c r="B10" s="21">
        <v>237</v>
      </c>
      <c r="C10" s="6">
        <v>227</v>
      </c>
      <c r="D10" s="5">
        <v>464</v>
      </c>
    </row>
    <row r="11" spans="1:4" ht="18" customHeight="1" x14ac:dyDescent="0.15">
      <c r="A11" s="8">
        <v>5</v>
      </c>
      <c r="B11" s="21">
        <v>39</v>
      </c>
      <c r="C11" s="6">
        <v>50</v>
      </c>
      <c r="D11" s="5">
        <v>89</v>
      </c>
    </row>
    <row r="12" spans="1:4" ht="18" customHeight="1" x14ac:dyDescent="0.15">
      <c r="A12" s="8">
        <v>6</v>
      </c>
      <c r="B12" s="21">
        <v>31</v>
      </c>
      <c r="C12" s="6">
        <v>42</v>
      </c>
      <c r="D12" s="5">
        <v>73</v>
      </c>
    </row>
    <row r="13" spans="1:4" ht="18" customHeight="1" x14ac:dyDescent="0.15">
      <c r="A13" s="8">
        <v>7</v>
      </c>
      <c r="B13" s="21">
        <v>26</v>
      </c>
      <c r="C13" s="6">
        <v>36</v>
      </c>
      <c r="D13" s="5">
        <v>62</v>
      </c>
    </row>
    <row r="14" spans="1:4" ht="18" customHeight="1" x14ac:dyDescent="0.15">
      <c r="A14" s="8">
        <v>8</v>
      </c>
      <c r="B14" s="21">
        <v>46</v>
      </c>
      <c r="C14" s="6">
        <v>38</v>
      </c>
      <c r="D14" s="5">
        <v>84</v>
      </c>
    </row>
    <row r="15" spans="1:4" ht="18" customHeight="1" x14ac:dyDescent="0.15">
      <c r="A15" s="8">
        <v>9</v>
      </c>
      <c r="B15" s="21">
        <v>36</v>
      </c>
      <c r="C15" s="6">
        <v>35</v>
      </c>
      <c r="D15" s="5">
        <v>71</v>
      </c>
    </row>
    <row r="16" spans="1:4" ht="18" customHeight="1" x14ac:dyDescent="0.15">
      <c r="A16" s="8" t="s">
        <v>24</v>
      </c>
      <c r="B16" s="21">
        <v>178</v>
      </c>
      <c r="C16" s="6">
        <v>201</v>
      </c>
      <c r="D16" s="5">
        <v>379</v>
      </c>
    </row>
    <row r="17" spans="1:4" ht="18" customHeight="1" x14ac:dyDescent="0.15">
      <c r="A17" s="8">
        <v>10</v>
      </c>
      <c r="B17" s="21">
        <v>34</v>
      </c>
      <c r="C17" s="6">
        <v>34</v>
      </c>
      <c r="D17" s="5">
        <v>68</v>
      </c>
    </row>
    <row r="18" spans="1:4" ht="18" customHeight="1" x14ac:dyDescent="0.15">
      <c r="A18" s="8">
        <v>11</v>
      </c>
      <c r="B18" s="21">
        <v>30</v>
      </c>
      <c r="C18" s="6">
        <v>28</v>
      </c>
      <c r="D18" s="5">
        <v>58</v>
      </c>
    </row>
    <row r="19" spans="1:4" ht="18" customHeight="1" x14ac:dyDescent="0.15">
      <c r="A19" s="8">
        <v>12</v>
      </c>
      <c r="B19" s="21">
        <v>32</v>
      </c>
      <c r="C19" s="6">
        <v>23</v>
      </c>
      <c r="D19" s="5">
        <v>55</v>
      </c>
    </row>
    <row r="20" spans="1:4" ht="18" customHeight="1" x14ac:dyDescent="0.15">
      <c r="A20" s="8">
        <v>13</v>
      </c>
      <c r="B20" s="21">
        <v>31</v>
      </c>
      <c r="C20" s="6">
        <v>39</v>
      </c>
      <c r="D20" s="5">
        <v>70</v>
      </c>
    </row>
    <row r="21" spans="1:4" ht="18" customHeight="1" x14ac:dyDescent="0.15">
      <c r="A21" s="8">
        <v>14</v>
      </c>
      <c r="B21" s="21">
        <v>28</v>
      </c>
      <c r="C21" s="6">
        <v>28</v>
      </c>
      <c r="D21" s="5">
        <v>56</v>
      </c>
    </row>
    <row r="22" spans="1:4" ht="18" customHeight="1" x14ac:dyDescent="0.15">
      <c r="A22" s="8" t="s">
        <v>23</v>
      </c>
      <c r="B22" s="21">
        <v>155</v>
      </c>
      <c r="C22" s="6">
        <v>152</v>
      </c>
      <c r="D22" s="5">
        <v>307</v>
      </c>
    </row>
    <row r="23" spans="1:4" ht="18" customHeight="1" x14ac:dyDescent="0.15">
      <c r="A23" s="8" t="s">
        <v>22</v>
      </c>
      <c r="B23" s="21">
        <v>570</v>
      </c>
      <c r="C23" s="6">
        <v>580</v>
      </c>
      <c r="D23" s="5">
        <v>1150</v>
      </c>
    </row>
    <row r="24" spans="1:4" ht="18" customHeight="1" x14ac:dyDescent="0.15">
      <c r="A24" s="8">
        <v>15</v>
      </c>
      <c r="B24" s="21">
        <v>34</v>
      </c>
      <c r="C24" s="6">
        <v>27</v>
      </c>
      <c r="D24" s="5">
        <v>61</v>
      </c>
    </row>
    <row r="25" spans="1:4" ht="18" customHeight="1" x14ac:dyDescent="0.15">
      <c r="A25" s="8">
        <v>16</v>
      </c>
      <c r="B25" s="21">
        <v>36</v>
      </c>
      <c r="C25" s="6">
        <v>32</v>
      </c>
      <c r="D25" s="5">
        <v>68</v>
      </c>
    </row>
    <row r="26" spans="1:4" ht="18" customHeight="1" x14ac:dyDescent="0.15">
      <c r="A26" s="8">
        <v>17</v>
      </c>
      <c r="B26" s="21">
        <v>45</v>
      </c>
      <c r="C26" s="6">
        <v>41</v>
      </c>
      <c r="D26" s="5">
        <v>86</v>
      </c>
    </row>
    <row r="27" spans="1:4" ht="18" customHeight="1" x14ac:dyDescent="0.15">
      <c r="A27" s="8">
        <v>18</v>
      </c>
      <c r="B27" s="21">
        <v>35</v>
      </c>
      <c r="C27" s="6">
        <v>43</v>
      </c>
      <c r="D27" s="5">
        <v>78</v>
      </c>
    </row>
    <row r="28" spans="1:4" ht="18" customHeight="1" x14ac:dyDescent="0.15">
      <c r="A28" s="8">
        <v>19</v>
      </c>
      <c r="B28" s="21">
        <v>24</v>
      </c>
      <c r="C28" s="6">
        <v>37</v>
      </c>
      <c r="D28" s="5">
        <v>61</v>
      </c>
    </row>
    <row r="29" spans="1:4" ht="18" customHeight="1" x14ac:dyDescent="0.15">
      <c r="A29" s="8" t="s">
        <v>21</v>
      </c>
      <c r="B29" s="21">
        <v>174</v>
      </c>
      <c r="C29" s="6">
        <v>180</v>
      </c>
      <c r="D29" s="5">
        <v>354</v>
      </c>
    </row>
    <row r="30" spans="1:4" ht="18" customHeight="1" x14ac:dyDescent="0.15">
      <c r="A30" s="8">
        <v>20</v>
      </c>
      <c r="B30" s="21">
        <v>43</v>
      </c>
      <c r="C30" s="6">
        <v>39</v>
      </c>
      <c r="D30" s="5">
        <v>82</v>
      </c>
    </row>
    <row r="31" spans="1:4" ht="18" customHeight="1" x14ac:dyDescent="0.15">
      <c r="A31" s="8">
        <v>21</v>
      </c>
      <c r="B31" s="21">
        <v>35</v>
      </c>
      <c r="C31" s="6">
        <v>39</v>
      </c>
      <c r="D31" s="5">
        <v>74</v>
      </c>
    </row>
    <row r="32" spans="1:4" ht="18" customHeight="1" x14ac:dyDescent="0.15">
      <c r="A32" s="8">
        <v>22</v>
      </c>
      <c r="B32" s="21">
        <v>45</v>
      </c>
      <c r="C32" s="6">
        <v>42</v>
      </c>
      <c r="D32" s="5">
        <v>87</v>
      </c>
    </row>
    <row r="33" spans="1:4" ht="18" customHeight="1" x14ac:dyDescent="0.15">
      <c r="A33" s="8">
        <v>23</v>
      </c>
      <c r="B33" s="21">
        <v>45</v>
      </c>
      <c r="C33" s="6">
        <v>51</v>
      </c>
      <c r="D33" s="5">
        <v>96</v>
      </c>
    </row>
    <row r="34" spans="1:4" ht="18" customHeight="1" x14ac:dyDescent="0.15">
      <c r="A34" s="8">
        <v>24</v>
      </c>
      <c r="B34" s="21">
        <v>59</v>
      </c>
      <c r="C34" s="6">
        <v>41</v>
      </c>
      <c r="D34" s="5">
        <v>100</v>
      </c>
    </row>
    <row r="35" spans="1:4" ht="18" customHeight="1" x14ac:dyDescent="0.15">
      <c r="A35" s="8" t="s">
        <v>20</v>
      </c>
      <c r="B35" s="21">
        <v>227</v>
      </c>
      <c r="C35" s="6">
        <v>212</v>
      </c>
      <c r="D35" s="5">
        <v>439</v>
      </c>
    </row>
    <row r="36" spans="1:4" ht="18" customHeight="1" x14ac:dyDescent="0.15">
      <c r="A36" s="8">
        <v>25</v>
      </c>
      <c r="B36" s="21">
        <v>54</v>
      </c>
      <c r="C36" s="6">
        <v>52</v>
      </c>
      <c r="D36" s="5">
        <v>106</v>
      </c>
    </row>
    <row r="37" spans="1:4" ht="18" customHeight="1" x14ac:dyDescent="0.15">
      <c r="A37" s="8">
        <v>26</v>
      </c>
      <c r="B37" s="21">
        <v>57</v>
      </c>
      <c r="C37" s="6">
        <v>69</v>
      </c>
      <c r="D37" s="5">
        <v>126</v>
      </c>
    </row>
    <row r="38" spans="1:4" ht="18" customHeight="1" x14ac:dyDescent="0.15">
      <c r="A38" s="8">
        <v>27</v>
      </c>
      <c r="B38" s="21">
        <v>66</v>
      </c>
      <c r="C38" s="6">
        <v>60</v>
      </c>
      <c r="D38" s="5">
        <v>126</v>
      </c>
    </row>
    <row r="39" spans="1:4" ht="18" customHeight="1" x14ac:dyDescent="0.15">
      <c r="A39" s="8">
        <v>28</v>
      </c>
      <c r="B39" s="21">
        <v>65</v>
      </c>
      <c r="C39" s="6">
        <v>62</v>
      </c>
      <c r="D39" s="5">
        <v>127</v>
      </c>
    </row>
    <row r="40" spans="1:4" ht="18" customHeight="1" x14ac:dyDescent="0.15">
      <c r="A40" s="8">
        <v>29</v>
      </c>
      <c r="B40" s="21">
        <v>72</v>
      </c>
      <c r="C40" s="6">
        <v>63</v>
      </c>
      <c r="D40" s="5">
        <v>135</v>
      </c>
    </row>
    <row r="41" spans="1:4" ht="18" customHeight="1" x14ac:dyDescent="0.15">
      <c r="A41" s="8" t="s">
        <v>19</v>
      </c>
      <c r="B41" s="21">
        <v>314</v>
      </c>
      <c r="C41" s="6">
        <v>306</v>
      </c>
      <c r="D41" s="5">
        <v>620</v>
      </c>
    </row>
    <row r="42" spans="1:4" ht="18" customHeight="1" x14ac:dyDescent="0.15">
      <c r="A42" s="8">
        <v>30</v>
      </c>
      <c r="B42" s="21">
        <v>80</v>
      </c>
      <c r="C42" s="6">
        <v>74</v>
      </c>
      <c r="D42" s="5">
        <v>154</v>
      </c>
    </row>
    <row r="43" spans="1:4" ht="18" customHeight="1" x14ac:dyDescent="0.15">
      <c r="A43" s="8">
        <v>31</v>
      </c>
      <c r="B43" s="21">
        <v>82</v>
      </c>
      <c r="C43" s="6">
        <v>65</v>
      </c>
      <c r="D43" s="5">
        <v>147</v>
      </c>
    </row>
    <row r="44" spans="1:4" ht="18" customHeight="1" x14ac:dyDescent="0.15">
      <c r="A44" s="8">
        <v>32</v>
      </c>
      <c r="B44" s="21">
        <v>64</v>
      </c>
      <c r="C44" s="6">
        <v>76</v>
      </c>
      <c r="D44" s="5">
        <v>140</v>
      </c>
    </row>
    <row r="45" spans="1:4" ht="18" customHeight="1" x14ac:dyDescent="0.15">
      <c r="A45" s="8">
        <v>33</v>
      </c>
      <c r="B45" s="21">
        <v>73</v>
      </c>
      <c r="C45" s="6">
        <v>75</v>
      </c>
      <c r="D45" s="5">
        <v>148</v>
      </c>
    </row>
    <row r="46" spans="1:4" ht="18" customHeight="1" x14ac:dyDescent="0.15">
      <c r="A46" s="8">
        <v>34</v>
      </c>
      <c r="B46" s="21">
        <v>68</v>
      </c>
      <c r="C46" s="6">
        <v>67</v>
      </c>
      <c r="D46" s="5">
        <v>135</v>
      </c>
    </row>
    <row r="47" spans="1:4" ht="18" customHeight="1" x14ac:dyDescent="0.15">
      <c r="A47" s="8" t="s">
        <v>18</v>
      </c>
      <c r="B47" s="21">
        <v>367</v>
      </c>
      <c r="C47" s="6">
        <v>357</v>
      </c>
      <c r="D47" s="5">
        <v>724</v>
      </c>
    </row>
    <row r="48" spans="1:4" ht="18" customHeight="1" x14ac:dyDescent="0.15">
      <c r="A48" s="8">
        <v>35</v>
      </c>
      <c r="B48" s="21">
        <v>61</v>
      </c>
      <c r="C48" s="6">
        <v>58</v>
      </c>
      <c r="D48" s="5">
        <v>119</v>
      </c>
    </row>
    <row r="49" spans="1:4" ht="18" customHeight="1" x14ac:dyDescent="0.15">
      <c r="A49" s="8">
        <v>36</v>
      </c>
      <c r="B49" s="21">
        <v>63</v>
      </c>
      <c r="C49" s="6">
        <v>65</v>
      </c>
      <c r="D49" s="5">
        <v>128</v>
      </c>
    </row>
    <row r="50" spans="1:4" ht="18" customHeight="1" x14ac:dyDescent="0.15">
      <c r="A50" s="8">
        <v>37</v>
      </c>
      <c r="B50" s="21">
        <v>82</v>
      </c>
      <c r="C50" s="6">
        <v>52</v>
      </c>
      <c r="D50" s="5">
        <v>134</v>
      </c>
    </row>
    <row r="51" spans="1:4" ht="18" customHeight="1" x14ac:dyDescent="0.15">
      <c r="A51" s="8">
        <v>38</v>
      </c>
      <c r="B51" s="21">
        <v>57</v>
      </c>
      <c r="C51" s="6">
        <v>56</v>
      </c>
      <c r="D51" s="5">
        <v>113</v>
      </c>
    </row>
    <row r="52" spans="1:4" ht="18" customHeight="1" x14ac:dyDescent="0.15">
      <c r="A52" s="8">
        <v>39</v>
      </c>
      <c r="B52" s="21">
        <v>67</v>
      </c>
      <c r="C52" s="6">
        <v>60</v>
      </c>
      <c r="D52" s="5">
        <v>127</v>
      </c>
    </row>
    <row r="53" spans="1:4" ht="18" customHeight="1" x14ac:dyDescent="0.15">
      <c r="A53" s="8" t="s">
        <v>17</v>
      </c>
      <c r="B53" s="21">
        <v>330</v>
      </c>
      <c r="C53" s="6">
        <v>291</v>
      </c>
      <c r="D53" s="5">
        <v>621</v>
      </c>
    </row>
    <row r="54" spans="1:4" ht="18" customHeight="1" x14ac:dyDescent="0.15">
      <c r="A54" s="8">
        <v>40</v>
      </c>
      <c r="B54" s="21">
        <v>67</v>
      </c>
      <c r="C54" s="6">
        <v>56</v>
      </c>
      <c r="D54" s="5">
        <v>123</v>
      </c>
    </row>
    <row r="55" spans="1:4" ht="18" customHeight="1" x14ac:dyDescent="0.15">
      <c r="A55" s="8">
        <v>41</v>
      </c>
      <c r="B55" s="21">
        <v>64</v>
      </c>
      <c r="C55" s="6">
        <v>62</v>
      </c>
      <c r="D55" s="5">
        <v>126</v>
      </c>
    </row>
    <row r="56" spans="1:4" ht="18" customHeight="1" x14ac:dyDescent="0.15">
      <c r="A56" s="8">
        <v>42</v>
      </c>
      <c r="B56" s="21">
        <v>61</v>
      </c>
      <c r="C56" s="6">
        <v>58</v>
      </c>
      <c r="D56" s="5">
        <v>119</v>
      </c>
    </row>
    <row r="57" spans="1:4" ht="18" customHeight="1" x14ac:dyDescent="0.15">
      <c r="A57" s="8">
        <v>43</v>
      </c>
      <c r="B57" s="21">
        <v>57</v>
      </c>
      <c r="C57" s="6">
        <v>62</v>
      </c>
      <c r="D57" s="5">
        <v>119</v>
      </c>
    </row>
    <row r="58" spans="1:4" ht="18" customHeight="1" x14ac:dyDescent="0.15">
      <c r="A58" s="8">
        <v>44</v>
      </c>
      <c r="B58" s="21">
        <v>63</v>
      </c>
      <c r="C58" s="6">
        <v>50</v>
      </c>
      <c r="D58" s="5">
        <v>113</v>
      </c>
    </row>
    <row r="59" spans="1:4" ht="18" customHeight="1" x14ac:dyDescent="0.15">
      <c r="A59" s="8" t="s">
        <v>16</v>
      </c>
      <c r="B59" s="21">
        <v>312</v>
      </c>
      <c r="C59" s="6">
        <v>288</v>
      </c>
      <c r="D59" s="5">
        <v>600</v>
      </c>
    </row>
    <row r="60" spans="1:4" ht="18" customHeight="1" x14ac:dyDescent="0.15">
      <c r="A60" s="8">
        <v>45</v>
      </c>
      <c r="B60" s="21">
        <v>62</v>
      </c>
      <c r="C60" s="6">
        <v>52</v>
      </c>
      <c r="D60" s="5">
        <v>114</v>
      </c>
    </row>
    <row r="61" spans="1:4" ht="18" customHeight="1" x14ac:dyDescent="0.15">
      <c r="A61" s="8">
        <v>46</v>
      </c>
      <c r="B61" s="21">
        <v>68</v>
      </c>
      <c r="C61" s="6">
        <v>61</v>
      </c>
      <c r="D61" s="5">
        <v>129</v>
      </c>
    </row>
    <row r="62" spans="1:4" ht="18" customHeight="1" x14ac:dyDescent="0.15">
      <c r="A62" s="8">
        <v>47</v>
      </c>
      <c r="B62" s="21">
        <v>61</v>
      </c>
      <c r="C62" s="6">
        <v>53</v>
      </c>
      <c r="D62" s="5">
        <v>114</v>
      </c>
    </row>
    <row r="63" spans="1:4" ht="18" customHeight="1" x14ac:dyDescent="0.15">
      <c r="A63" s="8">
        <v>48</v>
      </c>
      <c r="B63" s="21">
        <v>82</v>
      </c>
      <c r="C63" s="6">
        <v>63</v>
      </c>
      <c r="D63" s="5">
        <v>145</v>
      </c>
    </row>
    <row r="64" spans="1:4" ht="18" customHeight="1" x14ac:dyDescent="0.15">
      <c r="A64" s="8">
        <v>49</v>
      </c>
      <c r="B64" s="21">
        <v>77</v>
      </c>
      <c r="C64" s="6">
        <v>57</v>
      </c>
      <c r="D64" s="5">
        <v>134</v>
      </c>
    </row>
    <row r="65" spans="1:4" ht="18" customHeight="1" x14ac:dyDescent="0.15">
      <c r="A65" s="8" t="s">
        <v>15</v>
      </c>
      <c r="B65" s="21">
        <v>350</v>
      </c>
      <c r="C65" s="6">
        <v>286</v>
      </c>
      <c r="D65" s="5">
        <v>636</v>
      </c>
    </row>
    <row r="66" spans="1:4" ht="18" customHeight="1" x14ac:dyDescent="0.15">
      <c r="A66" s="8">
        <v>50</v>
      </c>
      <c r="B66" s="21">
        <v>59</v>
      </c>
      <c r="C66" s="6">
        <v>68</v>
      </c>
      <c r="D66" s="5">
        <v>127</v>
      </c>
    </row>
    <row r="67" spans="1:4" ht="18" customHeight="1" x14ac:dyDescent="0.15">
      <c r="A67" s="8">
        <v>51</v>
      </c>
      <c r="B67" s="21">
        <v>72</v>
      </c>
      <c r="C67" s="6">
        <v>83</v>
      </c>
      <c r="D67" s="5">
        <v>155</v>
      </c>
    </row>
    <row r="68" spans="1:4" ht="18" customHeight="1" x14ac:dyDescent="0.15">
      <c r="A68" s="8">
        <v>52</v>
      </c>
      <c r="B68" s="21">
        <v>87</v>
      </c>
      <c r="C68" s="6">
        <v>79</v>
      </c>
      <c r="D68" s="5">
        <v>166</v>
      </c>
    </row>
    <row r="69" spans="1:4" ht="18" customHeight="1" x14ac:dyDescent="0.15">
      <c r="A69" s="8">
        <v>53</v>
      </c>
      <c r="B69" s="21">
        <v>79</v>
      </c>
      <c r="C69" s="6">
        <v>94</v>
      </c>
      <c r="D69" s="5">
        <v>173</v>
      </c>
    </row>
    <row r="70" spans="1:4" ht="18" customHeight="1" x14ac:dyDescent="0.15">
      <c r="A70" s="8">
        <v>54</v>
      </c>
      <c r="B70" s="21">
        <v>87</v>
      </c>
      <c r="C70" s="6">
        <v>85</v>
      </c>
      <c r="D70" s="5">
        <v>172</v>
      </c>
    </row>
    <row r="71" spans="1:4" ht="18" customHeight="1" x14ac:dyDescent="0.15">
      <c r="A71" s="8" t="s">
        <v>14</v>
      </c>
      <c r="B71" s="21">
        <v>384</v>
      </c>
      <c r="C71" s="6">
        <v>409</v>
      </c>
      <c r="D71" s="5">
        <v>793</v>
      </c>
    </row>
    <row r="72" spans="1:4" ht="18" customHeight="1" x14ac:dyDescent="0.15">
      <c r="A72" s="8">
        <v>55</v>
      </c>
      <c r="B72" s="21">
        <v>80</v>
      </c>
      <c r="C72" s="6">
        <v>73</v>
      </c>
      <c r="D72" s="5">
        <v>153</v>
      </c>
    </row>
    <row r="73" spans="1:4" ht="18" customHeight="1" x14ac:dyDescent="0.15">
      <c r="A73" s="8">
        <v>56</v>
      </c>
      <c r="B73" s="21">
        <v>68</v>
      </c>
      <c r="C73" s="6">
        <v>62</v>
      </c>
      <c r="D73" s="5">
        <v>130</v>
      </c>
    </row>
    <row r="74" spans="1:4" ht="18" customHeight="1" x14ac:dyDescent="0.15">
      <c r="A74" s="8">
        <v>57</v>
      </c>
      <c r="B74" s="21">
        <v>75</v>
      </c>
      <c r="C74" s="6">
        <v>69</v>
      </c>
      <c r="D74" s="5">
        <v>144</v>
      </c>
    </row>
    <row r="75" spans="1:4" ht="18" customHeight="1" x14ac:dyDescent="0.15">
      <c r="A75" s="8">
        <v>58</v>
      </c>
      <c r="B75" s="21">
        <v>68</v>
      </c>
      <c r="C75" s="6">
        <v>66</v>
      </c>
      <c r="D75" s="5">
        <v>134</v>
      </c>
    </row>
    <row r="76" spans="1:4" ht="18" customHeight="1" x14ac:dyDescent="0.15">
      <c r="A76" s="8">
        <v>59</v>
      </c>
      <c r="B76" s="21">
        <v>44</v>
      </c>
      <c r="C76" s="6">
        <v>35</v>
      </c>
      <c r="D76" s="5">
        <v>79</v>
      </c>
    </row>
    <row r="77" spans="1:4" ht="18" customHeight="1" x14ac:dyDescent="0.15">
      <c r="A77" s="8" t="s">
        <v>13</v>
      </c>
      <c r="B77" s="21">
        <v>335</v>
      </c>
      <c r="C77" s="6">
        <v>305</v>
      </c>
      <c r="D77" s="5">
        <v>640</v>
      </c>
    </row>
    <row r="78" spans="1:4" ht="18" customHeight="1" x14ac:dyDescent="0.15">
      <c r="A78" s="8">
        <v>60</v>
      </c>
      <c r="B78" s="21">
        <v>60</v>
      </c>
      <c r="C78" s="6">
        <v>58</v>
      </c>
      <c r="D78" s="5">
        <v>118</v>
      </c>
    </row>
    <row r="79" spans="1:4" ht="18" customHeight="1" x14ac:dyDescent="0.15">
      <c r="A79" s="8">
        <v>61</v>
      </c>
      <c r="B79" s="21">
        <v>48</v>
      </c>
      <c r="C79" s="6">
        <v>45</v>
      </c>
      <c r="D79" s="5">
        <v>93</v>
      </c>
    </row>
    <row r="80" spans="1:4" ht="18" customHeight="1" x14ac:dyDescent="0.15">
      <c r="A80" s="8">
        <v>62</v>
      </c>
      <c r="B80" s="21">
        <v>47</v>
      </c>
      <c r="C80" s="6">
        <v>51</v>
      </c>
      <c r="D80" s="5">
        <v>98</v>
      </c>
    </row>
    <row r="81" spans="1:4" ht="18" customHeight="1" x14ac:dyDescent="0.15">
      <c r="A81" s="8">
        <v>63</v>
      </c>
      <c r="B81" s="21">
        <v>54</v>
      </c>
      <c r="C81" s="6">
        <v>64</v>
      </c>
      <c r="D81" s="5">
        <v>118</v>
      </c>
    </row>
    <row r="82" spans="1:4" ht="18" customHeight="1" x14ac:dyDescent="0.15">
      <c r="A82" s="8">
        <v>64</v>
      </c>
      <c r="B82" s="21">
        <v>52</v>
      </c>
      <c r="C82" s="6">
        <v>66</v>
      </c>
      <c r="D82" s="5">
        <v>118</v>
      </c>
    </row>
    <row r="83" spans="1:4" ht="18" customHeight="1" x14ac:dyDescent="0.15">
      <c r="A83" s="8" t="s">
        <v>12</v>
      </c>
      <c r="B83" s="21">
        <v>261</v>
      </c>
      <c r="C83" s="6">
        <v>284</v>
      </c>
      <c r="D83" s="5">
        <v>545</v>
      </c>
    </row>
    <row r="84" spans="1:4" ht="18" customHeight="1" x14ac:dyDescent="0.15">
      <c r="A84" s="8" t="s">
        <v>11</v>
      </c>
      <c r="B84" s="21">
        <v>3054</v>
      </c>
      <c r="C84" s="6">
        <v>2918</v>
      </c>
      <c r="D84" s="5">
        <v>5972</v>
      </c>
    </row>
    <row r="85" spans="1:4" ht="18" customHeight="1" x14ac:dyDescent="0.15">
      <c r="A85" s="8">
        <v>65</v>
      </c>
      <c r="B85" s="21">
        <v>46</v>
      </c>
      <c r="C85" s="6">
        <v>54</v>
      </c>
      <c r="D85" s="5">
        <v>100</v>
      </c>
    </row>
    <row r="86" spans="1:4" ht="18" customHeight="1" x14ac:dyDescent="0.15">
      <c r="A86" s="8">
        <v>66</v>
      </c>
      <c r="B86" s="21">
        <v>48</v>
      </c>
      <c r="C86" s="6">
        <v>41</v>
      </c>
      <c r="D86" s="5">
        <v>89</v>
      </c>
    </row>
    <row r="87" spans="1:4" ht="18" customHeight="1" x14ac:dyDescent="0.15">
      <c r="A87" s="8">
        <v>67</v>
      </c>
      <c r="B87" s="21">
        <v>42</v>
      </c>
      <c r="C87" s="6">
        <v>59</v>
      </c>
      <c r="D87" s="5">
        <v>101</v>
      </c>
    </row>
    <row r="88" spans="1:4" ht="18" customHeight="1" x14ac:dyDescent="0.15">
      <c r="A88" s="8">
        <v>68</v>
      </c>
      <c r="B88" s="21">
        <v>43</v>
      </c>
      <c r="C88" s="6">
        <v>35</v>
      </c>
      <c r="D88" s="5">
        <v>78</v>
      </c>
    </row>
    <row r="89" spans="1:4" ht="18" customHeight="1" x14ac:dyDescent="0.15">
      <c r="A89" s="8">
        <v>69</v>
      </c>
      <c r="B89" s="21">
        <v>35</v>
      </c>
      <c r="C89" s="6">
        <v>73</v>
      </c>
      <c r="D89" s="5">
        <v>108</v>
      </c>
    </row>
    <row r="90" spans="1:4" ht="18" customHeight="1" x14ac:dyDescent="0.15">
      <c r="A90" s="8" t="s">
        <v>10</v>
      </c>
      <c r="B90" s="21">
        <v>214</v>
      </c>
      <c r="C90" s="6">
        <v>262</v>
      </c>
      <c r="D90" s="5">
        <v>476</v>
      </c>
    </row>
    <row r="91" spans="1:4" ht="18" customHeight="1" x14ac:dyDescent="0.15">
      <c r="A91" s="8">
        <v>70</v>
      </c>
      <c r="B91" s="21">
        <v>54</v>
      </c>
      <c r="C91" s="6">
        <v>64</v>
      </c>
      <c r="D91" s="5">
        <v>118</v>
      </c>
    </row>
    <row r="92" spans="1:4" ht="18" customHeight="1" x14ac:dyDescent="0.15">
      <c r="A92" s="8">
        <v>71</v>
      </c>
      <c r="B92" s="21">
        <v>55</v>
      </c>
      <c r="C92" s="6">
        <v>66</v>
      </c>
      <c r="D92" s="5">
        <v>121</v>
      </c>
    </row>
    <row r="93" spans="1:4" ht="18" customHeight="1" x14ac:dyDescent="0.15">
      <c r="A93" s="8">
        <v>72</v>
      </c>
      <c r="B93" s="21">
        <v>53</v>
      </c>
      <c r="C93" s="6">
        <v>62</v>
      </c>
      <c r="D93" s="5">
        <v>115</v>
      </c>
    </row>
    <row r="94" spans="1:4" ht="18" customHeight="1" x14ac:dyDescent="0.15">
      <c r="A94" s="8">
        <v>73</v>
      </c>
      <c r="B94" s="21">
        <v>60</v>
      </c>
      <c r="C94" s="6">
        <v>56</v>
      </c>
      <c r="D94" s="5">
        <v>116</v>
      </c>
    </row>
    <row r="95" spans="1:4" ht="18" customHeight="1" x14ac:dyDescent="0.15">
      <c r="A95" s="8">
        <v>74</v>
      </c>
      <c r="B95" s="21">
        <v>56</v>
      </c>
      <c r="C95" s="6">
        <v>76</v>
      </c>
      <c r="D95" s="5">
        <v>132</v>
      </c>
    </row>
    <row r="96" spans="1:4" ht="18" customHeight="1" x14ac:dyDescent="0.15">
      <c r="A96" s="8" t="s">
        <v>9</v>
      </c>
      <c r="B96" s="21">
        <v>278</v>
      </c>
      <c r="C96" s="6">
        <v>324</v>
      </c>
      <c r="D96" s="5">
        <v>602</v>
      </c>
    </row>
    <row r="97" spans="1:4" ht="18" customHeight="1" x14ac:dyDescent="0.15">
      <c r="A97" s="8">
        <v>75</v>
      </c>
      <c r="B97" s="21">
        <v>62</v>
      </c>
      <c r="C97" s="6">
        <v>76</v>
      </c>
      <c r="D97" s="5">
        <v>138</v>
      </c>
    </row>
    <row r="98" spans="1:4" ht="18" customHeight="1" x14ac:dyDescent="0.15">
      <c r="A98" s="8">
        <v>76</v>
      </c>
      <c r="B98" s="21">
        <v>78</v>
      </c>
      <c r="C98" s="6">
        <v>87</v>
      </c>
      <c r="D98" s="5">
        <v>165</v>
      </c>
    </row>
    <row r="99" spans="1:4" ht="18" customHeight="1" x14ac:dyDescent="0.15">
      <c r="A99" s="8">
        <v>77</v>
      </c>
      <c r="B99" s="21">
        <v>64</v>
      </c>
      <c r="C99" s="6">
        <v>87</v>
      </c>
      <c r="D99" s="5">
        <v>151</v>
      </c>
    </row>
    <row r="100" spans="1:4" ht="18" customHeight="1" x14ac:dyDescent="0.15">
      <c r="A100" s="8">
        <v>78</v>
      </c>
      <c r="B100" s="21">
        <v>73</v>
      </c>
      <c r="C100" s="6">
        <v>102</v>
      </c>
      <c r="D100" s="5">
        <v>175</v>
      </c>
    </row>
    <row r="101" spans="1:4" ht="18" customHeight="1" x14ac:dyDescent="0.15">
      <c r="A101" s="8">
        <v>79</v>
      </c>
      <c r="B101" s="21">
        <v>40</v>
      </c>
      <c r="C101" s="6">
        <v>61</v>
      </c>
      <c r="D101" s="5">
        <v>101</v>
      </c>
    </row>
    <row r="102" spans="1:4" ht="18" customHeight="1" x14ac:dyDescent="0.15">
      <c r="A102" s="8" t="s">
        <v>8</v>
      </c>
      <c r="B102" s="21">
        <v>317</v>
      </c>
      <c r="C102" s="6">
        <v>413</v>
      </c>
      <c r="D102" s="5">
        <v>730</v>
      </c>
    </row>
    <row r="103" spans="1:4" ht="18" customHeight="1" x14ac:dyDescent="0.15">
      <c r="A103" s="8">
        <v>80</v>
      </c>
      <c r="B103" s="21">
        <v>44</v>
      </c>
      <c r="C103" s="6">
        <v>40</v>
      </c>
      <c r="D103" s="5">
        <v>84</v>
      </c>
    </row>
    <row r="104" spans="1:4" ht="18" customHeight="1" x14ac:dyDescent="0.15">
      <c r="A104" s="8">
        <v>81</v>
      </c>
      <c r="B104" s="21">
        <v>49</v>
      </c>
      <c r="C104" s="6">
        <v>74</v>
      </c>
      <c r="D104" s="5">
        <v>123</v>
      </c>
    </row>
    <row r="105" spans="1:4" ht="18" customHeight="1" x14ac:dyDescent="0.15">
      <c r="A105" s="8">
        <v>82</v>
      </c>
      <c r="B105" s="21">
        <v>41</v>
      </c>
      <c r="C105" s="6">
        <v>47</v>
      </c>
      <c r="D105" s="5">
        <v>88</v>
      </c>
    </row>
    <row r="106" spans="1:4" ht="18" customHeight="1" x14ac:dyDescent="0.15">
      <c r="A106" s="8">
        <v>83</v>
      </c>
      <c r="B106" s="21">
        <v>33</v>
      </c>
      <c r="C106" s="6">
        <v>64</v>
      </c>
      <c r="D106" s="5">
        <v>97</v>
      </c>
    </row>
    <row r="107" spans="1:4" ht="18" customHeight="1" x14ac:dyDescent="0.15">
      <c r="A107" s="8">
        <v>84</v>
      </c>
      <c r="B107" s="21">
        <v>34</v>
      </c>
      <c r="C107" s="6">
        <v>50</v>
      </c>
      <c r="D107" s="5">
        <v>84</v>
      </c>
    </row>
    <row r="108" spans="1:4" ht="18" customHeight="1" x14ac:dyDescent="0.15">
      <c r="A108" s="8" t="s">
        <v>7</v>
      </c>
      <c r="B108" s="21">
        <v>201</v>
      </c>
      <c r="C108" s="6">
        <v>275</v>
      </c>
      <c r="D108" s="5">
        <v>476</v>
      </c>
    </row>
    <row r="109" spans="1:4" ht="18" customHeight="1" x14ac:dyDescent="0.15">
      <c r="A109" s="8">
        <v>85</v>
      </c>
      <c r="B109" s="21">
        <v>28</v>
      </c>
      <c r="C109" s="6">
        <v>41</v>
      </c>
      <c r="D109" s="5">
        <v>69</v>
      </c>
    </row>
    <row r="110" spans="1:4" ht="18" customHeight="1" x14ac:dyDescent="0.15">
      <c r="A110" s="8">
        <v>86</v>
      </c>
      <c r="B110" s="21">
        <v>16</v>
      </c>
      <c r="C110" s="6">
        <v>41</v>
      </c>
      <c r="D110" s="5">
        <v>57</v>
      </c>
    </row>
    <row r="111" spans="1:4" ht="18" customHeight="1" x14ac:dyDescent="0.15">
      <c r="A111" s="8">
        <v>87</v>
      </c>
      <c r="B111" s="21">
        <v>17</v>
      </c>
      <c r="C111" s="6">
        <v>25</v>
      </c>
      <c r="D111" s="5">
        <v>42</v>
      </c>
    </row>
    <row r="112" spans="1:4" ht="18" customHeight="1" x14ac:dyDescent="0.15">
      <c r="A112" s="8">
        <v>88</v>
      </c>
      <c r="B112" s="21">
        <v>21</v>
      </c>
      <c r="C112" s="6">
        <v>33</v>
      </c>
      <c r="D112" s="5">
        <v>54</v>
      </c>
    </row>
    <row r="113" spans="1:4" ht="18" customHeight="1" x14ac:dyDescent="0.15">
      <c r="A113" s="8">
        <v>89</v>
      </c>
      <c r="B113" s="21">
        <v>9</v>
      </c>
      <c r="C113" s="6">
        <v>49</v>
      </c>
      <c r="D113" s="5">
        <v>58</v>
      </c>
    </row>
    <row r="114" spans="1:4" ht="18" customHeight="1" x14ac:dyDescent="0.15">
      <c r="A114" s="8" t="s">
        <v>6</v>
      </c>
      <c r="B114" s="21">
        <v>91</v>
      </c>
      <c r="C114" s="6">
        <v>189</v>
      </c>
      <c r="D114" s="5">
        <v>280</v>
      </c>
    </row>
    <row r="115" spans="1:4" ht="18" customHeight="1" x14ac:dyDescent="0.15">
      <c r="A115" s="8">
        <v>90</v>
      </c>
      <c r="B115" s="21">
        <v>12</v>
      </c>
      <c r="C115" s="6">
        <v>22</v>
      </c>
      <c r="D115" s="5">
        <v>34</v>
      </c>
    </row>
    <row r="116" spans="1:4" ht="18" customHeight="1" x14ac:dyDescent="0.15">
      <c r="A116" s="8">
        <v>91</v>
      </c>
      <c r="B116" s="21">
        <v>10</v>
      </c>
      <c r="C116" s="6">
        <v>14</v>
      </c>
      <c r="D116" s="5">
        <v>24</v>
      </c>
    </row>
    <row r="117" spans="1:4" ht="18" customHeight="1" x14ac:dyDescent="0.15">
      <c r="A117" s="8">
        <v>92</v>
      </c>
      <c r="B117" s="21">
        <v>8</v>
      </c>
      <c r="C117" s="6">
        <v>18</v>
      </c>
      <c r="D117" s="5">
        <v>26</v>
      </c>
    </row>
    <row r="118" spans="1:4" ht="18" customHeight="1" x14ac:dyDescent="0.15">
      <c r="A118" s="8">
        <v>93</v>
      </c>
      <c r="B118" s="21">
        <v>10</v>
      </c>
      <c r="C118" s="6">
        <v>15</v>
      </c>
      <c r="D118" s="5">
        <v>25</v>
      </c>
    </row>
    <row r="119" spans="1:4" ht="18" customHeight="1" x14ac:dyDescent="0.15">
      <c r="A119" s="8">
        <v>94</v>
      </c>
      <c r="B119" s="21">
        <v>3</v>
      </c>
      <c r="C119" s="6">
        <v>18</v>
      </c>
      <c r="D119" s="5">
        <v>21</v>
      </c>
    </row>
    <row r="120" spans="1:4" ht="18" customHeight="1" x14ac:dyDescent="0.15">
      <c r="A120" s="8" t="s">
        <v>5</v>
      </c>
      <c r="B120" s="21">
        <v>43</v>
      </c>
      <c r="C120" s="6">
        <v>87</v>
      </c>
      <c r="D120" s="5">
        <v>130</v>
      </c>
    </row>
    <row r="121" spans="1:4" ht="18" customHeight="1" x14ac:dyDescent="0.15">
      <c r="A121" s="8">
        <v>95</v>
      </c>
      <c r="B121" s="21">
        <v>3</v>
      </c>
      <c r="C121" s="6">
        <v>10</v>
      </c>
      <c r="D121" s="5">
        <v>13</v>
      </c>
    </row>
    <row r="122" spans="1:4" ht="18" customHeight="1" x14ac:dyDescent="0.15">
      <c r="A122" s="8">
        <v>96</v>
      </c>
      <c r="B122" s="21">
        <v>2</v>
      </c>
      <c r="C122" s="6">
        <v>6</v>
      </c>
      <c r="D122" s="5">
        <v>8</v>
      </c>
    </row>
    <row r="123" spans="1:4" ht="18" customHeight="1" x14ac:dyDescent="0.15">
      <c r="A123" s="8">
        <v>97</v>
      </c>
      <c r="B123" s="21">
        <v>1</v>
      </c>
      <c r="C123" s="6">
        <v>9</v>
      </c>
      <c r="D123" s="5">
        <v>10</v>
      </c>
    </row>
    <row r="124" spans="1:4" ht="18" customHeight="1" x14ac:dyDescent="0.15">
      <c r="A124" s="8">
        <v>98</v>
      </c>
      <c r="B124" s="21">
        <v>0</v>
      </c>
      <c r="C124" s="6">
        <v>13</v>
      </c>
      <c r="D124" s="5">
        <v>13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6</v>
      </c>
      <c r="C126" s="6">
        <v>40</v>
      </c>
      <c r="D126" s="5">
        <v>46</v>
      </c>
    </row>
    <row r="127" spans="1:4" ht="18" customHeight="1" x14ac:dyDescent="0.15">
      <c r="A127" s="8">
        <v>100</v>
      </c>
      <c r="B127" s="21">
        <v>0</v>
      </c>
      <c r="C127" s="6">
        <v>4</v>
      </c>
      <c r="D127" s="5">
        <v>4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1150</v>
      </c>
      <c r="C130" s="6">
        <v>1595</v>
      </c>
      <c r="D130" s="5">
        <v>2745</v>
      </c>
    </row>
    <row r="131" spans="1:4" ht="18" customHeight="1" x14ac:dyDescent="0.15">
      <c r="A131" s="4" t="s">
        <v>0</v>
      </c>
      <c r="B131" s="20">
        <v>4774</v>
      </c>
      <c r="C131" s="2">
        <v>5093</v>
      </c>
      <c r="D131" s="1">
        <v>986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5185D8-5B79-4EDF-993F-49249714C8E8}">
  <sheetPr codeName="Sheet3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3</v>
      </c>
      <c r="C5" s="11">
        <v>43</v>
      </c>
      <c r="D5" s="10">
        <v>86</v>
      </c>
    </row>
    <row r="6" spans="1:4" ht="18" customHeight="1" x14ac:dyDescent="0.15">
      <c r="A6" s="8">
        <v>1</v>
      </c>
      <c r="B6" s="21">
        <v>48</v>
      </c>
      <c r="C6" s="6">
        <v>39</v>
      </c>
      <c r="D6" s="5">
        <v>87</v>
      </c>
    </row>
    <row r="7" spans="1:4" ht="18" customHeight="1" x14ac:dyDescent="0.15">
      <c r="A7" s="8">
        <v>2</v>
      </c>
      <c r="B7" s="21">
        <v>49</v>
      </c>
      <c r="C7" s="6">
        <v>35</v>
      </c>
      <c r="D7" s="5">
        <v>84</v>
      </c>
    </row>
    <row r="8" spans="1:4" ht="18" customHeight="1" x14ac:dyDescent="0.15">
      <c r="A8" s="8">
        <v>3</v>
      </c>
      <c r="B8" s="21">
        <v>43</v>
      </c>
      <c r="C8" s="6">
        <v>52</v>
      </c>
      <c r="D8" s="5">
        <v>95</v>
      </c>
    </row>
    <row r="9" spans="1:4" ht="18" customHeight="1" x14ac:dyDescent="0.15">
      <c r="A9" s="8">
        <v>4</v>
      </c>
      <c r="B9" s="21">
        <v>67</v>
      </c>
      <c r="C9" s="6">
        <v>55</v>
      </c>
      <c r="D9" s="5">
        <v>122</v>
      </c>
    </row>
    <row r="10" spans="1:4" ht="18" customHeight="1" x14ac:dyDescent="0.15">
      <c r="A10" s="8" t="s">
        <v>25</v>
      </c>
      <c r="B10" s="21">
        <v>250</v>
      </c>
      <c r="C10" s="6">
        <v>224</v>
      </c>
      <c r="D10" s="5">
        <v>474</v>
      </c>
    </row>
    <row r="11" spans="1:4" ht="18" customHeight="1" x14ac:dyDescent="0.15">
      <c r="A11" s="8">
        <v>5</v>
      </c>
      <c r="B11" s="21">
        <v>55</v>
      </c>
      <c r="C11" s="6">
        <v>45</v>
      </c>
      <c r="D11" s="5">
        <v>100</v>
      </c>
    </row>
    <row r="12" spans="1:4" ht="18" customHeight="1" x14ac:dyDescent="0.15">
      <c r="A12" s="8">
        <v>6</v>
      </c>
      <c r="B12" s="21">
        <v>56</v>
      </c>
      <c r="C12" s="6">
        <v>64</v>
      </c>
      <c r="D12" s="5">
        <v>120</v>
      </c>
    </row>
    <row r="13" spans="1:4" ht="18" customHeight="1" x14ac:dyDescent="0.15">
      <c r="A13" s="8">
        <v>7</v>
      </c>
      <c r="B13" s="21">
        <v>68</v>
      </c>
      <c r="C13" s="6">
        <v>59</v>
      </c>
      <c r="D13" s="5">
        <v>127</v>
      </c>
    </row>
    <row r="14" spans="1:4" ht="18" customHeight="1" x14ac:dyDescent="0.15">
      <c r="A14" s="8">
        <v>8</v>
      </c>
      <c r="B14" s="21">
        <v>49</v>
      </c>
      <c r="C14" s="6">
        <v>48</v>
      </c>
      <c r="D14" s="5">
        <v>97</v>
      </c>
    </row>
    <row r="15" spans="1:4" ht="18" customHeight="1" x14ac:dyDescent="0.15">
      <c r="A15" s="8">
        <v>9</v>
      </c>
      <c r="B15" s="21">
        <v>59</v>
      </c>
      <c r="C15" s="6">
        <v>57</v>
      </c>
      <c r="D15" s="5">
        <v>116</v>
      </c>
    </row>
    <row r="16" spans="1:4" ht="18" customHeight="1" x14ac:dyDescent="0.15">
      <c r="A16" s="8" t="s">
        <v>24</v>
      </c>
      <c r="B16" s="21">
        <v>287</v>
      </c>
      <c r="C16" s="6">
        <v>273</v>
      </c>
      <c r="D16" s="5">
        <v>560</v>
      </c>
    </row>
    <row r="17" spans="1:4" ht="18" customHeight="1" x14ac:dyDescent="0.15">
      <c r="A17" s="8">
        <v>10</v>
      </c>
      <c r="B17" s="21">
        <v>49</v>
      </c>
      <c r="C17" s="6">
        <v>65</v>
      </c>
      <c r="D17" s="5">
        <v>114</v>
      </c>
    </row>
    <row r="18" spans="1:4" ht="18" customHeight="1" x14ac:dyDescent="0.15">
      <c r="A18" s="8">
        <v>11</v>
      </c>
      <c r="B18" s="21">
        <v>51</v>
      </c>
      <c r="C18" s="6">
        <v>57</v>
      </c>
      <c r="D18" s="5">
        <v>108</v>
      </c>
    </row>
    <row r="19" spans="1:4" ht="18" customHeight="1" x14ac:dyDescent="0.15">
      <c r="A19" s="8">
        <v>12</v>
      </c>
      <c r="B19" s="21">
        <v>51</v>
      </c>
      <c r="C19" s="6">
        <v>62</v>
      </c>
      <c r="D19" s="5">
        <v>113</v>
      </c>
    </row>
    <row r="20" spans="1:4" ht="18" customHeight="1" x14ac:dyDescent="0.15">
      <c r="A20" s="8">
        <v>13</v>
      </c>
      <c r="B20" s="21">
        <v>52</v>
      </c>
      <c r="C20" s="6">
        <v>62</v>
      </c>
      <c r="D20" s="5">
        <v>114</v>
      </c>
    </row>
    <row r="21" spans="1:4" ht="18" customHeight="1" x14ac:dyDescent="0.15">
      <c r="A21" s="8">
        <v>14</v>
      </c>
      <c r="B21" s="21">
        <v>44</v>
      </c>
      <c r="C21" s="6">
        <v>52</v>
      </c>
      <c r="D21" s="5">
        <v>96</v>
      </c>
    </row>
    <row r="22" spans="1:4" ht="18" customHeight="1" x14ac:dyDescent="0.15">
      <c r="A22" s="8" t="s">
        <v>23</v>
      </c>
      <c r="B22" s="21">
        <v>247</v>
      </c>
      <c r="C22" s="6">
        <v>298</v>
      </c>
      <c r="D22" s="5">
        <v>545</v>
      </c>
    </row>
    <row r="23" spans="1:4" ht="18" customHeight="1" x14ac:dyDescent="0.15">
      <c r="A23" s="8" t="s">
        <v>22</v>
      </c>
      <c r="B23" s="21">
        <v>784</v>
      </c>
      <c r="C23" s="6">
        <v>795</v>
      </c>
      <c r="D23" s="5">
        <v>1579</v>
      </c>
    </row>
    <row r="24" spans="1:4" ht="18" customHeight="1" x14ac:dyDescent="0.15">
      <c r="A24" s="8">
        <v>15</v>
      </c>
      <c r="B24" s="21">
        <v>52</v>
      </c>
      <c r="C24" s="6">
        <v>56</v>
      </c>
      <c r="D24" s="5">
        <v>108</v>
      </c>
    </row>
    <row r="25" spans="1:4" ht="18" customHeight="1" x14ac:dyDescent="0.15">
      <c r="A25" s="8">
        <v>16</v>
      </c>
      <c r="B25" s="21">
        <v>49</v>
      </c>
      <c r="C25" s="6">
        <v>61</v>
      </c>
      <c r="D25" s="5">
        <v>110</v>
      </c>
    </row>
    <row r="26" spans="1:4" ht="18" customHeight="1" x14ac:dyDescent="0.15">
      <c r="A26" s="8">
        <v>17</v>
      </c>
      <c r="B26" s="21">
        <v>55</v>
      </c>
      <c r="C26" s="6">
        <v>53</v>
      </c>
      <c r="D26" s="5">
        <v>108</v>
      </c>
    </row>
    <row r="27" spans="1:4" ht="18" customHeight="1" x14ac:dyDescent="0.15">
      <c r="A27" s="8">
        <v>18</v>
      </c>
      <c r="B27" s="21">
        <v>54</v>
      </c>
      <c r="C27" s="6">
        <v>43</v>
      </c>
      <c r="D27" s="5">
        <v>97</v>
      </c>
    </row>
    <row r="28" spans="1:4" ht="18" customHeight="1" x14ac:dyDescent="0.15">
      <c r="A28" s="8">
        <v>19</v>
      </c>
      <c r="B28" s="21">
        <v>48</v>
      </c>
      <c r="C28" s="6">
        <v>57</v>
      </c>
      <c r="D28" s="5">
        <v>105</v>
      </c>
    </row>
    <row r="29" spans="1:4" ht="18" customHeight="1" x14ac:dyDescent="0.15">
      <c r="A29" s="8" t="s">
        <v>21</v>
      </c>
      <c r="B29" s="21">
        <v>258</v>
      </c>
      <c r="C29" s="6">
        <v>270</v>
      </c>
      <c r="D29" s="5">
        <v>528</v>
      </c>
    </row>
    <row r="30" spans="1:4" ht="18" customHeight="1" x14ac:dyDescent="0.15">
      <c r="A30" s="8">
        <v>20</v>
      </c>
      <c r="B30" s="21">
        <v>62</v>
      </c>
      <c r="C30" s="6">
        <v>61</v>
      </c>
      <c r="D30" s="5">
        <v>123</v>
      </c>
    </row>
    <row r="31" spans="1:4" ht="18" customHeight="1" x14ac:dyDescent="0.15">
      <c r="A31" s="8">
        <v>21</v>
      </c>
      <c r="B31" s="21">
        <v>53</v>
      </c>
      <c r="C31" s="6">
        <v>54</v>
      </c>
      <c r="D31" s="5">
        <v>107</v>
      </c>
    </row>
    <row r="32" spans="1:4" ht="18" customHeight="1" x14ac:dyDescent="0.15">
      <c r="A32" s="8">
        <v>22</v>
      </c>
      <c r="B32" s="21">
        <v>57</v>
      </c>
      <c r="C32" s="6">
        <v>56</v>
      </c>
      <c r="D32" s="5">
        <v>113</v>
      </c>
    </row>
    <row r="33" spans="1:4" ht="18" customHeight="1" x14ac:dyDescent="0.15">
      <c r="A33" s="8">
        <v>23</v>
      </c>
      <c r="B33" s="21">
        <v>59</v>
      </c>
      <c r="C33" s="6">
        <v>72</v>
      </c>
      <c r="D33" s="5">
        <v>131</v>
      </c>
    </row>
    <row r="34" spans="1:4" ht="18" customHeight="1" x14ac:dyDescent="0.15">
      <c r="A34" s="8">
        <v>24</v>
      </c>
      <c r="B34" s="21">
        <v>79</v>
      </c>
      <c r="C34" s="6">
        <v>69</v>
      </c>
      <c r="D34" s="5">
        <v>148</v>
      </c>
    </row>
    <row r="35" spans="1:4" ht="18" customHeight="1" x14ac:dyDescent="0.15">
      <c r="A35" s="8" t="s">
        <v>20</v>
      </c>
      <c r="B35" s="21">
        <v>310</v>
      </c>
      <c r="C35" s="6">
        <v>312</v>
      </c>
      <c r="D35" s="5">
        <v>622</v>
      </c>
    </row>
    <row r="36" spans="1:4" ht="18" customHeight="1" x14ac:dyDescent="0.15">
      <c r="A36" s="8">
        <v>25</v>
      </c>
      <c r="B36" s="21">
        <v>88</v>
      </c>
      <c r="C36" s="6">
        <v>69</v>
      </c>
      <c r="D36" s="5">
        <v>157</v>
      </c>
    </row>
    <row r="37" spans="1:4" ht="18" customHeight="1" x14ac:dyDescent="0.15">
      <c r="A37" s="8">
        <v>26</v>
      </c>
      <c r="B37" s="21">
        <v>82</v>
      </c>
      <c r="C37" s="6">
        <v>76</v>
      </c>
      <c r="D37" s="5">
        <v>158</v>
      </c>
    </row>
    <row r="38" spans="1:4" ht="18" customHeight="1" x14ac:dyDescent="0.15">
      <c r="A38" s="8">
        <v>27</v>
      </c>
      <c r="B38" s="21">
        <v>82</v>
      </c>
      <c r="C38" s="6">
        <v>68</v>
      </c>
      <c r="D38" s="5">
        <v>150</v>
      </c>
    </row>
    <row r="39" spans="1:4" ht="18" customHeight="1" x14ac:dyDescent="0.15">
      <c r="A39" s="8">
        <v>28</v>
      </c>
      <c r="B39" s="21">
        <v>69</v>
      </c>
      <c r="C39" s="6">
        <v>88</v>
      </c>
      <c r="D39" s="5">
        <v>157</v>
      </c>
    </row>
    <row r="40" spans="1:4" ht="18" customHeight="1" x14ac:dyDescent="0.15">
      <c r="A40" s="8">
        <v>29</v>
      </c>
      <c r="B40" s="21">
        <v>93</v>
      </c>
      <c r="C40" s="6">
        <v>62</v>
      </c>
      <c r="D40" s="5">
        <v>155</v>
      </c>
    </row>
    <row r="41" spans="1:4" ht="18" customHeight="1" x14ac:dyDescent="0.15">
      <c r="A41" s="8" t="s">
        <v>19</v>
      </c>
      <c r="B41" s="21">
        <v>414</v>
      </c>
      <c r="C41" s="6">
        <v>363</v>
      </c>
      <c r="D41" s="5">
        <v>777</v>
      </c>
    </row>
    <row r="42" spans="1:4" ht="18" customHeight="1" x14ac:dyDescent="0.15">
      <c r="A42" s="8">
        <v>30</v>
      </c>
      <c r="B42" s="21">
        <v>89</v>
      </c>
      <c r="C42" s="6">
        <v>94</v>
      </c>
      <c r="D42" s="5">
        <v>183</v>
      </c>
    </row>
    <row r="43" spans="1:4" ht="18" customHeight="1" x14ac:dyDescent="0.15">
      <c r="A43" s="8">
        <v>31</v>
      </c>
      <c r="B43" s="21">
        <v>103</v>
      </c>
      <c r="C43" s="6">
        <v>78</v>
      </c>
      <c r="D43" s="5">
        <v>181</v>
      </c>
    </row>
    <row r="44" spans="1:4" ht="18" customHeight="1" x14ac:dyDescent="0.15">
      <c r="A44" s="8">
        <v>32</v>
      </c>
      <c r="B44" s="21">
        <v>79</v>
      </c>
      <c r="C44" s="6">
        <v>76</v>
      </c>
      <c r="D44" s="5">
        <v>155</v>
      </c>
    </row>
    <row r="45" spans="1:4" ht="18" customHeight="1" x14ac:dyDescent="0.15">
      <c r="A45" s="8">
        <v>33</v>
      </c>
      <c r="B45" s="21">
        <v>75</v>
      </c>
      <c r="C45" s="6">
        <v>59</v>
      </c>
      <c r="D45" s="5">
        <v>134</v>
      </c>
    </row>
    <row r="46" spans="1:4" ht="18" customHeight="1" x14ac:dyDescent="0.15">
      <c r="A46" s="8">
        <v>34</v>
      </c>
      <c r="B46" s="21">
        <v>86</v>
      </c>
      <c r="C46" s="6">
        <v>55</v>
      </c>
      <c r="D46" s="5">
        <v>141</v>
      </c>
    </row>
    <row r="47" spans="1:4" ht="18" customHeight="1" x14ac:dyDescent="0.15">
      <c r="A47" s="8" t="s">
        <v>18</v>
      </c>
      <c r="B47" s="21">
        <v>432</v>
      </c>
      <c r="C47" s="6">
        <v>362</v>
      </c>
      <c r="D47" s="5">
        <v>794</v>
      </c>
    </row>
    <row r="48" spans="1:4" ht="18" customHeight="1" x14ac:dyDescent="0.15">
      <c r="A48" s="8">
        <v>35</v>
      </c>
      <c r="B48" s="21">
        <v>73</v>
      </c>
      <c r="C48" s="6">
        <v>83</v>
      </c>
      <c r="D48" s="5">
        <v>156</v>
      </c>
    </row>
    <row r="49" spans="1:4" ht="18" customHeight="1" x14ac:dyDescent="0.15">
      <c r="A49" s="8">
        <v>36</v>
      </c>
      <c r="B49" s="21">
        <v>83</v>
      </c>
      <c r="C49" s="6">
        <v>66</v>
      </c>
      <c r="D49" s="5">
        <v>149</v>
      </c>
    </row>
    <row r="50" spans="1:4" ht="18" customHeight="1" x14ac:dyDescent="0.15">
      <c r="A50" s="8">
        <v>37</v>
      </c>
      <c r="B50" s="21">
        <v>80</v>
      </c>
      <c r="C50" s="6">
        <v>67</v>
      </c>
      <c r="D50" s="5">
        <v>147</v>
      </c>
    </row>
    <row r="51" spans="1:4" ht="18" customHeight="1" x14ac:dyDescent="0.15">
      <c r="A51" s="8">
        <v>38</v>
      </c>
      <c r="B51" s="21">
        <v>75</v>
      </c>
      <c r="C51" s="6">
        <v>67</v>
      </c>
      <c r="D51" s="5">
        <v>142</v>
      </c>
    </row>
    <row r="52" spans="1:4" ht="18" customHeight="1" x14ac:dyDescent="0.15">
      <c r="A52" s="8">
        <v>39</v>
      </c>
      <c r="B52" s="21">
        <v>86</v>
      </c>
      <c r="C52" s="6">
        <v>83</v>
      </c>
      <c r="D52" s="5">
        <v>169</v>
      </c>
    </row>
    <row r="53" spans="1:4" ht="18" customHeight="1" x14ac:dyDescent="0.15">
      <c r="A53" s="8" t="s">
        <v>17</v>
      </c>
      <c r="B53" s="21">
        <v>397</v>
      </c>
      <c r="C53" s="6">
        <v>366</v>
      </c>
      <c r="D53" s="5">
        <v>763</v>
      </c>
    </row>
    <row r="54" spans="1:4" ht="18" customHeight="1" x14ac:dyDescent="0.15">
      <c r="A54" s="8">
        <v>40</v>
      </c>
      <c r="B54" s="21">
        <v>87</v>
      </c>
      <c r="C54" s="6">
        <v>96</v>
      </c>
      <c r="D54" s="5">
        <v>183</v>
      </c>
    </row>
    <row r="55" spans="1:4" ht="18" customHeight="1" x14ac:dyDescent="0.15">
      <c r="A55" s="8">
        <v>41</v>
      </c>
      <c r="B55" s="21">
        <v>68</v>
      </c>
      <c r="C55" s="6">
        <v>80</v>
      </c>
      <c r="D55" s="5">
        <v>148</v>
      </c>
    </row>
    <row r="56" spans="1:4" ht="18" customHeight="1" x14ac:dyDescent="0.15">
      <c r="A56" s="8">
        <v>42</v>
      </c>
      <c r="B56" s="21">
        <v>92</v>
      </c>
      <c r="C56" s="6">
        <v>82</v>
      </c>
      <c r="D56" s="5">
        <v>174</v>
      </c>
    </row>
    <row r="57" spans="1:4" ht="18" customHeight="1" x14ac:dyDescent="0.15">
      <c r="A57" s="8">
        <v>43</v>
      </c>
      <c r="B57" s="21">
        <v>95</v>
      </c>
      <c r="C57" s="6">
        <v>79</v>
      </c>
      <c r="D57" s="5">
        <v>174</v>
      </c>
    </row>
    <row r="58" spans="1:4" ht="18" customHeight="1" x14ac:dyDescent="0.15">
      <c r="A58" s="8">
        <v>44</v>
      </c>
      <c r="B58" s="21">
        <v>72</v>
      </c>
      <c r="C58" s="6">
        <v>86</v>
      </c>
      <c r="D58" s="5">
        <v>158</v>
      </c>
    </row>
    <row r="59" spans="1:4" ht="18" customHeight="1" x14ac:dyDescent="0.15">
      <c r="A59" s="8" t="s">
        <v>16</v>
      </c>
      <c r="B59" s="21">
        <v>414</v>
      </c>
      <c r="C59" s="6">
        <v>423</v>
      </c>
      <c r="D59" s="5">
        <v>837</v>
      </c>
    </row>
    <row r="60" spans="1:4" ht="18" customHeight="1" x14ac:dyDescent="0.15">
      <c r="A60" s="8">
        <v>45</v>
      </c>
      <c r="B60" s="21">
        <v>97</v>
      </c>
      <c r="C60" s="6">
        <v>85</v>
      </c>
      <c r="D60" s="5">
        <v>182</v>
      </c>
    </row>
    <row r="61" spans="1:4" ht="18" customHeight="1" x14ac:dyDescent="0.15">
      <c r="A61" s="8">
        <v>46</v>
      </c>
      <c r="B61" s="21">
        <v>76</v>
      </c>
      <c r="C61" s="6">
        <v>84</v>
      </c>
      <c r="D61" s="5">
        <v>160</v>
      </c>
    </row>
    <row r="62" spans="1:4" ht="18" customHeight="1" x14ac:dyDescent="0.15">
      <c r="A62" s="8">
        <v>47</v>
      </c>
      <c r="B62" s="21">
        <v>113</v>
      </c>
      <c r="C62" s="6">
        <v>63</v>
      </c>
      <c r="D62" s="5">
        <v>176</v>
      </c>
    </row>
    <row r="63" spans="1:4" ht="18" customHeight="1" x14ac:dyDescent="0.15">
      <c r="A63" s="8">
        <v>48</v>
      </c>
      <c r="B63" s="21">
        <v>84</v>
      </c>
      <c r="C63" s="6">
        <v>83</v>
      </c>
      <c r="D63" s="5">
        <v>167</v>
      </c>
    </row>
    <row r="64" spans="1:4" ht="18" customHeight="1" x14ac:dyDescent="0.15">
      <c r="A64" s="8">
        <v>49</v>
      </c>
      <c r="B64" s="21">
        <v>102</v>
      </c>
      <c r="C64" s="6">
        <v>84</v>
      </c>
      <c r="D64" s="5">
        <v>186</v>
      </c>
    </row>
    <row r="65" spans="1:4" ht="18" customHeight="1" x14ac:dyDescent="0.15">
      <c r="A65" s="8" t="s">
        <v>15</v>
      </c>
      <c r="B65" s="21">
        <v>472</v>
      </c>
      <c r="C65" s="6">
        <v>399</v>
      </c>
      <c r="D65" s="5">
        <v>871</v>
      </c>
    </row>
    <row r="66" spans="1:4" ht="18" customHeight="1" x14ac:dyDescent="0.15">
      <c r="A66" s="8">
        <v>50</v>
      </c>
      <c r="B66" s="21">
        <v>110</v>
      </c>
      <c r="C66" s="6">
        <v>102</v>
      </c>
      <c r="D66" s="5">
        <v>212</v>
      </c>
    </row>
    <row r="67" spans="1:4" ht="18" customHeight="1" x14ac:dyDescent="0.15">
      <c r="A67" s="8">
        <v>51</v>
      </c>
      <c r="B67" s="21">
        <v>111</v>
      </c>
      <c r="C67" s="6">
        <v>107</v>
      </c>
      <c r="D67" s="5">
        <v>218</v>
      </c>
    </row>
    <row r="68" spans="1:4" ht="18" customHeight="1" x14ac:dyDescent="0.15">
      <c r="A68" s="8">
        <v>52</v>
      </c>
      <c r="B68" s="21">
        <v>104</v>
      </c>
      <c r="C68" s="6">
        <v>100</v>
      </c>
      <c r="D68" s="5">
        <v>204</v>
      </c>
    </row>
    <row r="69" spans="1:4" ht="18" customHeight="1" x14ac:dyDescent="0.15">
      <c r="A69" s="8">
        <v>53</v>
      </c>
      <c r="B69" s="21">
        <v>100</v>
      </c>
      <c r="C69" s="6">
        <v>107</v>
      </c>
      <c r="D69" s="5">
        <v>207</v>
      </c>
    </row>
    <row r="70" spans="1:4" ht="18" customHeight="1" x14ac:dyDescent="0.15">
      <c r="A70" s="8">
        <v>54</v>
      </c>
      <c r="B70" s="21">
        <v>88</v>
      </c>
      <c r="C70" s="6">
        <v>111</v>
      </c>
      <c r="D70" s="5">
        <v>199</v>
      </c>
    </row>
    <row r="71" spans="1:4" ht="18" customHeight="1" x14ac:dyDescent="0.15">
      <c r="A71" s="8" t="s">
        <v>14</v>
      </c>
      <c r="B71" s="21">
        <v>513</v>
      </c>
      <c r="C71" s="6">
        <v>527</v>
      </c>
      <c r="D71" s="5">
        <v>1040</v>
      </c>
    </row>
    <row r="72" spans="1:4" ht="18" customHeight="1" x14ac:dyDescent="0.15">
      <c r="A72" s="8">
        <v>55</v>
      </c>
      <c r="B72" s="21">
        <v>108</v>
      </c>
      <c r="C72" s="6">
        <v>93</v>
      </c>
      <c r="D72" s="5">
        <v>201</v>
      </c>
    </row>
    <row r="73" spans="1:4" ht="18" customHeight="1" x14ac:dyDescent="0.15">
      <c r="A73" s="8">
        <v>56</v>
      </c>
      <c r="B73" s="21">
        <v>109</v>
      </c>
      <c r="C73" s="6">
        <v>95</v>
      </c>
      <c r="D73" s="5">
        <v>204</v>
      </c>
    </row>
    <row r="74" spans="1:4" ht="18" customHeight="1" x14ac:dyDescent="0.15">
      <c r="A74" s="8">
        <v>57</v>
      </c>
      <c r="B74" s="21">
        <v>82</v>
      </c>
      <c r="C74" s="6">
        <v>96</v>
      </c>
      <c r="D74" s="5">
        <v>178</v>
      </c>
    </row>
    <row r="75" spans="1:4" ht="18" customHeight="1" x14ac:dyDescent="0.15">
      <c r="A75" s="8">
        <v>58</v>
      </c>
      <c r="B75" s="21">
        <v>80</v>
      </c>
      <c r="C75" s="6">
        <v>90</v>
      </c>
      <c r="D75" s="5">
        <v>170</v>
      </c>
    </row>
    <row r="76" spans="1:4" ht="18" customHeight="1" x14ac:dyDescent="0.15">
      <c r="A76" s="8">
        <v>59</v>
      </c>
      <c r="B76" s="21">
        <v>68</v>
      </c>
      <c r="C76" s="6">
        <v>50</v>
      </c>
      <c r="D76" s="5">
        <v>118</v>
      </c>
    </row>
    <row r="77" spans="1:4" ht="18" customHeight="1" x14ac:dyDescent="0.15">
      <c r="A77" s="8" t="s">
        <v>13</v>
      </c>
      <c r="B77" s="21">
        <v>447</v>
      </c>
      <c r="C77" s="6">
        <v>424</v>
      </c>
      <c r="D77" s="5">
        <v>871</v>
      </c>
    </row>
    <row r="78" spans="1:4" ht="18" customHeight="1" x14ac:dyDescent="0.15">
      <c r="A78" s="8">
        <v>60</v>
      </c>
      <c r="B78" s="21">
        <v>64</v>
      </c>
      <c r="C78" s="6">
        <v>73</v>
      </c>
      <c r="D78" s="5">
        <v>137</v>
      </c>
    </row>
    <row r="79" spans="1:4" ht="18" customHeight="1" x14ac:dyDescent="0.15">
      <c r="A79" s="8">
        <v>61</v>
      </c>
      <c r="B79" s="21">
        <v>72</v>
      </c>
      <c r="C79" s="6">
        <v>66</v>
      </c>
      <c r="D79" s="5">
        <v>138</v>
      </c>
    </row>
    <row r="80" spans="1:4" ht="18" customHeight="1" x14ac:dyDescent="0.15">
      <c r="A80" s="8">
        <v>62</v>
      </c>
      <c r="B80" s="21">
        <v>79</v>
      </c>
      <c r="C80" s="6">
        <v>71</v>
      </c>
      <c r="D80" s="5">
        <v>150</v>
      </c>
    </row>
    <row r="81" spans="1:4" ht="18" customHeight="1" x14ac:dyDescent="0.15">
      <c r="A81" s="8">
        <v>63</v>
      </c>
      <c r="B81" s="21">
        <v>62</v>
      </c>
      <c r="C81" s="6">
        <v>78</v>
      </c>
      <c r="D81" s="5">
        <v>140</v>
      </c>
    </row>
    <row r="82" spans="1:4" ht="18" customHeight="1" x14ac:dyDescent="0.15">
      <c r="A82" s="8">
        <v>64</v>
      </c>
      <c r="B82" s="21">
        <v>60</v>
      </c>
      <c r="C82" s="6">
        <v>62</v>
      </c>
      <c r="D82" s="5">
        <v>122</v>
      </c>
    </row>
    <row r="83" spans="1:4" ht="18" customHeight="1" x14ac:dyDescent="0.15">
      <c r="A83" s="8" t="s">
        <v>12</v>
      </c>
      <c r="B83" s="21">
        <v>337</v>
      </c>
      <c r="C83" s="6">
        <v>350</v>
      </c>
      <c r="D83" s="5">
        <v>687</v>
      </c>
    </row>
    <row r="84" spans="1:4" ht="18" customHeight="1" x14ac:dyDescent="0.15">
      <c r="A84" s="8" t="s">
        <v>11</v>
      </c>
      <c r="B84" s="21">
        <v>3994</v>
      </c>
      <c r="C84" s="6">
        <v>3796</v>
      </c>
      <c r="D84" s="5">
        <v>7790</v>
      </c>
    </row>
    <row r="85" spans="1:4" ht="18" customHeight="1" x14ac:dyDescent="0.15">
      <c r="A85" s="8">
        <v>65</v>
      </c>
      <c r="B85" s="21">
        <v>53</v>
      </c>
      <c r="C85" s="6">
        <v>66</v>
      </c>
      <c r="D85" s="5">
        <v>119</v>
      </c>
    </row>
    <row r="86" spans="1:4" ht="18" customHeight="1" x14ac:dyDescent="0.15">
      <c r="A86" s="8">
        <v>66</v>
      </c>
      <c r="B86" s="21">
        <v>58</v>
      </c>
      <c r="C86" s="6">
        <v>69</v>
      </c>
      <c r="D86" s="5">
        <v>127</v>
      </c>
    </row>
    <row r="87" spans="1:4" ht="18" customHeight="1" x14ac:dyDescent="0.15">
      <c r="A87" s="8">
        <v>67</v>
      </c>
      <c r="B87" s="21">
        <v>51</v>
      </c>
      <c r="C87" s="6">
        <v>66</v>
      </c>
      <c r="D87" s="5">
        <v>117</v>
      </c>
    </row>
    <row r="88" spans="1:4" ht="18" customHeight="1" x14ac:dyDescent="0.15">
      <c r="A88" s="8">
        <v>68</v>
      </c>
      <c r="B88" s="21">
        <v>53</v>
      </c>
      <c r="C88" s="6">
        <v>57</v>
      </c>
      <c r="D88" s="5">
        <v>110</v>
      </c>
    </row>
    <row r="89" spans="1:4" ht="18" customHeight="1" x14ac:dyDescent="0.15">
      <c r="A89" s="8">
        <v>69</v>
      </c>
      <c r="B89" s="21">
        <v>60</v>
      </c>
      <c r="C89" s="6">
        <v>54</v>
      </c>
      <c r="D89" s="5">
        <v>114</v>
      </c>
    </row>
    <row r="90" spans="1:4" ht="18" customHeight="1" x14ac:dyDescent="0.15">
      <c r="A90" s="8" t="s">
        <v>10</v>
      </c>
      <c r="B90" s="21">
        <v>275</v>
      </c>
      <c r="C90" s="6">
        <v>312</v>
      </c>
      <c r="D90" s="5">
        <v>587</v>
      </c>
    </row>
    <row r="91" spans="1:4" ht="18" customHeight="1" x14ac:dyDescent="0.15">
      <c r="A91" s="8">
        <v>70</v>
      </c>
      <c r="B91" s="21">
        <v>57</v>
      </c>
      <c r="C91" s="6">
        <v>59</v>
      </c>
      <c r="D91" s="5">
        <v>116</v>
      </c>
    </row>
    <row r="92" spans="1:4" ht="18" customHeight="1" x14ac:dyDescent="0.15">
      <c r="A92" s="8">
        <v>71</v>
      </c>
      <c r="B92" s="21">
        <v>65</v>
      </c>
      <c r="C92" s="6">
        <v>70</v>
      </c>
      <c r="D92" s="5">
        <v>135</v>
      </c>
    </row>
    <row r="93" spans="1:4" ht="18" customHeight="1" x14ac:dyDescent="0.15">
      <c r="A93" s="8">
        <v>72</v>
      </c>
      <c r="B93" s="21">
        <v>62</v>
      </c>
      <c r="C93" s="6">
        <v>61</v>
      </c>
      <c r="D93" s="5">
        <v>123</v>
      </c>
    </row>
    <row r="94" spans="1:4" ht="18" customHeight="1" x14ac:dyDescent="0.15">
      <c r="A94" s="8">
        <v>73</v>
      </c>
      <c r="B94" s="21">
        <v>57</v>
      </c>
      <c r="C94" s="6">
        <v>72</v>
      </c>
      <c r="D94" s="5">
        <v>129</v>
      </c>
    </row>
    <row r="95" spans="1:4" ht="18" customHeight="1" x14ac:dyDescent="0.15">
      <c r="A95" s="8">
        <v>74</v>
      </c>
      <c r="B95" s="21">
        <v>66</v>
      </c>
      <c r="C95" s="6">
        <v>80</v>
      </c>
      <c r="D95" s="5">
        <v>146</v>
      </c>
    </row>
    <row r="96" spans="1:4" ht="18" customHeight="1" x14ac:dyDescent="0.15">
      <c r="A96" s="8" t="s">
        <v>9</v>
      </c>
      <c r="B96" s="21">
        <v>307</v>
      </c>
      <c r="C96" s="6">
        <v>342</v>
      </c>
      <c r="D96" s="5">
        <v>649</v>
      </c>
    </row>
    <row r="97" spans="1:4" ht="18" customHeight="1" x14ac:dyDescent="0.15">
      <c r="A97" s="8">
        <v>75</v>
      </c>
      <c r="B97" s="21">
        <v>69</v>
      </c>
      <c r="C97" s="6">
        <v>90</v>
      </c>
      <c r="D97" s="5">
        <v>159</v>
      </c>
    </row>
    <row r="98" spans="1:4" ht="18" customHeight="1" x14ac:dyDescent="0.15">
      <c r="A98" s="8">
        <v>76</v>
      </c>
      <c r="B98" s="21">
        <v>82</v>
      </c>
      <c r="C98" s="6">
        <v>99</v>
      </c>
      <c r="D98" s="5">
        <v>181</v>
      </c>
    </row>
    <row r="99" spans="1:4" ht="18" customHeight="1" x14ac:dyDescent="0.15">
      <c r="A99" s="8">
        <v>77</v>
      </c>
      <c r="B99" s="21">
        <v>74</v>
      </c>
      <c r="C99" s="6">
        <v>98</v>
      </c>
      <c r="D99" s="5">
        <v>172</v>
      </c>
    </row>
    <row r="100" spans="1:4" ht="18" customHeight="1" x14ac:dyDescent="0.15">
      <c r="A100" s="8">
        <v>78</v>
      </c>
      <c r="B100" s="21">
        <v>56</v>
      </c>
      <c r="C100" s="6">
        <v>111</v>
      </c>
      <c r="D100" s="5">
        <v>167</v>
      </c>
    </row>
    <row r="101" spans="1:4" ht="18" customHeight="1" x14ac:dyDescent="0.15">
      <c r="A101" s="8">
        <v>79</v>
      </c>
      <c r="B101" s="21">
        <v>40</v>
      </c>
      <c r="C101" s="6">
        <v>57</v>
      </c>
      <c r="D101" s="5">
        <v>97</v>
      </c>
    </row>
    <row r="102" spans="1:4" ht="18" customHeight="1" x14ac:dyDescent="0.15">
      <c r="A102" s="8" t="s">
        <v>8</v>
      </c>
      <c r="B102" s="21">
        <v>321</v>
      </c>
      <c r="C102" s="6">
        <v>455</v>
      </c>
      <c r="D102" s="5">
        <v>776</v>
      </c>
    </row>
    <row r="103" spans="1:4" ht="18" customHeight="1" x14ac:dyDescent="0.15">
      <c r="A103" s="8">
        <v>80</v>
      </c>
      <c r="B103" s="21">
        <v>39</v>
      </c>
      <c r="C103" s="6">
        <v>46</v>
      </c>
      <c r="D103" s="5">
        <v>85</v>
      </c>
    </row>
    <row r="104" spans="1:4" ht="18" customHeight="1" x14ac:dyDescent="0.15">
      <c r="A104" s="8">
        <v>81</v>
      </c>
      <c r="B104" s="21">
        <v>52</v>
      </c>
      <c r="C104" s="6">
        <v>86</v>
      </c>
      <c r="D104" s="5">
        <v>138</v>
      </c>
    </row>
    <row r="105" spans="1:4" ht="18" customHeight="1" x14ac:dyDescent="0.15">
      <c r="A105" s="8">
        <v>82</v>
      </c>
      <c r="B105" s="21">
        <v>44</v>
      </c>
      <c r="C105" s="6">
        <v>70</v>
      </c>
      <c r="D105" s="5">
        <v>114</v>
      </c>
    </row>
    <row r="106" spans="1:4" ht="18" customHeight="1" x14ac:dyDescent="0.15">
      <c r="A106" s="8">
        <v>83</v>
      </c>
      <c r="B106" s="21">
        <v>50</v>
      </c>
      <c r="C106" s="6">
        <v>84</v>
      </c>
      <c r="D106" s="5">
        <v>134</v>
      </c>
    </row>
    <row r="107" spans="1:4" ht="18" customHeight="1" x14ac:dyDescent="0.15">
      <c r="A107" s="8">
        <v>84</v>
      </c>
      <c r="B107" s="21">
        <v>38</v>
      </c>
      <c r="C107" s="6">
        <v>70</v>
      </c>
      <c r="D107" s="5">
        <v>108</v>
      </c>
    </row>
    <row r="108" spans="1:4" ht="18" customHeight="1" x14ac:dyDescent="0.15">
      <c r="A108" s="8" t="s">
        <v>7</v>
      </c>
      <c r="B108" s="21">
        <v>223</v>
      </c>
      <c r="C108" s="6">
        <v>356</v>
      </c>
      <c r="D108" s="5">
        <v>579</v>
      </c>
    </row>
    <row r="109" spans="1:4" ht="18" customHeight="1" x14ac:dyDescent="0.15">
      <c r="A109" s="8">
        <v>85</v>
      </c>
      <c r="B109" s="21">
        <v>37</v>
      </c>
      <c r="C109" s="6">
        <v>52</v>
      </c>
      <c r="D109" s="5">
        <v>89</v>
      </c>
    </row>
    <row r="110" spans="1:4" ht="18" customHeight="1" x14ac:dyDescent="0.15">
      <c r="A110" s="8">
        <v>86</v>
      </c>
      <c r="B110" s="21">
        <v>29</v>
      </c>
      <c r="C110" s="6">
        <v>58</v>
      </c>
      <c r="D110" s="5">
        <v>87</v>
      </c>
    </row>
    <row r="111" spans="1:4" ht="18" customHeight="1" x14ac:dyDescent="0.15">
      <c r="A111" s="8">
        <v>87</v>
      </c>
      <c r="B111" s="21">
        <v>22</v>
      </c>
      <c r="C111" s="6">
        <v>35</v>
      </c>
      <c r="D111" s="5">
        <v>57</v>
      </c>
    </row>
    <row r="112" spans="1:4" ht="18" customHeight="1" x14ac:dyDescent="0.15">
      <c r="A112" s="8">
        <v>88</v>
      </c>
      <c r="B112" s="21">
        <v>28</v>
      </c>
      <c r="C112" s="6">
        <v>36</v>
      </c>
      <c r="D112" s="5">
        <v>64</v>
      </c>
    </row>
    <row r="113" spans="1:4" ht="18" customHeight="1" x14ac:dyDescent="0.15">
      <c r="A113" s="8">
        <v>89</v>
      </c>
      <c r="B113" s="21">
        <v>26</v>
      </c>
      <c r="C113" s="6">
        <v>42</v>
      </c>
      <c r="D113" s="5">
        <v>68</v>
      </c>
    </row>
    <row r="114" spans="1:4" ht="18" customHeight="1" x14ac:dyDescent="0.15">
      <c r="A114" s="8" t="s">
        <v>6</v>
      </c>
      <c r="B114" s="21">
        <v>142</v>
      </c>
      <c r="C114" s="6">
        <v>223</v>
      </c>
      <c r="D114" s="5">
        <v>365</v>
      </c>
    </row>
    <row r="115" spans="1:4" ht="18" customHeight="1" x14ac:dyDescent="0.15">
      <c r="A115" s="8">
        <v>90</v>
      </c>
      <c r="B115" s="21">
        <v>18</v>
      </c>
      <c r="C115" s="6">
        <v>38</v>
      </c>
      <c r="D115" s="5">
        <v>56</v>
      </c>
    </row>
    <row r="116" spans="1:4" ht="18" customHeight="1" x14ac:dyDescent="0.15">
      <c r="A116" s="8">
        <v>91</v>
      </c>
      <c r="B116" s="21">
        <v>16</v>
      </c>
      <c r="C116" s="6">
        <v>39</v>
      </c>
      <c r="D116" s="5">
        <v>55</v>
      </c>
    </row>
    <row r="117" spans="1:4" ht="18" customHeight="1" x14ac:dyDescent="0.15">
      <c r="A117" s="8">
        <v>92</v>
      </c>
      <c r="B117" s="21">
        <v>10</v>
      </c>
      <c r="C117" s="6">
        <v>38</v>
      </c>
      <c r="D117" s="5">
        <v>48</v>
      </c>
    </row>
    <row r="118" spans="1:4" ht="18" customHeight="1" x14ac:dyDescent="0.15">
      <c r="A118" s="8">
        <v>93</v>
      </c>
      <c r="B118" s="21">
        <v>8</v>
      </c>
      <c r="C118" s="6">
        <v>30</v>
      </c>
      <c r="D118" s="5">
        <v>38</v>
      </c>
    </row>
    <row r="119" spans="1:4" ht="18" customHeight="1" x14ac:dyDescent="0.15">
      <c r="A119" s="8">
        <v>94</v>
      </c>
      <c r="B119" s="21">
        <v>2</v>
      </c>
      <c r="C119" s="6">
        <v>22</v>
      </c>
      <c r="D119" s="5">
        <v>24</v>
      </c>
    </row>
    <row r="120" spans="1:4" ht="18" customHeight="1" x14ac:dyDescent="0.15">
      <c r="A120" s="8" t="s">
        <v>5</v>
      </c>
      <c r="B120" s="21">
        <v>54</v>
      </c>
      <c r="C120" s="6">
        <v>167</v>
      </c>
      <c r="D120" s="5">
        <v>221</v>
      </c>
    </row>
    <row r="121" spans="1:4" ht="18" customHeight="1" x14ac:dyDescent="0.15">
      <c r="A121" s="8">
        <v>95</v>
      </c>
      <c r="B121" s="21">
        <v>4</v>
      </c>
      <c r="C121" s="6">
        <v>12</v>
      </c>
      <c r="D121" s="5">
        <v>16</v>
      </c>
    </row>
    <row r="122" spans="1:4" ht="18" customHeight="1" x14ac:dyDescent="0.15">
      <c r="A122" s="8">
        <v>96</v>
      </c>
      <c r="B122" s="21">
        <v>0</v>
      </c>
      <c r="C122" s="6">
        <v>12</v>
      </c>
      <c r="D122" s="5">
        <v>12</v>
      </c>
    </row>
    <row r="123" spans="1:4" ht="18" customHeight="1" x14ac:dyDescent="0.15">
      <c r="A123" s="8">
        <v>97</v>
      </c>
      <c r="B123" s="21">
        <v>0</v>
      </c>
      <c r="C123" s="6">
        <v>9</v>
      </c>
      <c r="D123" s="5">
        <v>9</v>
      </c>
    </row>
    <row r="124" spans="1:4" ht="18" customHeight="1" x14ac:dyDescent="0.15">
      <c r="A124" s="8">
        <v>98</v>
      </c>
      <c r="B124" s="21">
        <v>1</v>
      </c>
      <c r="C124" s="6">
        <v>8</v>
      </c>
      <c r="D124" s="5">
        <v>9</v>
      </c>
    </row>
    <row r="125" spans="1:4" ht="18" customHeight="1" x14ac:dyDescent="0.15">
      <c r="A125" s="8">
        <v>99</v>
      </c>
      <c r="B125" s="21">
        <v>0</v>
      </c>
      <c r="C125" s="6">
        <v>6</v>
      </c>
      <c r="D125" s="5">
        <v>6</v>
      </c>
    </row>
    <row r="126" spans="1:4" ht="18" customHeight="1" x14ac:dyDescent="0.15">
      <c r="A126" s="8" t="s">
        <v>4</v>
      </c>
      <c r="B126" s="21">
        <v>5</v>
      </c>
      <c r="C126" s="6">
        <v>47</v>
      </c>
      <c r="D126" s="5">
        <v>52</v>
      </c>
    </row>
    <row r="127" spans="1:4" ht="18" customHeight="1" x14ac:dyDescent="0.15">
      <c r="A127" s="8">
        <v>100</v>
      </c>
      <c r="B127" s="21">
        <v>1</v>
      </c>
      <c r="C127" s="6">
        <v>4</v>
      </c>
      <c r="D127" s="5">
        <v>5</v>
      </c>
    </row>
    <row r="128" spans="1:4" ht="18" customHeight="1" x14ac:dyDescent="0.15">
      <c r="A128" s="9" t="s">
        <v>3</v>
      </c>
      <c r="B128" s="21">
        <v>1</v>
      </c>
      <c r="C128" s="6">
        <v>6</v>
      </c>
      <c r="D128" s="5">
        <v>7</v>
      </c>
    </row>
    <row r="129" spans="1:4" ht="18" customHeight="1" x14ac:dyDescent="0.15">
      <c r="A129" s="8" t="s">
        <v>2</v>
      </c>
      <c r="B129" s="21">
        <v>2</v>
      </c>
      <c r="C129" s="6">
        <v>10</v>
      </c>
      <c r="D129" s="5">
        <v>12</v>
      </c>
    </row>
    <row r="130" spans="1:4" ht="18" customHeight="1" x14ac:dyDescent="0.15">
      <c r="A130" s="8" t="s">
        <v>1</v>
      </c>
      <c r="B130" s="21">
        <v>1329</v>
      </c>
      <c r="C130" s="6">
        <v>1912</v>
      </c>
      <c r="D130" s="5">
        <v>3241</v>
      </c>
    </row>
    <row r="131" spans="1:4" ht="18" customHeight="1" x14ac:dyDescent="0.15">
      <c r="A131" s="4" t="s">
        <v>0</v>
      </c>
      <c r="B131" s="20">
        <v>6107</v>
      </c>
      <c r="C131" s="2">
        <v>6503</v>
      </c>
      <c r="D131" s="1">
        <v>1261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E3D7B9-7684-4360-801F-9A9EAA01A318}">
  <sheetPr codeName="Sheet3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71</v>
      </c>
      <c r="C5" s="11">
        <v>65</v>
      </c>
      <c r="D5" s="10">
        <v>136</v>
      </c>
    </row>
    <row r="6" spans="1:4" ht="18" customHeight="1" x14ac:dyDescent="0.15">
      <c r="A6" s="8">
        <v>1</v>
      </c>
      <c r="B6" s="21">
        <v>59</v>
      </c>
      <c r="C6" s="6">
        <v>72</v>
      </c>
      <c r="D6" s="5">
        <v>131</v>
      </c>
    </row>
    <row r="7" spans="1:4" ht="18" customHeight="1" x14ac:dyDescent="0.15">
      <c r="A7" s="8">
        <v>2</v>
      </c>
      <c r="B7" s="21">
        <v>86</v>
      </c>
      <c r="C7" s="6">
        <v>83</v>
      </c>
      <c r="D7" s="5">
        <v>169</v>
      </c>
    </row>
    <row r="8" spans="1:4" ht="18" customHeight="1" x14ac:dyDescent="0.15">
      <c r="A8" s="8">
        <v>3</v>
      </c>
      <c r="B8" s="21">
        <v>88</v>
      </c>
      <c r="C8" s="6">
        <v>84</v>
      </c>
      <c r="D8" s="5">
        <v>172</v>
      </c>
    </row>
    <row r="9" spans="1:4" ht="18" customHeight="1" x14ac:dyDescent="0.15">
      <c r="A9" s="8">
        <v>4</v>
      </c>
      <c r="B9" s="21">
        <v>83</v>
      </c>
      <c r="C9" s="6">
        <v>70</v>
      </c>
      <c r="D9" s="5">
        <v>153</v>
      </c>
    </row>
    <row r="10" spans="1:4" ht="18" customHeight="1" x14ac:dyDescent="0.15">
      <c r="A10" s="8" t="s">
        <v>25</v>
      </c>
      <c r="B10" s="21">
        <v>387</v>
      </c>
      <c r="C10" s="6">
        <v>374</v>
      </c>
      <c r="D10" s="5">
        <v>761</v>
      </c>
    </row>
    <row r="11" spans="1:4" ht="18" customHeight="1" x14ac:dyDescent="0.15">
      <c r="A11" s="8">
        <v>5</v>
      </c>
      <c r="B11" s="21">
        <v>81</v>
      </c>
      <c r="C11" s="6">
        <v>106</v>
      </c>
      <c r="D11" s="5">
        <v>187</v>
      </c>
    </row>
    <row r="12" spans="1:4" ht="18" customHeight="1" x14ac:dyDescent="0.15">
      <c r="A12" s="8">
        <v>6</v>
      </c>
      <c r="B12" s="21">
        <v>82</v>
      </c>
      <c r="C12" s="6">
        <v>90</v>
      </c>
      <c r="D12" s="5">
        <v>172</v>
      </c>
    </row>
    <row r="13" spans="1:4" ht="18" customHeight="1" x14ac:dyDescent="0.15">
      <c r="A13" s="8">
        <v>7</v>
      </c>
      <c r="B13" s="21">
        <v>90</v>
      </c>
      <c r="C13" s="6">
        <v>77</v>
      </c>
      <c r="D13" s="5">
        <v>167</v>
      </c>
    </row>
    <row r="14" spans="1:4" ht="18" customHeight="1" x14ac:dyDescent="0.15">
      <c r="A14" s="8">
        <v>8</v>
      </c>
      <c r="B14" s="21">
        <v>101</v>
      </c>
      <c r="C14" s="6">
        <v>67</v>
      </c>
      <c r="D14" s="5">
        <v>168</v>
      </c>
    </row>
    <row r="15" spans="1:4" ht="18" customHeight="1" x14ac:dyDescent="0.15">
      <c r="A15" s="8">
        <v>9</v>
      </c>
      <c r="B15" s="21">
        <v>87</v>
      </c>
      <c r="C15" s="6">
        <v>85</v>
      </c>
      <c r="D15" s="5">
        <v>172</v>
      </c>
    </row>
    <row r="16" spans="1:4" ht="18" customHeight="1" x14ac:dyDescent="0.15">
      <c r="A16" s="8" t="s">
        <v>24</v>
      </c>
      <c r="B16" s="21">
        <v>441</v>
      </c>
      <c r="C16" s="6">
        <v>425</v>
      </c>
      <c r="D16" s="5">
        <v>866</v>
      </c>
    </row>
    <row r="17" spans="1:4" ht="18" customHeight="1" x14ac:dyDescent="0.15">
      <c r="A17" s="8">
        <v>10</v>
      </c>
      <c r="B17" s="21">
        <v>109</v>
      </c>
      <c r="C17" s="6">
        <v>72</v>
      </c>
      <c r="D17" s="5">
        <v>181</v>
      </c>
    </row>
    <row r="18" spans="1:4" ht="18" customHeight="1" x14ac:dyDescent="0.15">
      <c r="A18" s="8">
        <v>11</v>
      </c>
      <c r="B18" s="21">
        <v>82</v>
      </c>
      <c r="C18" s="6">
        <v>97</v>
      </c>
      <c r="D18" s="5">
        <v>179</v>
      </c>
    </row>
    <row r="19" spans="1:4" ht="18" customHeight="1" x14ac:dyDescent="0.15">
      <c r="A19" s="8">
        <v>12</v>
      </c>
      <c r="B19" s="21">
        <v>88</v>
      </c>
      <c r="C19" s="6">
        <v>79</v>
      </c>
      <c r="D19" s="5">
        <v>167</v>
      </c>
    </row>
    <row r="20" spans="1:4" ht="18" customHeight="1" x14ac:dyDescent="0.15">
      <c r="A20" s="8">
        <v>13</v>
      </c>
      <c r="B20" s="21">
        <v>101</v>
      </c>
      <c r="C20" s="6">
        <v>105</v>
      </c>
      <c r="D20" s="5">
        <v>206</v>
      </c>
    </row>
    <row r="21" spans="1:4" ht="18" customHeight="1" x14ac:dyDescent="0.15">
      <c r="A21" s="8">
        <v>14</v>
      </c>
      <c r="B21" s="21">
        <v>89</v>
      </c>
      <c r="C21" s="6">
        <v>77</v>
      </c>
      <c r="D21" s="5">
        <v>166</v>
      </c>
    </row>
    <row r="22" spans="1:4" ht="18" customHeight="1" x14ac:dyDescent="0.15">
      <c r="A22" s="8" t="s">
        <v>23</v>
      </c>
      <c r="B22" s="21">
        <v>469</v>
      </c>
      <c r="C22" s="6">
        <v>430</v>
      </c>
      <c r="D22" s="5">
        <v>899</v>
      </c>
    </row>
    <row r="23" spans="1:4" ht="18" customHeight="1" x14ac:dyDescent="0.15">
      <c r="A23" s="8" t="s">
        <v>22</v>
      </c>
      <c r="B23" s="21">
        <v>1297</v>
      </c>
      <c r="C23" s="6">
        <v>1229</v>
      </c>
      <c r="D23" s="5">
        <v>2526</v>
      </c>
    </row>
    <row r="24" spans="1:4" ht="18" customHeight="1" x14ac:dyDescent="0.15">
      <c r="A24" s="8">
        <v>15</v>
      </c>
      <c r="B24" s="21">
        <v>88</v>
      </c>
      <c r="C24" s="6">
        <v>81</v>
      </c>
      <c r="D24" s="5">
        <v>169</v>
      </c>
    </row>
    <row r="25" spans="1:4" ht="18" customHeight="1" x14ac:dyDescent="0.15">
      <c r="A25" s="8">
        <v>16</v>
      </c>
      <c r="B25" s="21">
        <v>94</v>
      </c>
      <c r="C25" s="6">
        <v>97</v>
      </c>
      <c r="D25" s="5">
        <v>191</v>
      </c>
    </row>
    <row r="26" spans="1:4" ht="18" customHeight="1" x14ac:dyDescent="0.15">
      <c r="A26" s="8">
        <v>17</v>
      </c>
      <c r="B26" s="21">
        <v>94</v>
      </c>
      <c r="C26" s="6">
        <v>85</v>
      </c>
      <c r="D26" s="5">
        <v>179</v>
      </c>
    </row>
    <row r="27" spans="1:4" ht="18" customHeight="1" x14ac:dyDescent="0.15">
      <c r="A27" s="8">
        <v>18</v>
      </c>
      <c r="B27" s="21">
        <v>74</v>
      </c>
      <c r="C27" s="6">
        <v>88</v>
      </c>
      <c r="D27" s="5">
        <v>162</v>
      </c>
    </row>
    <row r="28" spans="1:4" ht="18" customHeight="1" x14ac:dyDescent="0.15">
      <c r="A28" s="8">
        <v>19</v>
      </c>
      <c r="B28" s="21">
        <v>73</v>
      </c>
      <c r="C28" s="6">
        <v>82</v>
      </c>
      <c r="D28" s="5">
        <v>155</v>
      </c>
    </row>
    <row r="29" spans="1:4" ht="18" customHeight="1" x14ac:dyDescent="0.15">
      <c r="A29" s="8" t="s">
        <v>21</v>
      </c>
      <c r="B29" s="21">
        <v>423</v>
      </c>
      <c r="C29" s="6">
        <v>433</v>
      </c>
      <c r="D29" s="5">
        <v>856</v>
      </c>
    </row>
    <row r="30" spans="1:4" ht="18" customHeight="1" x14ac:dyDescent="0.15">
      <c r="A30" s="8">
        <v>20</v>
      </c>
      <c r="B30" s="21">
        <v>77</v>
      </c>
      <c r="C30" s="6">
        <v>58</v>
      </c>
      <c r="D30" s="5">
        <v>135</v>
      </c>
    </row>
    <row r="31" spans="1:4" ht="18" customHeight="1" x14ac:dyDescent="0.15">
      <c r="A31" s="8">
        <v>21</v>
      </c>
      <c r="B31" s="21">
        <v>79</v>
      </c>
      <c r="C31" s="6">
        <v>70</v>
      </c>
      <c r="D31" s="5">
        <v>149</v>
      </c>
    </row>
    <row r="32" spans="1:4" ht="18" customHeight="1" x14ac:dyDescent="0.15">
      <c r="A32" s="8">
        <v>22</v>
      </c>
      <c r="B32" s="21">
        <v>72</v>
      </c>
      <c r="C32" s="6">
        <v>78</v>
      </c>
      <c r="D32" s="5">
        <v>150</v>
      </c>
    </row>
    <row r="33" spans="1:4" ht="18" customHeight="1" x14ac:dyDescent="0.15">
      <c r="A33" s="8">
        <v>23</v>
      </c>
      <c r="B33" s="21">
        <v>80</v>
      </c>
      <c r="C33" s="6">
        <v>60</v>
      </c>
      <c r="D33" s="5">
        <v>140</v>
      </c>
    </row>
    <row r="34" spans="1:4" ht="18" customHeight="1" x14ac:dyDescent="0.15">
      <c r="A34" s="8">
        <v>24</v>
      </c>
      <c r="B34" s="21">
        <v>69</v>
      </c>
      <c r="C34" s="6">
        <v>74</v>
      </c>
      <c r="D34" s="5">
        <v>143</v>
      </c>
    </row>
    <row r="35" spans="1:4" ht="18" customHeight="1" x14ac:dyDescent="0.15">
      <c r="A35" s="8" t="s">
        <v>20</v>
      </c>
      <c r="B35" s="21">
        <v>377</v>
      </c>
      <c r="C35" s="6">
        <v>340</v>
      </c>
      <c r="D35" s="5">
        <v>717</v>
      </c>
    </row>
    <row r="36" spans="1:4" ht="18" customHeight="1" x14ac:dyDescent="0.15">
      <c r="A36" s="8">
        <v>25</v>
      </c>
      <c r="B36" s="21">
        <v>76</v>
      </c>
      <c r="C36" s="6">
        <v>64</v>
      </c>
      <c r="D36" s="5">
        <v>140</v>
      </c>
    </row>
    <row r="37" spans="1:4" ht="18" customHeight="1" x14ac:dyDescent="0.15">
      <c r="A37" s="8">
        <v>26</v>
      </c>
      <c r="B37" s="21">
        <v>81</v>
      </c>
      <c r="C37" s="6">
        <v>81</v>
      </c>
      <c r="D37" s="5">
        <v>162</v>
      </c>
    </row>
    <row r="38" spans="1:4" ht="18" customHeight="1" x14ac:dyDescent="0.15">
      <c r="A38" s="8">
        <v>27</v>
      </c>
      <c r="B38" s="21">
        <v>70</v>
      </c>
      <c r="C38" s="6">
        <v>89</v>
      </c>
      <c r="D38" s="5">
        <v>159</v>
      </c>
    </row>
    <row r="39" spans="1:4" ht="18" customHeight="1" x14ac:dyDescent="0.15">
      <c r="A39" s="8">
        <v>28</v>
      </c>
      <c r="B39" s="21">
        <v>75</v>
      </c>
      <c r="C39" s="6">
        <v>102</v>
      </c>
      <c r="D39" s="5">
        <v>177</v>
      </c>
    </row>
    <row r="40" spans="1:4" ht="18" customHeight="1" x14ac:dyDescent="0.15">
      <c r="A40" s="8">
        <v>29</v>
      </c>
      <c r="B40" s="21">
        <v>84</v>
      </c>
      <c r="C40" s="6">
        <v>75</v>
      </c>
      <c r="D40" s="5">
        <v>159</v>
      </c>
    </row>
    <row r="41" spans="1:4" ht="18" customHeight="1" x14ac:dyDescent="0.15">
      <c r="A41" s="8" t="s">
        <v>19</v>
      </c>
      <c r="B41" s="21">
        <v>386</v>
      </c>
      <c r="C41" s="6">
        <v>411</v>
      </c>
      <c r="D41" s="5">
        <v>797</v>
      </c>
    </row>
    <row r="42" spans="1:4" ht="18" customHeight="1" x14ac:dyDescent="0.15">
      <c r="A42" s="8">
        <v>30</v>
      </c>
      <c r="B42" s="21">
        <v>88</v>
      </c>
      <c r="C42" s="6">
        <v>84</v>
      </c>
      <c r="D42" s="5">
        <v>172</v>
      </c>
    </row>
    <row r="43" spans="1:4" ht="18" customHeight="1" x14ac:dyDescent="0.15">
      <c r="A43" s="8">
        <v>31</v>
      </c>
      <c r="B43" s="21">
        <v>109</v>
      </c>
      <c r="C43" s="6">
        <v>108</v>
      </c>
      <c r="D43" s="5">
        <v>217</v>
      </c>
    </row>
    <row r="44" spans="1:4" ht="18" customHeight="1" x14ac:dyDescent="0.15">
      <c r="A44" s="8">
        <v>32</v>
      </c>
      <c r="B44" s="21">
        <v>78</v>
      </c>
      <c r="C44" s="6">
        <v>97</v>
      </c>
      <c r="D44" s="5">
        <v>175</v>
      </c>
    </row>
    <row r="45" spans="1:4" ht="18" customHeight="1" x14ac:dyDescent="0.15">
      <c r="A45" s="8">
        <v>33</v>
      </c>
      <c r="B45" s="21">
        <v>83</v>
      </c>
      <c r="C45" s="6">
        <v>100</v>
      </c>
      <c r="D45" s="5">
        <v>183</v>
      </c>
    </row>
    <row r="46" spans="1:4" ht="18" customHeight="1" x14ac:dyDescent="0.15">
      <c r="A46" s="8">
        <v>34</v>
      </c>
      <c r="B46" s="21">
        <v>91</v>
      </c>
      <c r="C46" s="6">
        <v>96</v>
      </c>
      <c r="D46" s="5">
        <v>187</v>
      </c>
    </row>
    <row r="47" spans="1:4" ht="18" customHeight="1" x14ac:dyDescent="0.15">
      <c r="A47" s="8" t="s">
        <v>18</v>
      </c>
      <c r="B47" s="21">
        <v>449</v>
      </c>
      <c r="C47" s="6">
        <v>485</v>
      </c>
      <c r="D47" s="5">
        <v>934</v>
      </c>
    </row>
    <row r="48" spans="1:4" ht="18" customHeight="1" x14ac:dyDescent="0.15">
      <c r="A48" s="8">
        <v>35</v>
      </c>
      <c r="B48" s="21">
        <v>96</v>
      </c>
      <c r="C48" s="6">
        <v>103</v>
      </c>
      <c r="D48" s="5">
        <v>199</v>
      </c>
    </row>
    <row r="49" spans="1:4" ht="18" customHeight="1" x14ac:dyDescent="0.15">
      <c r="A49" s="8">
        <v>36</v>
      </c>
      <c r="B49" s="21">
        <v>103</v>
      </c>
      <c r="C49" s="6">
        <v>107</v>
      </c>
      <c r="D49" s="5">
        <v>210</v>
      </c>
    </row>
    <row r="50" spans="1:4" ht="18" customHeight="1" x14ac:dyDescent="0.15">
      <c r="A50" s="8">
        <v>37</v>
      </c>
      <c r="B50" s="21">
        <v>110</v>
      </c>
      <c r="C50" s="6">
        <v>90</v>
      </c>
      <c r="D50" s="5">
        <v>200</v>
      </c>
    </row>
    <row r="51" spans="1:4" ht="18" customHeight="1" x14ac:dyDescent="0.15">
      <c r="A51" s="8">
        <v>38</v>
      </c>
      <c r="B51" s="21">
        <v>84</v>
      </c>
      <c r="C51" s="6">
        <v>97</v>
      </c>
      <c r="D51" s="5">
        <v>181</v>
      </c>
    </row>
    <row r="52" spans="1:4" ht="18" customHeight="1" x14ac:dyDescent="0.15">
      <c r="A52" s="8">
        <v>39</v>
      </c>
      <c r="B52" s="21">
        <v>121</v>
      </c>
      <c r="C52" s="6">
        <v>119</v>
      </c>
      <c r="D52" s="5">
        <v>240</v>
      </c>
    </row>
    <row r="53" spans="1:4" ht="18" customHeight="1" x14ac:dyDescent="0.15">
      <c r="A53" s="8" t="s">
        <v>17</v>
      </c>
      <c r="B53" s="21">
        <v>514</v>
      </c>
      <c r="C53" s="6">
        <v>516</v>
      </c>
      <c r="D53" s="5">
        <v>1030</v>
      </c>
    </row>
    <row r="54" spans="1:4" ht="18" customHeight="1" x14ac:dyDescent="0.15">
      <c r="A54" s="8">
        <v>40</v>
      </c>
      <c r="B54" s="21">
        <v>133</v>
      </c>
      <c r="C54" s="6">
        <v>114</v>
      </c>
      <c r="D54" s="5">
        <v>247</v>
      </c>
    </row>
    <row r="55" spans="1:4" ht="18" customHeight="1" x14ac:dyDescent="0.15">
      <c r="A55" s="8">
        <v>41</v>
      </c>
      <c r="B55" s="21">
        <v>134</v>
      </c>
      <c r="C55" s="6">
        <v>105</v>
      </c>
      <c r="D55" s="5">
        <v>239</v>
      </c>
    </row>
    <row r="56" spans="1:4" ht="18" customHeight="1" x14ac:dyDescent="0.15">
      <c r="A56" s="8">
        <v>42</v>
      </c>
      <c r="B56" s="21">
        <v>137</v>
      </c>
      <c r="C56" s="6">
        <v>109</v>
      </c>
      <c r="D56" s="5">
        <v>246</v>
      </c>
    </row>
    <row r="57" spans="1:4" ht="18" customHeight="1" x14ac:dyDescent="0.15">
      <c r="A57" s="8">
        <v>43</v>
      </c>
      <c r="B57" s="21">
        <v>135</v>
      </c>
      <c r="C57" s="6">
        <v>120</v>
      </c>
      <c r="D57" s="5">
        <v>255</v>
      </c>
    </row>
    <row r="58" spans="1:4" ht="18" customHeight="1" x14ac:dyDescent="0.15">
      <c r="A58" s="8">
        <v>44</v>
      </c>
      <c r="B58" s="21">
        <v>128</v>
      </c>
      <c r="C58" s="6">
        <v>137</v>
      </c>
      <c r="D58" s="5">
        <v>265</v>
      </c>
    </row>
    <row r="59" spans="1:4" ht="18" customHeight="1" x14ac:dyDescent="0.15">
      <c r="A59" s="8" t="s">
        <v>16</v>
      </c>
      <c r="B59" s="21">
        <v>667</v>
      </c>
      <c r="C59" s="6">
        <v>585</v>
      </c>
      <c r="D59" s="5">
        <v>1252</v>
      </c>
    </row>
    <row r="60" spans="1:4" ht="18" customHeight="1" x14ac:dyDescent="0.15">
      <c r="A60" s="8">
        <v>45</v>
      </c>
      <c r="B60" s="21">
        <v>146</v>
      </c>
      <c r="C60" s="6">
        <v>109</v>
      </c>
      <c r="D60" s="5">
        <v>255</v>
      </c>
    </row>
    <row r="61" spans="1:4" ht="18" customHeight="1" x14ac:dyDescent="0.15">
      <c r="A61" s="8">
        <v>46</v>
      </c>
      <c r="B61" s="21">
        <v>127</v>
      </c>
      <c r="C61" s="6">
        <v>136</v>
      </c>
      <c r="D61" s="5">
        <v>263</v>
      </c>
    </row>
    <row r="62" spans="1:4" ht="18" customHeight="1" x14ac:dyDescent="0.15">
      <c r="A62" s="8">
        <v>47</v>
      </c>
      <c r="B62" s="21">
        <v>108</v>
      </c>
      <c r="C62" s="6">
        <v>110</v>
      </c>
      <c r="D62" s="5">
        <v>218</v>
      </c>
    </row>
    <row r="63" spans="1:4" ht="18" customHeight="1" x14ac:dyDescent="0.15">
      <c r="A63" s="8">
        <v>48</v>
      </c>
      <c r="B63" s="21">
        <v>143</v>
      </c>
      <c r="C63" s="6">
        <v>132</v>
      </c>
      <c r="D63" s="5">
        <v>275</v>
      </c>
    </row>
    <row r="64" spans="1:4" ht="18" customHeight="1" x14ac:dyDescent="0.15">
      <c r="A64" s="8">
        <v>49</v>
      </c>
      <c r="B64" s="21">
        <v>141</v>
      </c>
      <c r="C64" s="6">
        <v>124</v>
      </c>
      <c r="D64" s="5">
        <v>265</v>
      </c>
    </row>
    <row r="65" spans="1:4" ht="18" customHeight="1" x14ac:dyDescent="0.15">
      <c r="A65" s="8" t="s">
        <v>15</v>
      </c>
      <c r="B65" s="21">
        <v>665</v>
      </c>
      <c r="C65" s="6">
        <v>611</v>
      </c>
      <c r="D65" s="5">
        <v>1276</v>
      </c>
    </row>
    <row r="66" spans="1:4" ht="18" customHeight="1" x14ac:dyDescent="0.15">
      <c r="A66" s="8">
        <v>50</v>
      </c>
      <c r="B66" s="21">
        <v>162</v>
      </c>
      <c r="C66" s="6">
        <v>143</v>
      </c>
      <c r="D66" s="5">
        <v>305</v>
      </c>
    </row>
    <row r="67" spans="1:4" ht="18" customHeight="1" x14ac:dyDescent="0.15">
      <c r="A67" s="8">
        <v>51</v>
      </c>
      <c r="B67" s="21">
        <v>153</v>
      </c>
      <c r="C67" s="6">
        <v>168</v>
      </c>
      <c r="D67" s="5">
        <v>321</v>
      </c>
    </row>
    <row r="68" spans="1:4" ht="18" customHeight="1" x14ac:dyDescent="0.15">
      <c r="A68" s="8">
        <v>52</v>
      </c>
      <c r="B68" s="21">
        <v>139</v>
      </c>
      <c r="C68" s="6">
        <v>149</v>
      </c>
      <c r="D68" s="5">
        <v>288</v>
      </c>
    </row>
    <row r="69" spans="1:4" ht="18" customHeight="1" x14ac:dyDescent="0.15">
      <c r="A69" s="8">
        <v>53</v>
      </c>
      <c r="B69" s="21">
        <v>149</v>
      </c>
      <c r="C69" s="6">
        <v>120</v>
      </c>
      <c r="D69" s="5">
        <v>269</v>
      </c>
    </row>
    <row r="70" spans="1:4" ht="18" customHeight="1" x14ac:dyDescent="0.15">
      <c r="A70" s="8">
        <v>54</v>
      </c>
      <c r="B70" s="21">
        <v>116</v>
      </c>
      <c r="C70" s="6">
        <v>127</v>
      </c>
      <c r="D70" s="5">
        <v>243</v>
      </c>
    </row>
    <row r="71" spans="1:4" ht="18" customHeight="1" x14ac:dyDescent="0.15">
      <c r="A71" s="8" t="s">
        <v>14</v>
      </c>
      <c r="B71" s="21">
        <v>719</v>
      </c>
      <c r="C71" s="6">
        <v>707</v>
      </c>
      <c r="D71" s="5">
        <v>1426</v>
      </c>
    </row>
    <row r="72" spans="1:4" ht="18" customHeight="1" x14ac:dyDescent="0.15">
      <c r="A72" s="8">
        <v>55</v>
      </c>
      <c r="B72" s="21">
        <v>108</v>
      </c>
      <c r="C72" s="6">
        <v>107</v>
      </c>
      <c r="D72" s="5">
        <v>215</v>
      </c>
    </row>
    <row r="73" spans="1:4" ht="18" customHeight="1" x14ac:dyDescent="0.15">
      <c r="A73" s="8">
        <v>56</v>
      </c>
      <c r="B73" s="21">
        <v>105</v>
      </c>
      <c r="C73" s="6">
        <v>100</v>
      </c>
      <c r="D73" s="5">
        <v>205</v>
      </c>
    </row>
    <row r="74" spans="1:4" ht="18" customHeight="1" x14ac:dyDescent="0.15">
      <c r="A74" s="8">
        <v>57</v>
      </c>
      <c r="B74" s="21">
        <v>91</v>
      </c>
      <c r="C74" s="6">
        <v>95</v>
      </c>
      <c r="D74" s="5">
        <v>186</v>
      </c>
    </row>
    <row r="75" spans="1:4" ht="18" customHeight="1" x14ac:dyDescent="0.15">
      <c r="A75" s="8">
        <v>58</v>
      </c>
      <c r="B75" s="21">
        <v>101</v>
      </c>
      <c r="C75" s="6">
        <v>91</v>
      </c>
      <c r="D75" s="5">
        <v>192</v>
      </c>
    </row>
    <row r="76" spans="1:4" ht="18" customHeight="1" x14ac:dyDescent="0.15">
      <c r="A76" s="8">
        <v>59</v>
      </c>
      <c r="B76" s="21">
        <v>65</v>
      </c>
      <c r="C76" s="6">
        <v>72</v>
      </c>
      <c r="D76" s="5">
        <v>137</v>
      </c>
    </row>
    <row r="77" spans="1:4" ht="18" customHeight="1" x14ac:dyDescent="0.15">
      <c r="A77" s="8" t="s">
        <v>13</v>
      </c>
      <c r="B77" s="21">
        <v>470</v>
      </c>
      <c r="C77" s="6">
        <v>465</v>
      </c>
      <c r="D77" s="5">
        <v>935</v>
      </c>
    </row>
    <row r="78" spans="1:4" ht="18" customHeight="1" x14ac:dyDescent="0.15">
      <c r="A78" s="8">
        <v>60</v>
      </c>
      <c r="B78" s="21">
        <v>99</v>
      </c>
      <c r="C78" s="6">
        <v>97</v>
      </c>
      <c r="D78" s="5">
        <v>196</v>
      </c>
    </row>
    <row r="79" spans="1:4" ht="18" customHeight="1" x14ac:dyDescent="0.15">
      <c r="A79" s="8">
        <v>61</v>
      </c>
      <c r="B79" s="21">
        <v>75</v>
      </c>
      <c r="C79" s="6">
        <v>85</v>
      </c>
      <c r="D79" s="5">
        <v>160</v>
      </c>
    </row>
    <row r="80" spans="1:4" ht="18" customHeight="1" x14ac:dyDescent="0.15">
      <c r="A80" s="8">
        <v>62</v>
      </c>
      <c r="B80" s="21">
        <v>87</v>
      </c>
      <c r="C80" s="6">
        <v>79</v>
      </c>
      <c r="D80" s="5">
        <v>166</v>
      </c>
    </row>
    <row r="81" spans="1:4" ht="18" customHeight="1" x14ac:dyDescent="0.15">
      <c r="A81" s="8">
        <v>63</v>
      </c>
      <c r="B81" s="21">
        <v>64</v>
      </c>
      <c r="C81" s="6">
        <v>63</v>
      </c>
      <c r="D81" s="5">
        <v>127</v>
      </c>
    </row>
    <row r="82" spans="1:4" ht="18" customHeight="1" x14ac:dyDescent="0.15">
      <c r="A82" s="8">
        <v>64</v>
      </c>
      <c r="B82" s="21">
        <v>69</v>
      </c>
      <c r="C82" s="6">
        <v>77</v>
      </c>
      <c r="D82" s="5">
        <v>146</v>
      </c>
    </row>
    <row r="83" spans="1:4" ht="18" customHeight="1" x14ac:dyDescent="0.15">
      <c r="A83" s="8" t="s">
        <v>12</v>
      </c>
      <c r="B83" s="21">
        <v>394</v>
      </c>
      <c r="C83" s="6">
        <v>401</v>
      </c>
      <c r="D83" s="5">
        <v>795</v>
      </c>
    </row>
    <row r="84" spans="1:4" ht="18" customHeight="1" x14ac:dyDescent="0.15">
      <c r="A84" s="8" t="s">
        <v>11</v>
      </c>
      <c r="B84" s="21">
        <v>5064</v>
      </c>
      <c r="C84" s="6">
        <v>4954</v>
      </c>
      <c r="D84" s="5">
        <v>10018</v>
      </c>
    </row>
    <row r="85" spans="1:4" ht="18" customHeight="1" x14ac:dyDescent="0.15">
      <c r="A85" s="8">
        <v>65</v>
      </c>
      <c r="B85" s="21">
        <v>68</v>
      </c>
      <c r="C85" s="6">
        <v>78</v>
      </c>
      <c r="D85" s="5">
        <v>146</v>
      </c>
    </row>
    <row r="86" spans="1:4" ht="18" customHeight="1" x14ac:dyDescent="0.15">
      <c r="A86" s="8">
        <v>66</v>
      </c>
      <c r="B86" s="21">
        <v>61</v>
      </c>
      <c r="C86" s="6">
        <v>80</v>
      </c>
      <c r="D86" s="5">
        <v>141</v>
      </c>
    </row>
    <row r="87" spans="1:4" ht="18" customHeight="1" x14ac:dyDescent="0.15">
      <c r="A87" s="8">
        <v>67</v>
      </c>
      <c r="B87" s="21">
        <v>73</v>
      </c>
      <c r="C87" s="6">
        <v>83</v>
      </c>
      <c r="D87" s="5">
        <v>156</v>
      </c>
    </row>
    <row r="88" spans="1:4" ht="18" customHeight="1" x14ac:dyDescent="0.15">
      <c r="A88" s="8">
        <v>68</v>
      </c>
      <c r="B88" s="21">
        <v>64</v>
      </c>
      <c r="C88" s="6">
        <v>68</v>
      </c>
      <c r="D88" s="5">
        <v>132</v>
      </c>
    </row>
    <row r="89" spans="1:4" ht="18" customHeight="1" x14ac:dyDescent="0.15">
      <c r="A89" s="8">
        <v>69</v>
      </c>
      <c r="B89" s="21">
        <v>68</v>
      </c>
      <c r="C89" s="6">
        <v>67</v>
      </c>
      <c r="D89" s="5">
        <v>135</v>
      </c>
    </row>
    <row r="90" spans="1:4" ht="18" customHeight="1" x14ac:dyDescent="0.15">
      <c r="A90" s="8" t="s">
        <v>10</v>
      </c>
      <c r="B90" s="21">
        <v>334</v>
      </c>
      <c r="C90" s="6">
        <v>376</v>
      </c>
      <c r="D90" s="5">
        <v>710</v>
      </c>
    </row>
    <row r="91" spans="1:4" ht="18" customHeight="1" x14ac:dyDescent="0.15">
      <c r="A91" s="8">
        <v>70</v>
      </c>
      <c r="B91" s="21">
        <v>69</v>
      </c>
      <c r="C91" s="6">
        <v>78</v>
      </c>
      <c r="D91" s="5">
        <v>147</v>
      </c>
    </row>
    <row r="92" spans="1:4" ht="18" customHeight="1" x14ac:dyDescent="0.15">
      <c r="A92" s="8">
        <v>71</v>
      </c>
      <c r="B92" s="21">
        <v>78</v>
      </c>
      <c r="C92" s="6">
        <v>80</v>
      </c>
      <c r="D92" s="5">
        <v>158</v>
      </c>
    </row>
    <row r="93" spans="1:4" ht="18" customHeight="1" x14ac:dyDescent="0.15">
      <c r="A93" s="8">
        <v>72</v>
      </c>
      <c r="B93" s="21">
        <v>81</v>
      </c>
      <c r="C93" s="6">
        <v>94</v>
      </c>
      <c r="D93" s="5">
        <v>175</v>
      </c>
    </row>
    <row r="94" spans="1:4" ht="18" customHeight="1" x14ac:dyDescent="0.15">
      <c r="A94" s="8">
        <v>73</v>
      </c>
      <c r="B94" s="21">
        <v>82</v>
      </c>
      <c r="C94" s="6">
        <v>102</v>
      </c>
      <c r="D94" s="5">
        <v>184</v>
      </c>
    </row>
    <row r="95" spans="1:4" ht="18" customHeight="1" x14ac:dyDescent="0.15">
      <c r="A95" s="8">
        <v>74</v>
      </c>
      <c r="B95" s="21">
        <v>71</v>
      </c>
      <c r="C95" s="6">
        <v>80</v>
      </c>
      <c r="D95" s="5">
        <v>151</v>
      </c>
    </row>
    <row r="96" spans="1:4" ht="18" customHeight="1" x14ac:dyDescent="0.15">
      <c r="A96" s="8" t="s">
        <v>9</v>
      </c>
      <c r="B96" s="21">
        <v>381</v>
      </c>
      <c r="C96" s="6">
        <v>434</v>
      </c>
      <c r="D96" s="5">
        <v>815</v>
      </c>
    </row>
    <row r="97" spans="1:4" ht="18" customHeight="1" x14ac:dyDescent="0.15">
      <c r="A97" s="8">
        <v>75</v>
      </c>
      <c r="B97" s="21">
        <v>84</v>
      </c>
      <c r="C97" s="6">
        <v>106</v>
      </c>
      <c r="D97" s="5">
        <v>190</v>
      </c>
    </row>
    <row r="98" spans="1:4" ht="18" customHeight="1" x14ac:dyDescent="0.15">
      <c r="A98" s="8">
        <v>76</v>
      </c>
      <c r="B98" s="21">
        <v>93</v>
      </c>
      <c r="C98" s="6">
        <v>119</v>
      </c>
      <c r="D98" s="5">
        <v>212</v>
      </c>
    </row>
    <row r="99" spans="1:4" ht="18" customHeight="1" x14ac:dyDescent="0.15">
      <c r="A99" s="8">
        <v>77</v>
      </c>
      <c r="B99" s="21">
        <v>98</v>
      </c>
      <c r="C99" s="6">
        <v>144</v>
      </c>
      <c r="D99" s="5">
        <v>242</v>
      </c>
    </row>
    <row r="100" spans="1:4" ht="18" customHeight="1" x14ac:dyDescent="0.15">
      <c r="A100" s="8">
        <v>78</v>
      </c>
      <c r="B100" s="21">
        <v>92</v>
      </c>
      <c r="C100" s="6">
        <v>160</v>
      </c>
      <c r="D100" s="5">
        <v>252</v>
      </c>
    </row>
    <row r="101" spans="1:4" ht="18" customHeight="1" x14ac:dyDescent="0.15">
      <c r="A101" s="8">
        <v>79</v>
      </c>
      <c r="B101" s="21">
        <v>75</v>
      </c>
      <c r="C101" s="6">
        <v>74</v>
      </c>
      <c r="D101" s="5">
        <v>149</v>
      </c>
    </row>
    <row r="102" spans="1:4" ht="18" customHeight="1" x14ac:dyDescent="0.15">
      <c r="A102" s="8" t="s">
        <v>8</v>
      </c>
      <c r="B102" s="21">
        <v>442</v>
      </c>
      <c r="C102" s="6">
        <v>603</v>
      </c>
      <c r="D102" s="5">
        <v>1045</v>
      </c>
    </row>
    <row r="103" spans="1:4" ht="18" customHeight="1" x14ac:dyDescent="0.15">
      <c r="A103" s="8">
        <v>80</v>
      </c>
      <c r="B103" s="21">
        <v>54</v>
      </c>
      <c r="C103" s="6">
        <v>85</v>
      </c>
      <c r="D103" s="5">
        <v>139</v>
      </c>
    </row>
    <row r="104" spans="1:4" ht="18" customHeight="1" x14ac:dyDescent="0.15">
      <c r="A104" s="8">
        <v>81</v>
      </c>
      <c r="B104" s="21">
        <v>73</v>
      </c>
      <c r="C104" s="6">
        <v>101</v>
      </c>
      <c r="D104" s="5">
        <v>174</v>
      </c>
    </row>
    <row r="105" spans="1:4" ht="18" customHeight="1" x14ac:dyDescent="0.15">
      <c r="A105" s="8">
        <v>82</v>
      </c>
      <c r="B105" s="21">
        <v>68</v>
      </c>
      <c r="C105" s="6">
        <v>88</v>
      </c>
      <c r="D105" s="5">
        <v>156</v>
      </c>
    </row>
    <row r="106" spans="1:4" ht="18" customHeight="1" x14ac:dyDescent="0.15">
      <c r="A106" s="8">
        <v>83</v>
      </c>
      <c r="B106" s="21">
        <v>59</v>
      </c>
      <c r="C106" s="6">
        <v>103</v>
      </c>
      <c r="D106" s="5">
        <v>162</v>
      </c>
    </row>
    <row r="107" spans="1:4" ht="18" customHeight="1" x14ac:dyDescent="0.15">
      <c r="A107" s="8">
        <v>84</v>
      </c>
      <c r="B107" s="21">
        <v>55</v>
      </c>
      <c r="C107" s="6">
        <v>77</v>
      </c>
      <c r="D107" s="5">
        <v>132</v>
      </c>
    </row>
    <row r="108" spans="1:4" ht="18" customHeight="1" x14ac:dyDescent="0.15">
      <c r="A108" s="8" t="s">
        <v>7</v>
      </c>
      <c r="B108" s="21">
        <v>309</v>
      </c>
      <c r="C108" s="6">
        <v>454</v>
      </c>
      <c r="D108" s="5">
        <v>763</v>
      </c>
    </row>
    <row r="109" spans="1:4" ht="18" customHeight="1" x14ac:dyDescent="0.15">
      <c r="A109" s="8">
        <v>85</v>
      </c>
      <c r="B109" s="21">
        <v>40</v>
      </c>
      <c r="C109" s="6">
        <v>80</v>
      </c>
      <c r="D109" s="5">
        <v>120</v>
      </c>
    </row>
    <row r="110" spans="1:4" ht="18" customHeight="1" x14ac:dyDescent="0.15">
      <c r="A110" s="8">
        <v>86</v>
      </c>
      <c r="B110" s="21">
        <v>44</v>
      </c>
      <c r="C110" s="6">
        <v>44</v>
      </c>
      <c r="D110" s="5">
        <v>88</v>
      </c>
    </row>
    <row r="111" spans="1:4" ht="18" customHeight="1" x14ac:dyDescent="0.15">
      <c r="A111" s="8">
        <v>87</v>
      </c>
      <c r="B111" s="21">
        <v>30</v>
      </c>
      <c r="C111" s="6">
        <v>51</v>
      </c>
      <c r="D111" s="5">
        <v>81</v>
      </c>
    </row>
    <row r="112" spans="1:4" ht="18" customHeight="1" x14ac:dyDescent="0.15">
      <c r="A112" s="8">
        <v>88</v>
      </c>
      <c r="B112" s="21">
        <v>38</v>
      </c>
      <c r="C112" s="6">
        <v>49</v>
      </c>
      <c r="D112" s="5">
        <v>87</v>
      </c>
    </row>
    <row r="113" spans="1:4" ht="18" customHeight="1" x14ac:dyDescent="0.15">
      <c r="A113" s="8">
        <v>89</v>
      </c>
      <c r="B113" s="21">
        <v>18</v>
      </c>
      <c r="C113" s="6">
        <v>44</v>
      </c>
      <c r="D113" s="5">
        <v>62</v>
      </c>
    </row>
    <row r="114" spans="1:4" ht="18" customHeight="1" x14ac:dyDescent="0.15">
      <c r="A114" s="8" t="s">
        <v>6</v>
      </c>
      <c r="B114" s="21">
        <v>170</v>
      </c>
      <c r="C114" s="6">
        <v>268</v>
      </c>
      <c r="D114" s="5">
        <v>438</v>
      </c>
    </row>
    <row r="115" spans="1:4" ht="18" customHeight="1" x14ac:dyDescent="0.15">
      <c r="A115" s="8">
        <v>90</v>
      </c>
      <c r="B115" s="21">
        <v>23</v>
      </c>
      <c r="C115" s="6">
        <v>36</v>
      </c>
      <c r="D115" s="5">
        <v>59</v>
      </c>
    </row>
    <row r="116" spans="1:4" ht="18" customHeight="1" x14ac:dyDescent="0.15">
      <c r="A116" s="8">
        <v>91</v>
      </c>
      <c r="B116" s="21">
        <v>17</v>
      </c>
      <c r="C116" s="6">
        <v>27</v>
      </c>
      <c r="D116" s="5">
        <v>44</v>
      </c>
    </row>
    <row r="117" spans="1:4" ht="18" customHeight="1" x14ac:dyDescent="0.15">
      <c r="A117" s="8">
        <v>92</v>
      </c>
      <c r="B117" s="21">
        <v>11</v>
      </c>
      <c r="C117" s="6">
        <v>26</v>
      </c>
      <c r="D117" s="5">
        <v>37</v>
      </c>
    </row>
    <row r="118" spans="1:4" ht="18" customHeight="1" x14ac:dyDescent="0.15">
      <c r="A118" s="8">
        <v>93</v>
      </c>
      <c r="B118" s="21">
        <v>4</v>
      </c>
      <c r="C118" s="6">
        <v>20</v>
      </c>
      <c r="D118" s="5">
        <v>24</v>
      </c>
    </row>
    <row r="119" spans="1:4" ht="18" customHeight="1" x14ac:dyDescent="0.15">
      <c r="A119" s="8">
        <v>94</v>
      </c>
      <c r="B119" s="21">
        <v>12</v>
      </c>
      <c r="C119" s="6">
        <v>20</v>
      </c>
      <c r="D119" s="5">
        <v>32</v>
      </c>
    </row>
    <row r="120" spans="1:4" ht="18" customHeight="1" x14ac:dyDescent="0.15">
      <c r="A120" s="8" t="s">
        <v>5</v>
      </c>
      <c r="B120" s="21">
        <v>67</v>
      </c>
      <c r="C120" s="6">
        <v>129</v>
      </c>
      <c r="D120" s="5">
        <v>196</v>
      </c>
    </row>
    <row r="121" spans="1:4" ht="18" customHeight="1" x14ac:dyDescent="0.15">
      <c r="A121" s="8">
        <v>95</v>
      </c>
      <c r="B121" s="21">
        <v>3</v>
      </c>
      <c r="C121" s="6">
        <v>12</v>
      </c>
      <c r="D121" s="5">
        <v>15</v>
      </c>
    </row>
    <row r="122" spans="1:4" ht="18" customHeight="1" x14ac:dyDescent="0.15">
      <c r="A122" s="8">
        <v>96</v>
      </c>
      <c r="B122" s="21">
        <v>2</v>
      </c>
      <c r="C122" s="6">
        <v>10</v>
      </c>
      <c r="D122" s="5">
        <v>12</v>
      </c>
    </row>
    <row r="123" spans="1:4" ht="18" customHeight="1" x14ac:dyDescent="0.15">
      <c r="A123" s="8">
        <v>97</v>
      </c>
      <c r="B123" s="21">
        <v>1</v>
      </c>
      <c r="C123" s="6">
        <v>8</v>
      </c>
      <c r="D123" s="5">
        <v>9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7</v>
      </c>
      <c r="C126" s="6">
        <v>36</v>
      </c>
      <c r="D126" s="5">
        <v>43</v>
      </c>
    </row>
    <row r="127" spans="1:4" ht="18" customHeight="1" x14ac:dyDescent="0.15">
      <c r="A127" s="8">
        <v>100</v>
      </c>
      <c r="B127" s="21">
        <v>0</v>
      </c>
      <c r="C127" s="6">
        <v>5</v>
      </c>
      <c r="D127" s="5">
        <v>5</v>
      </c>
    </row>
    <row r="128" spans="1:4" ht="18" customHeight="1" x14ac:dyDescent="0.15">
      <c r="A128" s="9" t="s">
        <v>3</v>
      </c>
      <c r="B128" s="21">
        <v>0</v>
      </c>
      <c r="C128" s="6">
        <v>7</v>
      </c>
      <c r="D128" s="5">
        <v>7</v>
      </c>
    </row>
    <row r="129" spans="1:4" ht="18" customHeight="1" x14ac:dyDescent="0.15">
      <c r="A129" s="8" t="s">
        <v>2</v>
      </c>
      <c r="B129" s="21">
        <v>0</v>
      </c>
      <c r="C129" s="6">
        <v>12</v>
      </c>
      <c r="D129" s="5">
        <v>12</v>
      </c>
    </row>
    <row r="130" spans="1:4" ht="18" customHeight="1" x14ac:dyDescent="0.15">
      <c r="A130" s="8" t="s">
        <v>1</v>
      </c>
      <c r="B130" s="21">
        <v>1710</v>
      </c>
      <c r="C130" s="6">
        <v>2312</v>
      </c>
      <c r="D130" s="5">
        <v>4022</v>
      </c>
    </row>
    <row r="131" spans="1:4" ht="18" customHeight="1" x14ac:dyDescent="0.15">
      <c r="A131" s="4" t="s">
        <v>0</v>
      </c>
      <c r="B131" s="20">
        <v>8071</v>
      </c>
      <c r="C131" s="2">
        <v>8495</v>
      </c>
      <c r="D131" s="1">
        <v>1656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0908DD-E68E-4245-AD34-8D05AA58AC8B}">
  <sheetPr codeName="Sheet3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0</v>
      </c>
      <c r="C5" s="11">
        <v>34</v>
      </c>
      <c r="D5" s="10">
        <v>74</v>
      </c>
    </row>
    <row r="6" spans="1:4" ht="18" customHeight="1" x14ac:dyDescent="0.15">
      <c r="A6" s="8">
        <v>1</v>
      </c>
      <c r="B6" s="21">
        <v>47</v>
      </c>
      <c r="C6" s="6">
        <v>32</v>
      </c>
      <c r="D6" s="5">
        <v>79</v>
      </c>
    </row>
    <row r="7" spans="1:4" ht="18" customHeight="1" x14ac:dyDescent="0.15">
      <c r="A7" s="8">
        <v>2</v>
      </c>
      <c r="B7" s="21">
        <v>46</v>
      </c>
      <c r="C7" s="6">
        <v>40</v>
      </c>
      <c r="D7" s="5">
        <v>86</v>
      </c>
    </row>
    <row r="8" spans="1:4" ht="18" customHeight="1" x14ac:dyDescent="0.15">
      <c r="A8" s="8">
        <v>3</v>
      </c>
      <c r="B8" s="21">
        <v>45</v>
      </c>
      <c r="C8" s="6">
        <v>45</v>
      </c>
      <c r="D8" s="5">
        <v>90</v>
      </c>
    </row>
    <row r="9" spans="1:4" ht="18" customHeight="1" x14ac:dyDescent="0.15">
      <c r="A9" s="8">
        <v>4</v>
      </c>
      <c r="B9" s="21">
        <v>41</v>
      </c>
      <c r="C9" s="6">
        <v>29</v>
      </c>
      <c r="D9" s="5">
        <v>70</v>
      </c>
    </row>
    <row r="10" spans="1:4" ht="18" customHeight="1" x14ac:dyDescent="0.15">
      <c r="A10" s="8" t="s">
        <v>25</v>
      </c>
      <c r="B10" s="21">
        <v>219</v>
      </c>
      <c r="C10" s="6">
        <v>180</v>
      </c>
      <c r="D10" s="5">
        <v>399</v>
      </c>
    </row>
    <row r="11" spans="1:4" ht="18" customHeight="1" x14ac:dyDescent="0.15">
      <c r="A11" s="8">
        <v>5</v>
      </c>
      <c r="B11" s="21">
        <v>44</v>
      </c>
      <c r="C11" s="6">
        <v>34</v>
      </c>
      <c r="D11" s="5">
        <v>78</v>
      </c>
    </row>
    <row r="12" spans="1:4" ht="18" customHeight="1" x14ac:dyDescent="0.15">
      <c r="A12" s="8">
        <v>6</v>
      </c>
      <c r="B12" s="21">
        <v>43</v>
      </c>
      <c r="C12" s="6">
        <v>48</v>
      </c>
      <c r="D12" s="5">
        <v>91</v>
      </c>
    </row>
    <row r="13" spans="1:4" ht="18" customHeight="1" x14ac:dyDescent="0.15">
      <c r="A13" s="8">
        <v>7</v>
      </c>
      <c r="B13" s="21">
        <v>53</v>
      </c>
      <c r="C13" s="6">
        <v>40</v>
      </c>
      <c r="D13" s="5">
        <v>93</v>
      </c>
    </row>
    <row r="14" spans="1:4" ht="18" customHeight="1" x14ac:dyDescent="0.15">
      <c r="A14" s="8">
        <v>8</v>
      </c>
      <c r="B14" s="21">
        <v>43</v>
      </c>
      <c r="C14" s="6">
        <v>62</v>
      </c>
      <c r="D14" s="5">
        <v>105</v>
      </c>
    </row>
    <row r="15" spans="1:4" ht="18" customHeight="1" x14ac:dyDescent="0.15">
      <c r="A15" s="8">
        <v>9</v>
      </c>
      <c r="B15" s="21">
        <v>64</v>
      </c>
      <c r="C15" s="6">
        <v>54</v>
      </c>
      <c r="D15" s="5">
        <v>118</v>
      </c>
    </row>
    <row r="16" spans="1:4" ht="18" customHeight="1" x14ac:dyDescent="0.15">
      <c r="A16" s="8" t="s">
        <v>24</v>
      </c>
      <c r="B16" s="21">
        <v>247</v>
      </c>
      <c r="C16" s="6">
        <v>238</v>
      </c>
      <c r="D16" s="5">
        <v>485</v>
      </c>
    </row>
    <row r="17" spans="1:4" ht="18" customHeight="1" x14ac:dyDescent="0.15">
      <c r="A17" s="8">
        <v>10</v>
      </c>
      <c r="B17" s="21">
        <v>33</v>
      </c>
      <c r="C17" s="6">
        <v>50</v>
      </c>
      <c r="D17" s="5">
        <v>83</v>
      </c>
    </row>
    <row r="18" spans="1:4" ht="18" customHeight="1" x14ac:dyDescent="0.15">
      <c r="A18" s="8">
        <v>11</v>
      </c>
      <c r="B18" s="21">
        <v>51</v>
      </c>
      <c r="C18" s="6">
        <v>57</v>
      </c>
      <c r="D18" s="5">
        <v>108</v>
      </c>
    </row>
    <row r="19" spans="1:4" ht="18" customHeight="1" x14ac:dyDescent="0.15">
      <c r="A19" s="8">
        <v>12</v>
      </c>
      <c r="B19" s="21">
        <v>49</v>
      </c>
      <c r="C19" s="6">
        <v>47</v>
      </c>
      <c r="D19" s="5">
        <v>96</v>
      </c>
    </row>
    <row r="20" spans="1:4" ht="18" customHeight="1" x14ac:dyDescent="0.15">
      <c r="A20" s="8">
        <v>13</v>
      </c>
      <c r="B20" s="21">
        <v>45</v>
      </c>
      <c r="C20" s="6">
        <v>53</v>
      </c>
      <c r="D20" s="5">
        <v>98</v>
      </c>
    </row>
    <row r="21" spans="1:4" ht="18" customHeight="1" x14ac:dyDescent="0.15">
      <c r="A21" s="8">
        <v>14</v>
      </c>
      <c r="B21" s="21">
        <v>54</v>
      </c>
      <c r="C21" s="6">
        <v>40</v>
      </c>
      <c r="D21" s="5">
        <v>94</v>
      </c>
    </row>
    <row r="22" spans="1:4" ht="18" customHeight="1" x14ac:dyDescent="0.15">
      <c r="A22" s="8" t="s">
        <v>23</v>
      </c>
      <c r="B22" s="21">
        <v>232</v>
      </c>
      <c r="C22" s="6">
        <v>247</v>
      </c>
      <c r="D22" s="5">
        <v>479</v>
      </c>
    </row>
    <row r="23" spans="1:4" ht="18" customHeight="1" x14ac:dyDescent="0.15">
      <c r="A23" s="8" t="s">
        <v>22</v>
      </c>
      <c r="B23" s="21">
        <v>698</v>
      </c>
      <c r="C23" s="6">
        <v>665</v>
      </c>
      <c r="D23" s="5">
        <v>1363</v>
      </c>
    </row>
    <row r="24" spans="1:4" ht="18" customHeight="1" x14ac:dyDescent="0.15">
      <c r="A24" s="8">
        <v>15</v>
      </c>
      <c r="B24" s="21">
        <v>42</v>
      </c>
      <c r="C24" s="6">
        <v>45</v>
      </c>
      <c r="D24" s="5">
        <v>87</v>
      </c>
    </row>
    <row r="25" spans="1:4" ht="18" customHeight="1" x14ac:dyDescent="0.15">
      <c r="A25" s="8">
        <v>16</v>
      </c>
      <c r="B25" s="21">
        <v>49</v>
      </c>
      <c r="C25" s="6">
        <v>48</v>
      </c>
      <c r="D25" s="5">
        <v>97</v>
      </c>
    </row>
    <row r="26" spans="1:4" ht="18" customHeight="1" x14ac:dyDescent="0.15">
      <c r="A26" s="8">
        <v>17</v>
      </c>
      <c r="B26" s="21">
        <v>55</v>
      </c>
      <c r="C26" s="6">
        <v>38</v>
      </c>
      <c r="D26" s="5">
        <v>93</v>
      </c>
    </row>
    <row r="27" spans="1:4" ht="18" customHeight="1" x14ac:dyDescent="0.15">
      <c r="A27" s="8">
        <v>18</v>
      </c>
      <c r="B27" s="21">
        <v>37</v>
      </c>
      <c r="C27" s="6">
        <v>45</v>
      </c>
      <c r="D27" s="5">
        <v>82</v>
      </c>
    </row>
    <row r="28" spans="1:4" ht="18" customHeight="1" x14ac:dyDescent="0.15">
      <c r="A28" s="8">
        <v>19</v>
      </c>
      <c r="B28" s="21">
        <v>51</v>
      </c>
      <c r="C28" s="6">
        <v>42</v>
      </c>
      <c r="D28" s="5">
        <v>93</v>
      </c>
    </row>
    <row r="29" spans="1:4" ht="18" customHeight="1" x14ac:dyDescent="0.15">
      <c r="A29" s="8" t="s">
        <v>21</v>
      </c>
      <c r="B29" s="21">
        <v>234</v>
      </c>
      <c r="C29" s="6">
        <v>218</v>
      </c>
      <c r="D29" s="5">
        <v>452</v>
      </c>
    </row>
    <row r="30" spans="1:4" ht="18" customHeight="1" x14ac:dyDescent="0.15">
      <c r="A30" s="8">
        <v>20</v>
      </c>
      <c r="B30" s="21">
        <v>42</v>
      </c>
      <c r="C30" s="6">
        <v>45</v>
      </c>
      <c r="D30" s="5">
        <v>87</v>
      </c>
    </row>
    <row r="31" spans="1:4" ht="18" customHeight="1" x14ac:dyDescent="0.15">
      <c r="A31" s="8">
        <v>21</v>
      </c>
      <c r="B31" s="21">
        <v>41</v>
      </c>
      <c r="C31" s="6">
        <v>47</v>
      </c>
      <c r="D31" s="5">
        <v>88</v>
      </c>
    </row>
    <row r="32" spans="1:4" ht="18" customHeight="1" x14ac:dyDescent="0.15">
      <c r="A32" s="8">
        <v>22</v>
      </c>
      <c r="B32" s="21">
        <v>56</v>
      </c>
      <c r="C32" s="6">
        <v>52</v>
      </c>
      <c r="D32" s="5">
        <v>108</v>
      </c>
    </row>
    <row r="33" spans="1:4" ht="18" customHeight="1" x14ac:dyDescent="0.15">
      <c r="A33" s="8">
        <v>23</v>
      </c>
      <c r="B33" s="21">
        <v>60</v>
      </c>
      <c r="C33" s="6">
        <v>65</v>
      </c>
      <c r="D33" s="5">
        <v>125</v>
      </c>
    </row>
    <row r="34" spans="1:4" ht="18" customHeight="1" x14ac:dyDescent="0.15">
      <c r="A34" s="8">
        <v>24</v>
      </c>
      <c r="B34" s="21">
        <v>54</v>
      </c>
      <c r="C34" s="6">
        <v>58</v>
      </c>
      <c r="D34" s="5">
        <v>112</v>
      </c>
    </row>
    <row r="35" spans="1:4" ht="18" customHeight="1" x14ac:dyDescent="0.15">
      <c r="A35" s="8" t="s">
        <v>20</v>
      </c>
      <c r="B35" s="21">
        <v>253</v>
      </c>
      <c r="C35" s="6">
        <v>267</v>
      </c>
      <c r="D35" s="5">
        <v>520</v>
      </c>
    </row>
    <row r="36" spans="1:4" ht="18" customHeight="1" x14ac:dyDescent="0.15">
      <c r="A36" s="8">
        <v>25</v>
      </c>
      <c r="B36" s="21">
        <v>50</v>
      </c>
      <c r="C36" s="6">
        <v>45</v>
      </c>
      <c r="D36" s="5">
        <v>95</v>
      </c>
    </row>
    <row r="37" spans="1:4" ht="18" customHeight="1" x14ac:dyDescent="0.15">
      <c r="A37" s="8">
        <v>26</v>
      </c>
      <c r="B37" s="21">
        <v>50</v>
      </c>
      <c r="C37" s="6">
        <v>55</v>
      </c>
      <c r="D37" s="5">
        <v>105</v>
      </c>
    </row>
    <row r="38" spans="1:4" ht="18" customHeight="1" x14ac:dyDescent="0.15">
      <c r="A38" s="8">
        <v>27</v>
      </c>
      <c r="B38" s="21">
        <v>47</v>
      </c>
      <c r="C38" s="6">
        <v>60</v>
      </c>
      <c r="D38" s="5">
        <v>107</v>
      </c>
    </row>
    <row r="39" spans="1:4" ht="18" customHeight="1" x14ac:dyDescent="0.15">
      <c r="A39" s="8">
        <v>28</v>
      </c>
      <c r="B39" s="21">
        <v>73</v>
      </c>
      <c r="C39" s="6">
        <v>68</v>
      </c>
      <c r="D39" s="5">
        <v>141</v>
      </c>
    </row>
    <row r="40" spans="1:4" ht="18" customHeight="1" x14ac:dyDescent="0.15">
      <c r="A40" s="8">
        <v>29</v>
      </c>
      <c r="B40" s="21">
        <v>73</v>
      </c>
      <c r="C40" s="6">
        <v>82</v>
      </c>
      <c r="D40" s="5">
        <v>155</v>
      </c>
    </row>
    <row r="41" spans="1:4" ht="18" customHeight="1" x14ac:dyDescent="0.15">
      <c r="A41" s="8" t="s">
        <v>19</v>
      </c>
      <c r="B41" s="21">
        <v>293</v>
      </c>
      <c r="C41" s="6">
        <v>310</v>
      </c>
      <c r="D41" s="5">
        <v>603</v>
      </c>
    </row>
    <row r="42" spans="1:4" ht="18" customHeight="1" x14ac:dyDescent="0.15">
      <c r="A42" s="8">
        <v>30</v>
      </c>
      <c r="B42" s="21">
        <v>73</v>
      </c>
      <c r="C42" s="6">
        <v>71</v>
      </c>
      <c r="D42" s="5">
        <v>144</v>
      </c>
    </row>
    <row r="43" spans="1:4" ht="18" customHeight="1" x14ac:dyDescent="0.15">
      <c r="A43" s="8">
        <v>31</v>
      </c>
      <c r="B43" s="21">
        <v>71</v>
      </c>
      <c r="C43" s="6">
        <v>70</v>
      </c>
      <c r="D43" s="5">
        <v>141</v>
      </c>
    </row>
    <row r="44" spans="1:4" ht="18" customHeight="1" x14ac:dyDescent="0.15">
      <c r="A44" s="8">
        <v>32</v>
      </c>
      <c r="B44" s="21">
        <v>68</v>
      </c>
      <c r="C44" s="6">
        <v>64</v>
      </c>
      <c r="D44" s="5">
        <v>132</v>
      </c>
    </row>
    <row r="45" spans="1:4" ht="18" customHeight="1" x14ac:dyDescent="0.15">
      <c r="A45" s="8">
        <v>33</v>
      </c>
      <c r="B45" s="21">
        <v>61</v>
      </c>
      <c r="C45" s="6">
        <v>57</v>
      </c>
      <c r="D45" s="5">
        <v>118</v>
      </c>
    </row>
    <row r="46" spans="1:4" ht="18" customHeight="1" x14ac:dyDescent="0.15">
      <c r="A46" s="8">
        <v>34</v>
      </c>
      <c r="B46" s="21">
        <v>69</v>
      </c>
      <c r="C46" s="6">
        <v>62</v>
      </c>
      <c r="D46" s="5">
        <v>131</v>
      </c>
    </row>
    <row r="47" spans="1:4" ht="18" customHeight="1" x14ac:dyDescent="0.15">
      <c r="A47" s="8" t="s">
        <v>18</v>
      </c>
      <c r="B47" s="21">
        <v>342</v>
      </c>
      <c r="C47" s="6">
        <v>324</v>
      </c>
      <c r="D47" s="5">
        <v>666</v>
      </c>
    </row>
    <row r="48" spans="1:4" ht="18" customHeight="1" x14ac:dyDescent="0.15">
      <c r="A48" s="8">
        <v>35</v>
      </c>
      <c r="B48" s="21">
        <v>64</v>
      </c>
      <c r="C48" s="6">
        <v>53</v>
      </c>
      <c r="D48" s="5">
        <v>117</v>
      </c>
    </row>
    <row r="49" spans="1:4" ht="18" customHeight="1" x14ac:dyDescent="0.15">
      <c r="A49" s="8">
        <v>36</v>
      </c>
      <c r="B49" s="21">
        <v>68</v>
      </c>
      <c r="C49" s="6">
        <v>71</v>
      </c>
      <c r="D49" s="5">
        <v>139</v>
      </c>
    </row>
    <row r="50" spans="1:4" ht="18" customHeight="1" x14ac:dyDescent="0.15">
      <c r="A50" s="8">
        <v>37</v>
      </c>
      <c r="B50" s="21">
        <v>72</v>
      </c>
      <c r="C50" s="6">
        <v>66</v>
      </c>
      <c r="D50" s="5">
        <v>138</v>
      </c>
    </row>
    <row r="51" spans="1:4" ht="18" customHeight="1" x14ac:dyDescent="0.15">
      <c r="A51" s="8">
        <v>38</v>
      </c>
      <c r="B51" s="21">
        <v>61</v>
      </c>
      <c r="C51" s="6">
        <v>64</v>
      </c>
      <c r="D51" s="5">
        <v>125</v>
      </c>
    </row>
    <row r="52" spans="1:4" ht="18" customHeight="1" x14ac:dyDescent="0.15">
      <c r="A52" s="8">
        <v>39</v>
      </c>
      <c r="B52" s="21">
        <v>72</v>
      </c>
      <c r="C52" s="6">
        <v>73</v>
      </c>
      <c r="D52" s="5">
        <v>145</v>
      </c>
    </row>
    <row r="53" spans="1:4" ht="18" customHeight="1" x14ac:dyDescent="0.15">
      <c r="A53" s="8" t="s">
        <v>17</v>
      </c>
      <c r="B53" s="21">
        <v>337</v>
      </c>
      <c r="C53" s="6">
        <v>327</v>
      </c>
      <c r="D53" s="5">
        <v>664</v>
      </c>
    </row>
    <row r="54" spans="1:4" ht="18" customHeight="1" x14ac:dyDescent="0.15">
      <c r="A54" s="8">
        <v>40</v>
      </c>
      <c r="B54" s="21">
        <v>84</v>
      </c>
      <c r="C54" s="6">
        <v>72</v>
      </c>
      <c r="D54" s="5">
        <v>156</v>
      </c>
    </row>
    <row r="55" spans="1:4" ht="18" customHeight="1" x14ac:dyDescent="0.15">
      <c r="A55" s="8">
        <v>41</v>
      </c>
      <c r="B55" s="21">
        <v>95</v>
      </c>
      <c r="C55" s="6">
        <v>67</v>
      </c>
      <c r="D55" s="5">
        <v>162</v>
      </c>
    </row>
    <row r="56" spans="1:4" ht="18" customHeight="1" x14ac:dyDescent="0.15">
      <c r="A56" s="8">
        <v>42</v>
      </c>
      <c r="B56" s="21">
        <v>54</v>
      </c>
      <c r="C56" s="6">
        <v>66</v>
      </c>
      <c r="D56" s="5">
        <v>120</v>
      </c>
    </row>
    <row r="57" spans="1:4" ht="18" customHeight="1" x14ac:dyDescent="0.15">
      <c r="A57" s="8">
        <v>43</v>
      </c>
      <c r="B57" s="21">
        <v>79</v>
      </c>
      <c r="C57" s="6">
        <v>65</v>
      </c>
      <c r="D57" s="5">
        <v>144</v>
      </c>
    </row>
    <row r="58" spans="1:4" ht="18" customHeight="1" x14ac:dyDescent="0.15">
      <c r="A58" s="8">
        <v>44</v>
      </c>
      <c r="B58" s="21">
        <v>72</v>
      </c>
      <c r="C58" s="6">
        <v>76</v>
      </c>
      <c r="D58" s="5">
        <v>148</v>
      </c>
    </row>
    <row r="59" spans="1:4" ht="18" customHeight="1" x14ac:dyDescent="0.15">
      <c r="A59" s="8" t="s">
        <v>16</v>
      </c>
      <c r="B59" s="21">
        <v>384</v>
      </c>
      <c r="C59" s="6">
        <v>346</v>
      </c>
      <c r="D59" s="5">
        <v>730</v>
      </c>
    </row>
    <row r="60" spans="1:4" ht="18" customHeight="1" x14ac:dyDescent="0.15">
      <c r="A60" s="8">
        <v>45</v>
      </c>
      <c r="B60" s="21">
        <v>72</v>
      </c>
      <c r="C60" s="6">
        <v>86</v>
      </c>
      <c r="D60" s="5">
        <v>158</v>
      </c>
    </row>
    <row r="61" spans="1:4" ht="18" customHeight="1" x14ac:dyDescent="0.15">
      <c r="A61" s="8">
        <v>46</v>
      </c>
      <c r="B61" s="21">
        <v>81</v>
      </c>
      <c r="C61" s="6">
        <v>67</v>
      </c>
      <c r="D61" s="5">
        <v>148</v>
      </c>
    </row>
    <row r="62" spans="1:4" ht="18" customHeight="1" x14ac:dyDescent="0.15">
      <c r="A62" s="8">
        <v>47</v>
      </c>
      <c r="B62" s="21">
        <v>86</v>
      </c>
      <c r="C62" s="6">
        <v>86</v>
      </c>
      <c r="D62" s="5">
        <v>172</v>
      </c>
    </row>
    <row r="63" spans="1:4" ht="18" customHeight="1" x14ac:dyDescent="0.15">
      <c r="A63" s="8">
        <v>48</v>
      </c>
      <c r="B63" s="21">
        <v>73</v>
      </c>
      <c r="C63" s="6">
        <v>89</v>
      </c>
      <c r="D63" s="5">
        <v>162</v>
      </c>
    </row>
    <row r="64" spans="1:4" ht="18" customHeight="1" x14ac:dyDescent="0.15">
      <c r="A64" s="8">
        <v>49</v>
      </c>
      <c r="B64" s="21">
        <v>97</v>
      </c>
      <c r="C64" s="6">
        <v>84</v>
      </c>
      <c r="D64" s="5">
        <v>181</v>
      </c>
    </row>
    <row r="65" spans="1:4" ht="18" customHeight="1" x14ac:dyDescent="0.15">
      <c r="A65" s="8" t="s">
        <v>15</v>
      </c>
      <c r="B65" s="21">
        <v>409</v>
      </c>
      <c r="C65" s="6">
        <v>412</v>
      </c>
      <c r="D65" s="5">
        <v>821</v>
      </c>
    </row>
    <row r="66" spans="1:4" ht="18" customHeight="1" x14ac:dyDescent="0.15">
      <c r="A66" s="8">
        <v>50</v>
      </c>
      <c r="B66" s="21">
        <v>105</v>
      </c>
      <c r="C66" s="6">
        <v>90</v>
      </c>
      <c r="D66" s="5">
        <v>195</v>
      </c>
    </row>
    <row r="67" spans="1:4" ht="18" customHeight="1" x14ac:dyDescent="0.15">
      <c r="A67" s="8">
        <v>51</v>
      </c>
      <c r="B67" s="21">
        <v>110</v>
      </c>
      <c r="C67" s="6">
        <v>96</v>
      </c>
      <c r="D67" s="5">
        <v>206</v>
      </c>
    </row>
    <row r="68" spans="1:4" ht="18" customHeight="1" x14ac:dyDescent="0.15">
      <c r="A68" s="8">
        <v>52</v>
      </c>
      <c r="B68" s="21">
        <v>90</v>
      </c>
      <c r="C68" s="6">
        <v>75</v>
      </c>
      <c r="D68" s="5">
        <v>165</v>
      </c>
    </row>
    <row r="69" spans="1:4" ht="18" customHeight="1" x14ac:dyDescent="0.15">
      <c r="A69" s="8">
        <v>53</v>
      </c>
      <c r="B69" s="21">
        <v>105</v>
      </c>
      <c r="C69" s="6">
        <v>93</v>
      </c>
      <c r="D69" s="5">
        <v>198</v>
      </c>
    </row>
    <row r="70" spans="1:4" ht="18" customHeight="1" x14ac:dyDescent="0.15">
      <c r="A70" s="8">
        <v>54</v>
      </c>
      <c r="B70" s="21">
        <v>84</v>
      </c>
      <c r="C70" s="6">
        <v>90</v>
      </c>
      <c r="D70" s="5">
        <v>174</v>
      </c>
    </row>
    <row r="71" spans="1:4" ht="18" customHeight="1" x14ac:dyDescent="0.15">
      <c r="A71" s="8" t="s">
        <v>14</v>
      </c>
      <c r="B71" s="21">
        <v>494</v>
      </c>
      <c r="C71" s="6">
        <v>444</v>
      </c>
      <c r="D71" s="5">
        <v>938</v>
      </c>
    </row>
    <row r="72" spans="1:4" ht="18" customHeight="1" x14ac:dyDescent="0.15">
      <c r="A72" s="8">
        <v>55</v>
      </c>
      <c r="B72" s="21">
        <v>87</v>
      </c>
      <c r="C72" s="6">
        <v>65</v>
      </c>
      <c r="D72" s="5">
        <v>152</v>
      </c>
    </row>
    <row r="73" spans="1:4" ht="18" customHeight="1" x14ac:dyDescent="0.15">
      <c r="A73" s="8">
        <v>56</v>
      </c>
      <c r="B73" s="21">
        <v>72</v>
      </c>
      <c r="C73" s="6">
        <v>85</v>
      </c>
      <c r="D73" s="5">
        <v>157</v>
      </c>
    </row>
    <row r="74" spans="1:4" ht="18" customHeight="1" x14ac:dyDescent="0.15">
      <c r="A74" s="8">
        <v>57</v>
      </c>
      <c r="B74" s="21">
        <v>70</v>
      </c>
      <c r="C74" s="6">
        <v>74</v>
      </c>
      <c r="D74" s="5">
        <v>144</v>
      </c>
    </row>
    <row r="75" spans="1:4" ht="18" customHeight="1" x14ac:dyDescent="0.15">
      <c r="A75" s="8">
        <v>58</v>
      </c>
      <c r="B75" s="21">
        <v>80</v>
      </c>
      <c r="C75" s="6">
        <v>70</v>
      </c>
      <c r="D75" s="5">
        <v>150</v>
      </c>
    </row>
    <row r="76" spans="1:4" ht="18" customHeight="1" x14ac:dyDescent="0.15">
      <c r="A76" s="8">
        <v>59</v>
      </c>
      <c r="B76" s="21">
        <v>50</v>
      </c>
      <c r="C76" s="6">
        <v>63</v>
      </c>
      <c r="D76" s="5">
        <v>113</v>
      </c>
    </row>
    <row r="77" spans="1:4" ht="18" customHeight="1" x14ac:dyDescent="0.15">
      <c r="A77" s="8" t="s">
        <v>13</v>
      </c>
      <c r="B77" s="21">
        <v>359</v>
      </c>
      <c r="C77" s="6">
        <v>357</v>
      </c>
      <c r="D77" s="5">
        <v>716</v>
      </c>
    </row>
    <row r="78" spans="1:4" ht="18" customHeight="1" x14ac:dyDescent="0.15">
      <c r="A78" s="8">
        <v>60</v>
      </c>
      <c r="B78" s="21">
        <v>60</v>
      </c>
      <c r="C78" s="6">
        <v>73</v>
      </c>
      <c r="D78" s="5">
        <v>133</v>
      </c>
    </row>
    <row r="79" spans="1:4" ht="18" customHeight="1" x14ac:dyDescent="0.15">
      <c r="A79" s="8">
        <v>61</v>
      </c>
      <c r="B79" s="21">
        <v>61</v>
      </c>
      <c r="C79" s="6">
        <v>69</v>
      </c>
      <c r="D79" s="5">
        <v>130</v>
      </c>
    </row>
    <row r="80" spans="1:4" ht="18" customHeight="1" x14ac:dyDescent="0.15">
      <c r="A80" s="8">
        <v>62</v>
      </c>
      <c r="B80" s="21">
        <v>80</v>
      </c>
      <c r="C80" s="6">
        <v>61</v>
      </c>
      <c r="D80" s="5">
        <v>141</v>
      </c>
    </row>
    <row r="81" spans="1:4" ht="18" customHeight="1" x14ac:dyDescent="0.15">
      <c r="A81" s="8">
        <v>63</v>
      </c>
      <c r="B81" s="21">
        <v>52</v>
      </c>
      <c r="C81" s="6">
        <v>73</v>
      </c>
      <c r="D81" s="5">
        <v>125</v>
      </c>
    </row>
    <row r="82" spans="1:4" ht="18" customHeight="1" x14ac:dyDescent="0.15">
      <c r="A82" s="8">
        <v>64</v>
      </c>
      <c r="B82" s="21">
        <v>52</v>
      </c>
      <c r="C82" s="6">
        <v>56</v>
      </c>
      <c r="D82" s="5">
        <v>108</v>
      </c>
    </row>
    <row r="83" spans="1:4" ht="18" customHeight="1" x14ac:dyDescent="0.15">
      <c r="A83" s="8" t="s">
        <v>12</v>
      </c>
      <c r="B83" s="21">
        <v>305</v>
      </c>
      <c r="C83" s="6">
        <v>332</v>
      </c>
      <c r="D83" s="5">
        <v>637</v>
      </c>
    </row>
    <row r="84" spans="1:4" ht="18" customHeight="1" x14ac:dyDescent="0.15">
      <c r="A84" s="8" t="s">
        <v>11</v>
      </c>
      <c r="B84" s="21">
        <v>3410</v>
      </c>
      <c r="C84" s="6">
        <v>3337</v>
      </c>
      <c r="D84" s="5">
        <v>6747</v>
      </c>
    </row>
    <row r="85" spans="1:4" ht="18" customHeight="1" x14ac:dyDescent="0.15">
      <c r="A85" s="8">
        <v>65</v>
      </c>
      <c r="B85" s="21">
        <v>73</v>
      </c>
      <c r="C85" s="6">
        <v>44</v>
      </c>
      <c r="D85" s="5">
        <v>117</v>
      </c>
    </row>
    <row r="86" spans="1:4" ht="18" customHeight="1" x14ac:dyDescent="0.15">
      <c r="A86" s="8">
        <v>66</v>
      </c>
      <c r="B86" s="21">
        <v>62</v>
      </c>
      <c r="C86" s="6">
        <v>64</v>
      </c>
      <c r="D86" s="5">
        <v>126</v>
      </c>
    </row>
    <row r="87" spans="1:4" ht="18" customHeight="1" x14ac:dyDescent="0.15">
      <c r="A87" s="8">
        <v>67</v>
      </c>
      <c r="B87" s="21">
        <v>57</v>
      </c>
      <c r="C87" s="6">
        <v>61</v>
      </c>
      <c r="D87" s="5">
        <v>118</v>
      </c>
    </row>
    <row r="88" spans="1:4" ht="18" customHeight="1" x14ac:dyDescent="0.15">
      <c r="A88" s="8">
        <v>68</v>
      </c>
      <c r="B88" s="21">
        <v>53</v>
      </c>
      <c r="C88" s="6">
        <v>66</v>
      </c>
      <c r="D88" s="5">
        <v>119</v>
      </c>
    </row>
    <row r="89" spans="1:4" ht="18" customHeight="1" x14ac:dyDescent="0.15">
      <c r="A89" s="8">
        <v>69</v>
      </c>
      <c r="B89" s="21">
        <v>41</v>
      </c>
      <c r="C89" s="6">
        <v>70</v>
      </c>
      <c r="D89" s="5">
        <v>111</v>
      </c>
    </row>
    <row r="90" spans="1:4" ht="18" customHeight="1" x14ac:dyDescent="0.15">
      <c r="A90" s="8" t="s">
        <v>10</v>
      </c>
      <c r="B90" s="21">
        <v>286</v>
      </c>
      <c r="C90" s="6">
        <v>305</v>
      </c>
      <c r="D90" s="5">
        <v>591</v>
      </c>
    </row>
    <row r="91" spans="1:4" ht="18" customHeight="1" x14ac:dyDescent="0.15">
      <c r="A91" s="8">
        <v>70</v>
      </c>
      <c r="B91" s="21">
        <v>63</v>
      </c>
      <c r="C91" s="6">
        <v>70</v>
      </c>
      <c r="D91" s="5">
        <v>133</v>
      </c>
    </row>
    <row r="92" spans="1:4" ht="18" customHeight="1" x14ac:dyDescent="0.15">
      <c r="A92" s="8">
        <v>71</v>
      </c>
      <c r="B92" s="21">
        <v>67</v>
      </c>
      <c r="C92" s="6">
        <v>60</v>
      </c>
      <c r="D92" s="5">
        <v>127</v>
      </c>
    </row>
    <row r="93" spans="1:4" ht="18" customHeight="1" x14ac:dyDescent="0.15">
      <c r="A93" s="8">
        <v>72</v>
      </c>
      <c r="B93" s="21">
        <v>53</v>
      </c>
      <c r="C93" s="6">
        <v>62</v>
      </c>
      <c r="D93" s="5">
        <v>115</v>
      </c>
    </row>
    <row r="94" spans="1:4" ht="18" customHeight="1" x14ac:dyDescent="0.15">
      <c r="A94" s="8">
        <v>73</v>
      </c>
      <c r="B94" s="21">
        <v>62</v>
      </c>
      <c r="C94" s="6">
        <v>79</v>
      </c>
      <c r="D94" s="5">
        <v>141</v>
      </c>
    </row>
    <row r="95" spans="1:4" ht="18" customHeight="1" x14ac:dyDescent="0.15">
      <c r="A95" s="8">
        <v>74</v>
      </c>
      <c r="B95" s="21">
        <v>58</v>
      </c>
      <c r="C95" s="6">
        <v>90</v>
      </c>
      <c r="D95" s="5">
        <v>148</v>
      </c>
    </row>
    <row r="96" spans="1:4" ht="18" customHeight="1" x14ac:dyDescent="0.15">
      <c r="A96" s="8" t="s">
        <v>9</v>
      </c>
      <c r="B96" s="21">
        <v>303</v>
      </c>
      <c r="C96" s="6">
        <v>361</v>
      </c>
      <c r="D96" s="5">
        <v>664</v>
      </c>
    </row>
    <row r="97" spans="1:4" ht="18" customHeight="1" x14ac:dyDescent="0.15">
      <c r="A97" s="8">
        <v>75</v>
      </c>
      <c r="B97" s="21">
        <v>72</v>
      </c>
      <c r="C97" s="6">
        <v>99</v>
      </c>
      <c r="D97" s="5">
        <v>171</v>
      </c>
    </row>
    <row r="98" spans="1:4" ht="18" customHeight="1" x14ac:dyDescent="0.15">
      <c r="A98" s="8">
        <v>76</v>
      </c>
      <c r="B98" s="21">
        <v>65</v>
      </c>
      <c r="C98" s="6">
        <v>106</v>
      </c>
      <c r="D98" s="5">
        <v>171</v>
      </c>
    </row>
    <row r="99" spans="1:4" ht="18" customHeight="1" x14ac:dyDescent="0.15">
      <c r="A99" s="8">
        <v>77</v>
      </c>
      <c r="B99" s="21">
        <v>76</v>
      </c>
      <c r="C99" s="6">
        <v>103</v>
      </c>
      <c r="D99" s="5">
        <v>179</v>
      </c>
    </row>
    <row r="100" spans="1:4" ht="18" customHeight="1" x14ac:dyDescent="0.15">
      <c r="A100" s="8">
        <v>78</v>
      </c>
      <c r="B100" s="21">
        <v>70</v>
      </c>
      <c r="C100" s="6">
        <v>92</v>
      </c>
      <c r="D100" s="5">
        <v>162</v>
      </c>
    </row>
    <row r="101" spans="1:4" ht="18" customHeight="1" x14ac:dyDescent="0.15">
      <c r="A101" s="8">
        <v>79</v>
      </c>
      <c r="B101" s="21">
        <v>38</v>
      </c>
      <c r="C101" s="6">
        <v>74</v>
      </c>
      <c r="D101" s="5">
        <v>112</v>
      </c>
    </row>
    <row r="102" spans="1:4" ht="18" customHeight="1" x14ac:dyDescent="0.15">
      <c r="A102" s="8" t="s">
        <v>8</v>
      </c>
      <c r="B102" s="21">
        <v>321</v>
      </c>
      <c r="C102" s="6">
        <v>474</v>
      </c>
      <c r="D102" s="5">
        <v>795</v>
      </c>
    </row>
    <row r="103" spans="1:4" ht="18" customHeight="1" x14ac:dyDescent="0.15">
      <c r="A103" s="8">
        <v>80</v>
      </c>
      <c r="B103" s="21">
        <v>44</v>
      </c>
      <c r="C103" s="6">
        <v>64</v>
      </c>
      <c r="D103" s="5">
        <v>108</v>
      </c>
    </row>
    <row r="104" spans="1:4" ht="18" customHeight="1" x14ac:dyDescent="0.15">
      <c r="A104" s="8">
        <v>81</v>
      </c>
      <c r="B104" s="21">
        <v>68</v>
      </c>
      <c r="C104" s="6">
        <v>69</v>
      </c>
      <c r="D104" s="5">
        <v>137</v>
      </c>
    </row>
    <row r="105" spans="1:4" ht="18" customHeight="1" x14ac:dyDescent="0.15">
      <c r="A105" s="8">
        <v>82</v>
      </c>
      <c r="B105" s="21">
        <v>49</v>
      </c>
      <c r="C105" s="6">
        <v>81</v>
      </c>
      <c r="D105" s="5">
        <v>130</v>
      </c>
    </row>
    <row r="106" spans="1:4" ht="18" customHeight="1" x14ac:dyDescent="0.15">
      <c r="A106" s="8">
        <v>83</v>
      </c>
      <c r="B106" s="21">
        <v>50</v>
      </c>
      <c r="C106" s="6">
        <v>101</v>
      </c>
      <c r="D106" s="5">
        <v>151</v>
      </c>
    </row>
    <row r="107" spans="1:4" ht="18" customHeight="1" x14ac:dyDescent="0.15">
      <c r="A107" s="8">
        <v>84</v>
      </c>
      <c r="B107" s="21">
        <v>51</v>
      </c>
      <c r="C107" s="6">
        <v>68</v>
      </c>
      <c r="D107" s="5">
        <v>119</v>
      </c>
    </row>
    <row r="108" spans="1:4" ht="18" customHeight="1" x14ac:dyDescent="0.15">
      <c r="A108" s="8" t="s">
        <v>7</v>
      </c>
      <c r="B108" s="21">
        <v>262</v>
      </c>
      <c r="C108" s="6">
        <v>383</v>
      </c>
      <c r="D108" s="5">
        <v>645</v>
      </c>
    </row>
    <row r="109" spans="1:4" ht="18" customHeight="1" x14ac:dyDescent="0.15">
      <c r="A109" s="8">
        <v>85</v>
      </c>
      <c r="B109" s="21">
        <v>43</v>
      </c>
      <c r="C109" s="6">
        <v>57</v>
      </c>
      <c r="D109" s="5">
        <v>100</v>
      </c>
    </row>
    <row r="110" spans="1:4" ht="18" customHeight="1" x14ac:dyDescent="0.15">
      <c r="A110" s="8">
        <v>86</v>
      </c>
      <c r="B110" s="21">
        <v>28</v>
      </c>
      <c r="C110" s="6">
        <v>43</v>
      </c>
      <c r="D110" s="5">
        <v>71</v>
      </c>
    </row>
    <row r="111" spans="1:4" ht="18" customHeight="1" x14ac:dyDescent="0.15">
      <c r="A111" s="8">
        <v>87</v>
      </c>
      <c r="B111" s="21">
        <v>20</v>
      </c>
      <c r="C111" s="6">
        <v>50</v>
      </c>
      <c r="D111" s="5">
        <v>70</v>
      </c>
    </row>
    <row r="112" spans="1:4" ht="18" customHeight="1" x14ac:dyDescent="0.15">
      <c r="A112" s="8">
        <v>88</v>
      </c>
      <c r="B112" s="21">
        <v>23</v>
      </c>
      <c r="C112" s="6">
        <v>50</v>
      </c>
      <c r="D112" s="5">
        <v>73</v>
      </c>
    </row>
    <row r="113" spans="1:4" ht="18" customHeight="1" x14ac:dyDescent="0.15">
      <c r="A113" s="8">
        <v>89</v>
      </c>
      <c r="B113" s="21">
        <v>27</v>
      </c>
      <c r="C113" s="6">
        <v>43</v>
      </c>
      <c r="D113" s="5">
        <v>70</v>
      </c>
    </row>
    <row r="114" spans="1:4" ht="18" customHeight="1" x14ac:dyDescent="0.15">
      <c r="A114" s="8" t="s">
        <v>6</v>
      </c>
      <c r="B114" s="21">
        <v>141</v>
      </c>
      <c r="C114" s="6">
        <v>243</v>
      </c>
      <c r="D114" s="5">
        <v>384</v>
      </c>
    </row>
    <row r="115" spans="1:4" ht="18" customHeight="1" x14ac:dyDescent="0.15">
      <c r="A115" s="8">
        <v>90</v>
      </c>
      <c r="B115" s="21">
        <v>19</v>
      </c>
      <c r="C115" s="6">
        <v>30</v>
      </c>
      <c r="D115" s="5">
        <v>49</v>
      </c>
    </row>
    <row r="116" spans="1:4" ht="18" customHeight="1" x14ac:dyDescent="0.15">
      <c r="A116" s="8">
        <v>91</v>
      </c>
      <c r="B116" s="21">
        <v>12</v>
      </c>
      <c r="C116" s="6">
        <v>32</v>
      </c>
      <c r="D116" s="5">
        <v>44</v>
      </c>
    </row>
    <row r="117" spans="1:4" ht="18" customHeight="1" x14ac:dyDescent="0.15">
      <c r="A117" s="8">
        <v>92</v>
      </c>
      <c r="B117" s="21">
        <v>16</v>
      </c>
      <c r="C117" s="6">
        <v>29</v>
      </c>
      <c r="D117" s="5">
        <v>45</v>
      </c>
    </row>
    <row r="118" spans="1:4" ht="18" customHeight="1" x14ac:dyDescent="0.15">
      <c r="A118" s="8">
        <v>93</v>
      </c>
      <c r="B118" s="21">
        <v>10</v>
      </c>
      <c r="C118" s="6">
        <v>30</v>
      </c>
      <c r="D118" s="5">
        <v>40</v>
      </c>
    </row>
    <row r="119" spans="1:4" ht="18" customHeight="1" x14ac:dyDescent="0.15">
      <c r="A119" s="8">
        <v>94</v>
      </c>
      <c r="B119" s="21">
        <v>5</v>
      </c>
      <c r="C119" s="6">
        <v>28</v>
      </c>
      <c r="D119" s="5">
        <v>33</v>
      </c>
    </row>
    <row r="120" spans="1:4" ht="18" customHeight="1" x14ac:dyDescent="0.15">
      <c r="A120" s="8" t="s">
        <v>5</v>
      </c>
      <c r="B120" s="21">
        <v>62</v>
      </c>
      <c r="C120" s="6">
        <v>149</v>
      </c>
      <c r="D120" s="5">
        <v>211</v>
      </c>
    </row>
    <row r="121" spans="1:4" ht="18" customHeight="1" x14ac:dyDescent="0.15">
      <c r="A121" s="8">
        <v>95</v>
      </c>
      <c r="B121" s="21">
        <v>5</v>
      </c>
      <c r="C121" s="6">
        <v>15</v>
      </c>
      <c r="D121" s="5">
        <v>20</v>
      </c>
    </row>
    <row r="122" spans="1:4" ht="18" customHeight="1" x14ac:dyDescent="0.15">
      <c r="A122" s="8">
        <v>96</v>
      </c>
      <c r="B122" s="21">
        <v>3</v>
      </c>
      <c r="C122" s="6">
        <v>15</v>
      </c>
      <c r="D122" s="5">
        <v>18</v>
      </c>
    </row>
    <row r="123" spans="1:4" ht="18" customHeight="1" x14ac:dyDescent="0.15">
      <c r="A123" s="8">
        <v>97</v>
      </c>
      <c r="B123" s="21">
        <v>5</v>
      </c>
      <c r="C123" s="6">
        <v>8</v>
      </c>
      <c r="D123" s="5">
        <v>13</v>
      </c>
    </row>
    <row r="124" spans="1:4" ht="18" customHeight="1" x14ac:dyDescent="0.15">
      <c r="A124" s="8">
        <v>98</v>
      </c>
      <c r="B124" s="21">
        <v>3</v>
      </c>
      <c r="C124" s="6">
        <v>7</v>
      </c>
      <c r="D124" s="5">
        <v>10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16</v>
      </c>
      <c r="C126" s="6">
        <v>48</v>
      </c>
      <c r="D126" s="5">
        <v>64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1391</v>
      </c>
      <c r="C130" s="6">
        <v>1967</v>
      </c>
      <c r="D130" s="5">
        <v>3358</v>
      </c>
    </row>
    <row r="131" spans="1:4" ht="18" customHeight="1" x14ac:dyDescent="0.15">
      <c r="A131" s="4" t="s">
        <v>0</v>
      </c>
      <c r="B131" s="20">
        <v>5499</v>
      </c>
      <c r="C131" s="2">
        <v>5969</v>
      </c>
      <c r="D131" s="1">
        <v>114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739A00-F289-4D26-B240-FC7BEF908301}">
  <sheetPr codeName="Sheet3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8</v>
      </c>
      <c r="C5" s="11">
        <v>35</v>
      </c>
      <c r="D5" s="10">
        <v>73</v>
      </c>
    </row>
    <row r="6" spans="1:4" ht="18" customHeight="1" x14ac:dyDescent="0.15">
      <c r="A6" s="8">
        <v>1</v>
      </c>
      <c r="B6" s="21">
        <v>39</v>
      </c>
      <c r="C6" s="6">
        <v>33</v>
      </c>
      <c r="D6" s="5">
        <v>72</v>
      </c>
    </row>
    <row r="7" spans="1:4" ht="18" customHeight="1" x14ac:dyDescent="0.15">
      <c r="A7" s="8">
        <v>2</v>
      </c>
      <c r="B7" s="21">
        <v>37</v>
      </c>
      <c r="C7" s="6">
        <v>28</v>
      </c>
      <c r="D7" s="5">
        <v>65</v>
      </c>
    </row>
    <row r="8" spans="1:4" ht="18" customHeight="1" x14ac:dyDescent="0.15">
      <c r="A8" s="8">
        <v>3</v>
      </c>
      <c r="B8" s="21">
        <v>32</v>
      </c>
      <c r="C8" s="6">
        <v>28</v>
      </c>
      <c r="D8" s="5">
        <v>60</v>
      </c>
    </row>
    <row r="9" spans="1:4" ht="18" customHeight="1" x14ac:dyDescent="0.15">
      <c r="A9" s="8">
        <v>4</v>
      </c>
      <c r="B9" s="21">
        <v>36</v>
      </c>
      <c r="C9" s="6">
        <v>44</v>
      </c>
      <c r="D9" s="5">
        <v>80</v>
      </c>
    </row>
    <row r="10" spans="1:4" ht="18" customHeight="1" x14ac:dyDescent="0.15">
      <c r="A10" s="8" t="s">
        <v>25</v>
      </c>
      <c r="B10" s="21">
        <v>182</v>
      </c>
      <c r="C10" s="6">
        <v>168</v>
      </c>
      <c r="D10" s="5">
        <v>350</v>
      </c>
    </row>
    <row r="11" spans="1:4" ht="18" customHeight="1" x14ac:dyDescent="0.15">
      <c r="A11" s="8">
        <v>5</v>
      </c>
      <c r="B11" s="21">
        <v>29</v>
      </c>
      <c r="C11" s="6">
        <v>41</v>
      </c>
      <c r="D11" s="5">
        <v>70</v>
      </c>
    </row>
    <row r="12" spans="1:4" ht="18" customHeight="1" x14ac:dyDescent="0.15">
      <c r="A12" s="8">
        <v>6</v>
      </c>
      <c r="B12" s="21">
        <v>28</v>
      </c>
      <c r="C12" s="6">
        <v>45</v>
      </c>
      <c r="D12" s="5">
        <v>73</v>
      </c>
    </row>
    <row r="13" spans="1:4" ht="18" customHeight="1" x14ac:dyDescent="0.15">
      <c r="A13" s="8">
        <v>7</v>
      </c>
      <c r="B13" s="21">
        <v>43</v>
      </c>
      <c r="C13" s="6">
        <v>34</v>
      </c>
      <c r="D13" s="5">
        <v>77</v>
      </c>
    </row>
    <row r="14" spans="1:4" ht="18" customHeight="1" x14ac:dyDescent="0.15">
      <c r="A14" s="8">
        <v>8</v>
      </c>
      <c r="B14" s="21">
        <v>59</v>
      </c>
      <c r="C14" s="6">
        <v>38</v>
      </c>
      <c r="D14" s="5">
        <v>97</v>
      </c>
    </row>
    <row r="15" spans="1:4" ht="18" customHeight="1" x14ac:dyDescent="0.15">
      <c r="A15" s="8">
        <v>9</v>
      </c>
      <c r="B15" s="21">
        <v>37</v>
      </c>
      <c r="C15" s="6">
        <v>36</v>
      </c>
      <c r="D15" s="5">
        <v>73</v>
      </c>
    </row>
    <row r="16" spans="1:4" ht="18" customHeight="1" x14ac:dyDescent="0.15">
      <c r="A16" s="8" t="s">
        <v>24</v>
      </c>
      <c r="B16" s="21">
        <v>196</v>
      </c>
      <c r="C16" s="6">
        <v>194</v>
      </c>
      <c r="D16" s="5">
        <v>390</v>
      </c>
    </row>
    <row r="17" spans="1:4" ht="18" customHeight="1" x14ac:dyDescent="0.15">
      <c r="A17" s="8">
        <v>10</v>
      </c>
      <c r="B17" s="21">
        <v>36</v>
      </c>
      <c r="C17" s="6">
        <v>40</v>
      </c>
      <c r="D17" s="5">
        <v>76</v>
      </c>
    </row>
    <row r="18" spans="1:4" ht="18" customHeight="1" x14ac:dyDescent="0.15">
      <c r="A18" s="8">
        <v>11</v>
      </c>
      <c r="B18" s="21">
        <v>46</v>
      </c>
      <c r="C18" s="6">
        <v>51</v>
      </c>
      <c r="D18" s="5">
        <v>97</v>
      </c>
    </row>
    <row r="19" spans="1:4" ht="18" customHeight="1" x14ac:dyDescent="0.15">
      <c r="A19" s="8">
        <v>12</v>
      </c>
      <c r="B19" s="21">
        <v>46</v>
      </c>
      <c r="C19" s="6">
        <v>42</v>
      </c>
      <c r="D19" s="5">
        <v>88</v>
      </c>
    </row>
    <row r="20" spans="1:4" ht="18" customHeight="1" x14ac:dyDescent="0.15">
      <c r="A20" s="8">
        <v>13</v>
      </c>
      <c r="B20" s="21">
        <v>50</v>
      </c>
      <c r="C20" s="6">
        <v>49</v>
      </c>
      <c r="D20" s="5">
        <v>99</v>
      </c>
    </row>
    <row r="21" spans="1:4" ht="18" customHeight="1" x14ac:dyDescent="0.15">
      <c r="A21" s="8">
        <v>14</v>
      </c>
      <c r="B21" s="21">
        <v>47</v>
      </c>
      <c r="C21" s="6">
        <v>50</v>
      </c>
      <c r="D21" s="5">
        <v>97</v>
      </c>
    </row>
    <row r="22" spans="1:4" ht="18" customHeight="1" x14ac:dyDescent="0.15">
      <c r="A22" s="8" t="s">
        <v>23</v>
      </c>
      <c r="B22" s="21">
        <v>225</v>
      </c>
      <c r="C22" s="6">
        <v>232</v>
      </c>
      <c r="D22" s="5">
        <v>457</v>
      </c>
    </row>
    <row r="23" spans="1:4" ht="18" customHeight="1" x14ac:dyDescent="0.15">
      <c r="A23" s="8" t="s">
        <v>22</v>
      </c>
      <c r="B23" s="21">
        <v>603</v>
      </c>
      <c r="C23" s="6">
        <v>594</v>
      </c>
      <c r="D23" s="5">
        <v>1197</v>
      </c>
    </row>
    <row r="24" spans="1:4" ht="18" customHeight="1" x14ac:dyDescent="0.15">
      <c r="A24" s="8">
        <v>15</v>
      </c>
      <c r="B24" s="21">
        <v>48</v>
      </c>
      <c r="C24" s="6">
        <v>46</v>
      </c>
      <c r="D24" s="5">
        <v>94</v>
      </c>
    </row>
    <row r="25" spans="1:4" ht="18" customHeight="1" x14ac:dyDescent="0.15">
      <c r="A25" s="8">
        <v>16</v>
      </c>
      <c r="B25" s="21">
        <v>45</v>
      </c>
      <c r="C25" s="6">
        <v>53</v>
      </c>
      <c r="D25" s="5">
        <v>98</v>
      </c>
    </row>
    <row r="26" spans="1:4" ht="18" customHeight="1" x14ac:dyDescent="0.15">
      <c r="A26" s="8">
        <v>17</v>
      </c>
      <c r="B26" s="21">
        <v>69</v>
      </c>
      <c r="C26" s="6">
        <v>42</v>
      </c>
      <c r="D26" s="5">
        <v>111</v>
      </c>
    </row>
    <row r="27" spans="1:4" ht="18" customHeight="1" x14ac:dyDescent="0.15">
      <c r="A27" s="8">
        <v>18</v>
      </c>
      <c r="B27" s="21">
        <v>51</v>
      </c>
      <c r="C27" s="6">
        <v>54</v>
      </c>
      <c r="D27" s="5">
        <v>105</v>
      </c>
    </row>
    <row r="28" spans="1:4" ht="18" customHeight="1" x14ac:dyDescent="0.15">
      <c r="A28" s="8">
        <v>19</v>
      </c>
      <c r="B28" s="21">
        <v>62</v>
      </c>
      <c r="C28" s="6">
        <v>59</v>
      </c>
      <c r="D28" s="5">
        <v>121</v>
      </c>
    </row>
    <row r="29" spans="1:4" ht="18" customHeight="1" x14ac:dyDescent="0.15">
      <c r="A29" s="8" t="s">
        <v>21</v>
      </c>
      <c r="B29" s="21">
        <v>275</v>
      </c>
      <c r="C29" s="6">
        <v>254</v>
      </c>
      <c r="D29" s="5">
        <v>529</v>
      </c>
    </row>
    <row r="30" spans="1:4" ht="18" customHeight="1" x14ac:dyDescent="0.15">
      <c r="A30" s="8">
        <v>20</v>
      </c>
      <c r="B30" s="21">
        <v>51</v>
      </c>
      <c r="C30" s="6">
        <v>53</v>
      </c>
      <c r="D30" s="5">
        <v>104</v>
      </c>
    </row>
    <row r="31" spans="1:4" ht="18" customHeight="1" x14ac:dyDescent="0.15">
      <c r="A31" s="8">
        <v>21</v>
      </c>
      <c r="B31" s="21">
        <v>65</v>
      </c>
      <c r="C31" s="6">
        <v>58</v>
      </c>
      <c r="D31" s="5">
        <v>123</v>
      </c>
    </row>
    <row r="32" spans="1:4" ht="18" customHeight="1" x14ac:dyDescent="0.15">
      <c r="A32" s="8">
        <v>22</v>
      </c>
      <c r="B32" s="21">
        <v>62</v>
      </c>
      <c r="C32" s="6">
        <v>49</v>
      </c>
      <c r="D32" s="5">
        <v>111</v>
      </c>
    </row>
    <row r="33" spans="1:4" ht="18" customHeight="1" x14ac:dyDescent="0.15">
      <c r="A33" s="8">
        <v>23</v>
      </c>
      <c r="B33" s="21">
        <v>55</v>
      </c>
      <c r="C33" s="6">
        <v>54</v>
      </c>
      <c r="D33" s="5">
        <v>109</v>
      </c>
    </row>
    <row r="34" spans="1:4" ht="18" customHeight="1" x14ac:dyDescent="0.15">
      <c r="A34" s="8">
        <v>24</v>
      </c>
      <c r="B34" s="21">
        <v>54</v>
      </c>
      <c r="C34" s="6">
        <v>61</v>
      </c>
      <c r="D34" s="5">
        <v>115</v>
      </c>
    </row>
    <row r="35" spans="1:4" ht="18" customHeight="1" x14ac:dyDescent="0.15">
      <c r="A35" s="8" t="s">
        <v>20</v>
      </c>
      <c r="B35" s="21">
        <v>287</v>
      </c>
      <c r="C35" s="6">
        <v>275</v>
      </c>
      <c r="D35" s="5">
        <v>562</v>
      </c>
    </row>
    <row r="36" spans="1:4" ht="18" customHeight="1" x14ac:dyDescent="0.15">
      <c r="A36" s="8">
        <v>25</v>
      </c>
      <c r="B36" s="21">
        <v>50</v>
      </c>
      <c r="C36" s="6">
        <v>52</v>
      </c>
      <c r="D36" s="5">
        <v>102</v>
      </c>
    </row>
    <row r="37" spans="1:4" ht="18" customHeight="1" x14ac:dyDescent="0.15">
      <c r="A37" s="8">
        <v>26</v>
      </c>
      <c r="B37" s="21">
        <v>68</v>
      </c>
      <c r="C37" s="6">
        <v>62</v>
      </c>
      <c r="D37" s="5">
        <v>130</v>
      </c>
    </row>
    <row r="38" spans="1:4" ht="18" customHeight="1" x14ac:dyDescent="0.15">
      <c r="A38" s="8">
        <v>27</v>
      </c>
      <c r="B38" s="21">
        <v>57</v>
      </c>
      <c r="C38" s="6">
        <v>47</v>
      </c>
      <c r="D38" s="5">
        <v>104</v>
      </c>
    </row>
    <row r="39" spans="1:4" ht="18" customHeight="1" x14ac:dyDescent="0.15">
      <c r="A39" s="8">
        <v>28</v>
      </c>
      <c r="B39" s="21">
        <v>67</v>
      </c>
      <c r="C39" s="6">
        <v>64</v>
      </c>
      <c r="D39" s="5">
        <v>131</v>
      </c>
    </row>
    <row r="40" spans="1:4" ht="18" customHeight="1" x14ac:dyDescent="0.15">
      <c r="A40" s="8">
        <v>29</v>
      </c>
      <c r="B40" s="21">
        <v>57</v>
      </c>
      <c r="C40" s="6">
        <v>62</v>
      </c>
      <c r="D40" s="5">
        <v>119</v>
      </c>
    </row>
    <row r="41" spans="1:4" ht="18" customHeight="1" x14ac:dyDescent="0.15">
      <c r="A41" s="8" t="s">
        <v>19</v>
      </c>
      <c r="B41" s="21">
        <v>299</v>
      </c>
      <c r="C41" s="6">
        <v>287</v>
      </c>
      <c r="D41" s="5">
        <v>586</v>
      </c>
    </row>
    <row r="42" spans="1:4" ht="18" customHeight="1" x14ac:dyDescent="0.15">
      <c r="A42" s="8">
        <v>30</v>
      </c>
      <c r="B42" s="21">
        <v>65</v>
      </c>
      <c r="C42" s="6">
        <v>64</v>
      </c>
      <c r="D42" s="5">
        <v>129</v>
      </c>
    </row>
    <row r="43" spans="1:4" ht="18" customHeight="1" x14ac:dyDescent="0.15">
      <c r="A43" s="8">
        <v>31</v>
      </c>
      <c r="B43" s="21">
        <v>62</v>
      </c>
      <c r="C43" s="6">
        <v>59</v>
      </c>
      <c r="D43" s="5">
        <v>121</v>
      </c>
    </row>
    <row r="44" spans="1:4" ht="18" customHeight="1" x14ac:dyDescent="0.15">
      <c r="A44" s="8">
        <v>32</v>
      </c>
      <c r="B44" s="21">
        <v>68</v>
      </c>
      <c r="C44" s="6">
        <v>43</v>
      </c>
      <c r="D44" s="5">
        <v>111</v>
      </c>
    </row>
    <row r="45" spans="1:4" ht="18" customHeight="1" x14ac:dyDescent="0.15">
      <c r="A45" s="8">
        <v>33</v>
      </c>
      <c r="B45" s="21">
        <v>67</v>
      </c>
      <c r="C45" s="6">
        <v>59</v>
      </c>
      <c r="D45" s="5">
        <v>126</v>
      </c>
    </row>
    <row r="46" spans="1:4" ht="18" customHeight="1" x14ac:dyDescent="0.15">
      <c r="A46" s="8">
        <v>34</v>
      </c>
      <c r="B46" s="21">
        <v>52</v>
      </c>
      <c r="C46" s="6">
        <v>53</v>
      </c>
      <c r="D46" s="5">
        <v>105</v>
      </c>
    </row>
    <row r="47" spans="1:4" ht="18" customHeight="1" x14ac:dyDescent="0.15">
      <c r="A47" s="8" t="s">
        <v>18</v>
      </c>
      <c r="B47" s="21">
        <v>314</v>
      </c>
      <c r="C47" s="6">
        <v>278</v>
      </c>
      <c r="D47" s="5">
        <v>592</v>
      </c>
    </row>
    <row r="48" spans="1:4" ht="18" customHeight="1" x14ac:dyDescent="0.15">
      <c r="A48" s="8">
        <v>35</v>
      </c>
      <c r="B48" s="21">
        <v>52</v>
      </c>
      <c r="C48" s="6">
        <v>48</v>
      </c>
      <c r="D48" s="5">
        <v>100</v>
      </c>
    </row>
    <row r="49" spans="1:4" ht="18" customHeight="1" x14ac:dyDescent="0.15">
      <c r="A49" s="8">
        <v>36</v>
      </c>
      <c r="B49" s="21">
        <v>57</v>
      </c>
      <c r="C49" s="6">
        <v>61</v>
      </c>
      <c r="D49" s="5">
        <v>118</v>
      </c>
    </row>
    <row r="50" spans="1:4" ht="18" customHeight="1" x14ac:dyDescent="0.15">
      <c r="A50" s="8">
        <v>37</v>
      </c>
      <c r="B50" s="21">
        <v>65</v>
      </c>
      <c r="C50" s="6">
        <v>64</v>
      </c>
      <c r="D50" s="5">
        <v>129</v>
      </c>
    </row>
    <row r="51" spans="1:4" ht="18" customHeight="1" x14ac:dyDescent="0.15">
      <c r="A51" s="8">
        <v>38</v>
      </c>
      <c r="B51" s="21">
        <v>54</v>
      </c>
      <c r="C51" s="6">
        <v>69</v>
      </c>
      <c r="D51" s="5">
        <v>123</v>
      </c>
    </row>
    <row r="52" spans="1:4" ht="18" customHeight="1" x14ac:dyDescent="0.15">
      <c r="A52" s="8">
        <v>39</v>
      </c>
      <c r="B52" s="21">
        <v>55</v>
      </c>
      <c r="C52" s="6">
        <v>54</v>
      </c>
      <c r="D52" s="5">
        <v>109</v>
      </c>
    </row>
    <row r="53" spans="1:4" ht="18" customHeight="1" x14ac:dyDescent="0.15">
      <c r="A53" s="8" t="s">
        <v>17</v>
      </c>
      <c r="B53" s="21">
        <v>283</v>
      </c>
      <c r="C53" s="6">
        <v>296</v>
      </c>
      <c r="D53" s="5">
        <v>579</v>
      </c>
    </row>
    <row r="54" spans="1:4" ht="18" customHeight="1" x14ac:dyDescent="0.15">
      <c r="A54" s="8">
        <v>40</v>
      </c>
      <c r="B54" s="21">
        <v>63</v>
      </c>
      <c r="C54" s="6">
        <v>50</v>
      </c>
      <c r="D54" s="5">
        <v>113</v>
      </c>
    </row>
    <row r="55" spans="1:4" ht="18" customHeight="1" x14ac:dyDescent="0.15">
      <c r="A55" s="8">
        <v>41</v>
      </c>
      <c r="B55" s="21">
        <v>58</v>
      </c>
      <c r="C55" s="6">
        <v>67</v>
      </c>
      <c r="D55" s="5">
        <v>125</v>
      </c>
    </row>
    <row r="56" spans="1:4" ht="18" customHeight="1" x14ac:dyDescent="0.15">
      <c r="A56" s="8">
        <v>42</v>
      </c>
      <c r="B56" s="21">
        <v>62</v>
      </c>
      <c r="C56" s="6">
        <v>50</v>
      </c>
      <c r="D56" s="5">
        <v>112</v>
      </c>
    </row>
    <row r="57" spans="1:4" ht="18" customHeight="1" x14ac:dyDescent="0.15">
      <c r="A57" s="8">
        <v>43</v>
      </c>
      <c r="B57" s="21">
        <v>78</v>
      </c>
      <c r="C57" s="6">
        <v>61</v>
      </c>
      <c r="D57" s="5">
        <v>139</v>
      </c>
    </row>
    <row r="58" spans="1:4" ht="18" customHeight="1" x14ac:dyDescent="0.15">
      <c r="A58" s="8">
        <v>44</v>
      </c>
      <c r="B58" s="21">
        <v>63</v>
      </c>
      <c r="C58" s="6">
        <v>71</v>
      </c>
      <c r="D58" s="5">
        <v>134</v>
      </c>
    </row>
    <row r="59" spans="1:4" ht="18" customHeight="1" x14ac:dyDescent="0.15">
      <c r="A59" s="8" t="s">
        <v>16</v>
      </c>
      <c r="B59" s="21">
        <v>324</v>
      </c>
      <c r="C59" s="6">
        <v>299</v>
      </c>
      <c r="D59" s="5">
        <v>623</v>
      </c>
    </row>
    <row r="60" spans="1:4" ht="18" customHeight="1" x14ac:dyDescent="0.15">
      <c r="A60" s="8">
        <v>45</v>
      </c>
      <c r="B60" s="21">
        <v>65</v>
      </c>
      <c r="C60" s="6">
        <v>53</v>
      </c>
      <c r="D60" s="5">
        <v>118</v>
      </c>
    </row>
    <row r="61" spans="1:4" ht="18" customHeight="1" x14ac:dyDescent="0.15">
      <c r="A61" s="8">
        <v>46</v>
      </c>
      <c r="B61" s="21">
        <v>81</v>
      </c>
      <c r="C61" s="6">
        <v>78</v>
      </c>
      <c r="D61" s="5">
        <v>159</v>
      </c>
    </row>
    <row r="62" spans="1:4" ht="18" customHeight="1" x14ac:dyDescent="0.15">
      <c r="A62" s="8">
        <v>47</v>
      </c>
      <c r="B62" s="21">
        <v>102</v>
      </c>
      <c r="C62" s="6">
        <v>98</v>
      </c>
      <c r="D62" s="5">
        <v>200</v>
      </c>
    </row>
    <row r="63" spans="1:4" ht="18" customHeight="1" x14ac:dyDescent="0.15">
      <c r="A63" s="8">
        <v>48</v>
      </c>
      <c r="B63" s="21">
        <v>69</v>
      </c>
      <c r="C63" s="6">
        <v>79</v>
      </c>
      <c r="D63" s="5">
        <v>148</v>
      </c>
    </row>
    <row r="64" spans="1:4" ht="18" customHeight="1" x14ac:dyDescent="0.15">
      <c r="A64" s="8">
        <v>49</v>
      </c>
      <c r="B64" s="21">
        <v>93</v>
      </c>
      <c r="C64" s="6">
        <v>87</v>
      </c>
      <c r="D64" s="5">
        <v>180</v>
      </c>
    </row>
    <row r="65" spans="1:4" ht="18" customHeight="1" x14ac:dyDescent="0.15">
      <c r="A65" s="8" t="s">
        <v>15</v>
      </c>
      <c r="B65" s="21">
        <v>410</v>
      </c>
      <c r="C65" s="6">
        <v>395</v>
      </c>
      <c r="D65" s="5">
        <v>805</v>
      </c>
    </row>
    <row r="66" spans="1:4" ht="18" customHeight="1" x14ac:dyDescent="0.15">
      <c r="A66" s="8">
        <v>50</v>
      </c>
      <c r="B66" s="21">
        <v>101</v>
      </c>
      <c r="C66" s="6">
        <v>95</v>
      </c>
      <c r="D66" s="5">
        <v>196</v>
      </c>
    </row>
    <row r="67" spans="1:4" ht="18" customHeight="1" x14ac:dyDescent="0.15">
      <c r="A67" s="8">
        <v>51</v>
      </c>
      <c r="B67" s="21">
        <v>103</v>
      </c>
      <c r="C67" s="6">
        <v>99</v>
      </c>
      <c r="D67" s="5">
        <v>202</v>
      </c>
    </row>
    <row r="68" spans="1:4" ht="18" customHeight="1" x14ac:dyDescent="0.15">
      <c r="A68" s="8">
        <v>52</v>
      </c>
      <c r="B68" s="21">
        <v>107</v>
      </c>
      <c r="C68" s="6">
        <v>110</v>
      </c>
      <c r="D68" s="5">
        <v>217</v>
      </c>
    </row>
    <row r="69" spans="1:4" ht="18" customHeight="1" x14ac:dyDescent="0.15">
      <c r="A69" s="8">
        <v>53</v>
      </c>
      <c r="B69" s="21">
        <v>113</v>
      </c>
      <c r="C69" s="6">
        <v>106</v>
      </c>
      <c r="D69" s="5">
        <v>219</v>
      </c>
    </row>
    <row r="70" spans="1:4" ht="18" customHeight="1" x14ac:dyDescent="0.15">
      <c r="A70" s="8">
        <v>54</v>
      </c>
      <c r="B70" s="21">
        <v>101</v>
      </c>
      <c r="C70" s="6">
        <v>91</v>
      </c>
      <c r="D70" s="5">
        <v>192</v>
      </c>
    </row>
    <row r="71" spans="1:4" ht="18" customHeight="1" x14ac:dyDescent="0.15">
      <c r="A71" s="8" t="s">
        <v>14</v>
      </c>
      <c r="B71" s="21">
        <v>525</v>
      </c>
      <c r="C71" s="6">
        <v>501</v>
      </c>
      <c r="D71" s="5">
        <v>1026</v>
      </c>
    </row>
    <row r="72" spans="1:4" ht="18" customHeight="1" x14ac:dyDescent="0.15">
      <c r="A72" s="8">
        <v>55</v>
      </c>
      <c r="B72" s="21">
        <v>105</v>
      </c>
      <c r="C72" s="6">
        <v>82</v>
      </c>
      <c r="D72" s="5">
        <v>187</v>
      </c>
    </row>
    <row r="73" spans="1:4" ht="18" customHeight="1" x14ac:dyDescent="0.15">
      <c r="A73" s="8">
        <v>56</v>
      </c>
      <c r="B73" s="21">
        <v>82</v>
      </c>
      <c r="C73" s="6">
        <v>84</v>
      </c>
      <c r="D73" s="5">
        <v>166</v>
      </c>
    </row>
    <row r="74" spans="1:4" ht="18" customHeight="1" x14ac:dyDescent="0.15">
      <c r="A74" s="8">
        <v>57</v>
      </c>
      <c r="B74" s="21">
        <v>96</v>
      </c>
      <c r="C74" s="6">
        <v>100</v>
      </c>
      <c r="D74" s="5">
        <v>196</v>
      </c>
    </row>
    <row r="75" spans="1:4" ht="18" customHeight="1" x14ac:dyDescent="0.15">
      <c r="A75" s="8">
        <v>58</v>
      </c>
      <c r="B75" s="21">
        <v>72</v>
      </c>
      <c r="C75" s="6">
        <v>110</v>
      </c>
      <c r="D75" s="5">
        <v>182</v>
      </c>
    </row>
    <row r="76" spans="1:4" ht="18" customHeight="1" x14ac:dyDescent="0.15">
      <c r="A76" s="8">
        <v>59</v>
      </c>
      <c r="B76" s="21">
        <v>59</v>
      </c>
      <c r="C76" s="6">
        <v>58</v>
      </c>
      <c r="D76" s="5">
        <v>117</v>
      </c>
    </row>
    <row r="77" spans="1:4" ht="18" customHeight="1" x14ac:dyDescent="0.15">
      <c r="A77" s="8" t="s">
        <v>13</v>
      </c>
      <c r="B77" s="21">
        <v>414</v>
      </c>
      <c r="C77" s="6">
        <v>434</v>
      </c>
      <c r="D77" s="5">
        <v>848</v>
      </c>
    </row>
    <row r="78" spans="1:4" ht="18" customHeight="1" x14ac:dyDescent="0.15">
      <c r="A78" s="8">
        <v>60</v>
      </c>
      <c r="B78" s="21">
        <v>91</v>
      </c>
      <c r="C78" s="6">
        <v>95</v>
      </c>
      <c r="D78" s="5">
        <v>186</v>
      </c>
    </row>
    <row r="79" spans="1:4" ht="18" customHeight="1" x14ac:dyDescent="0.15">
      <c r="A79" s="8">
        <v>61</v>
      </c>
      <c r="B79" s="21">
        <v>76</v>
      </c>
      <c r="C79" s="6">
        <v>67</v>
      </c>
      <c r="D79" s="5">
        <v>143</v>
      </c>
    </row>
    <row r="80" spans="1:4" ht="18" customHeight="1" x14ac:dyDescent="0.15">
      <c r="A80" s="8">
        <v>62</v>
      </c>
      <c r="B80" s="21">
        <v>87</v>
      </c>
      <c r="C80" s="6">
        <v>70</v>
      </c>
      <c r="D80" s="5">
        <v>157</v>
      </c>
    </row>
    <row r="81" spans="1:4" ht="18" customHeight="1" x14ac:dyDescent="0.15">
      <c r="A81" s="8">
        <v>63</v>
      </c>
      <c r="B81" s="21">
        <v>56</v>
      </c>
      <c r="C81" s="6">
        <v>63</v>
      </c>
      <c r="D81" s="5">
        <v>119</v>
      </c>
    </row>
    <row r="82" spans="1:4" ht="18" customHeight="1" x14ac:dyDescent="0.15">
      <c r="A82" s="8">
        <v>64</v>
      </c>
      <c r="B82" s="21">
        <v>55</v>
      </c>
      <c r="C82" s="6">
        <v>56</v>
      </c>
      <c r="D82" s="5">
        <v>111</v>
      </c>
    </row>
    <row r="83" spans="1:4" ht="18" customHeight="1" x14ac:dyDescent="0.15">
      <c r="A83" s="8" t="s">
        <v>12</v>
      </c>
      <c r="B83" s="21">
        <v>365</v>
      </c>
      <c r="C83" s="6">
        <v>351</v>
      </c>
      <c r="D83" s="5">
        <v>716</v>
      </c>
    </row>
    <row r="84" spans="1:4" ht="18" customHeight="1" x14ac:dyDescent="0.15">
      <c r="A84" s="8" t="s">
        <v>11</v>
      </c>
      <c r="B84" s="21">
        <v>3496</v>
      </c>
      <c r="C84" s="6">
        <v>3370</v>
      </c>
      <c r="D84" s="5">
        <v>6866</v>
      </c>
    </row>
    <row r="85" spans="1:4" ht="18" customHeight="1" x14ac:dyDescent="0.15">
      <c r="A85" s="8">
        <v>65</v>
      </c>
      <c r="B85" s="21">
        <v>61</v>
      </c>
      <c r="C85" s="6">
        <v>64</v>
      </c>
      <c r="D85" s="5">
        <v>125</v>
      </c>
    </row>
    <row r="86" spans="1:4" ht="18" customHeight="1" x14ac:dyDescent="0.15">
      <c r="A86" s="8">
        <v>66</v>
      </c>
      <c r="B86" s="21">
        <v>56</v>
      </c>
      <c r="C86" s="6">
        <v>58</v>
      </c>
      <c r="D86" s="5">
        <v>114</v>
      </c>
    </row>
    <row r="87" spans="1:4" ht="18" customHeight="1" x14ac:dyDescent="0.15">
      <c r="A87" s="8">
        <v>67</v>
      </c>
      <c r="B87" s="21">
        <v>52</v>
      </c>
      <c r="C87" s="6">
        <v>59</v>
      </c>
      <c r="D87" s="5">
        <v>111</v>
      </c>
    </row>
    <row r="88" spans="1:4" ht="18" customHeight="1" x14ac:dyDescent="0.15">
      <c r="A88" s="8">
        <v>68</v>
      </c>
      <c r="B88" s="21">
        <v>59</v>
      </c>
      <c r="C88" s="6">
        <v>58</v>
      </c>
      <c r="D88" s="5">
        <v>117</v>
      </c>
    </row>
    <row r="89" spans="1:4" ht="18" customHeight="1" x14ac:dyDescent="0.15">
      <c r="A89" s="8">
        <v>69</v>
      </c>
      <c r="B89" s="21">
        <v>52</v>
      </c>
      <c r="C89" s="6">
        <v>68</v>
      </c>
      <c r="D89" s="5">
        <v>120</v>
      </c>
    </row>
    <row r="90" spans="1:4" ht="18" customHeight="1" x14ac:dyDescent="0.15">
      <c r="A90" s="8" t="s">
        <v>10</v>
      </c>
      <c r="B90" s="21">
        <v>280</v>
      </c>
      <c r="C90" s="6">
        <v>307</v>
      </c>
      <c r="D90" s="5">
        <v>587</v>
      </c>
    </row>
    <row r="91" spans="1:4" ht="18" customHeight="1" x14ac:dyDescent="0.15">
      <c r="A91" s="8">
        <v>70</v>
      </c>
      <c r="B91" s="21">
        <v>47</v>
      </c>
      <c r="C91" s="6">
        <v>64</v>
      </c>
      <c r="D91" s="5">
        <v>111</v>
      </c>
    </row>
    <row r="92" spans="1:4" ht="18" customHeight="1" x14ac:dyDescent="0.15">
      <c r="A92" s="8">
        <v>71</v>
      </c>
      <c r="B92" s="21">
        <v>50</v>
      </c>
      <c r="C92" s="6">
        <v>59</v>
      </c>
      <c r="D92" s="5">
        <v>109</v>
      </c>
    </row>
    <row r="93" spans="1:4" ht="18" customHeight="1" x14ac:dyDescent="0.15">
      <c r="A93" s="8">
        <v>72</v>
      </c>
      <c r="B93" s="21">
        <v>69</v>
      </c>
      <c r="C93" s="6">
        <v>64</v>
      </c>
      <c r="D93" s="5">
        <v>133</v>
      </c>
    </row>
    <row r="94" spans="1:4" ht="18" customHeight="1" x14ac:dyDescent="0.15">
      <c r="A94" s="8">
        <v>73</v>
      </c>
      <c r="B94" s="21">
        <v>48</v>
      </c>
      <c r="C94" s="6">
        <v>64</v>
      </c>
      <c r="D94" s="5">
        <v>112</v>
      </c>
    </row>
    <row r="95" spans="1:4" ht="18" customHeight="1" x14ac:dyDescent="0.15">
      <c r="A95" s="8">
        <v>74</v>
      </c>
      <c r="B95" s="21">
        <v>50</v>
      </c>
      <c r="C95" s="6">
        <v>77</v>
      </c>
      <c r="D95" s="5">
        <v>127</v>
      </c>
    </row>
    <row r="96" spans="1:4" ht="18" customHeight="1" x14ac:dyDescent="0.15">
      <c r="A96" s="8" t="s">
        <v>9</v>
      </c>
      <c r="B96" s="21">
        <v>264</v>
      </c>
      <c r="C96" s="6">
        <v>328</v>
      </c>
      <c r="D96" s="5">
        <v>592</v>
      </c>
    </row>
    <row r="97" spans="1:4" ht="18" customHeight="1" x14ac:dyDescent="0.15">
      <c r="A97" s="8">
        <v>75</v>
      </c>
      <c r="B97" s="21">
        <v>71</v>
      </c>
      <c r="C97" s="6">
        <v>88</v>
      </c>
      <c r="D97" s="5">
        <v>159</v>
      </c>
    </row>
    <row r="98" spans="1:4" ht="18" customHeight="1" x14ac:dyDescent="0.15">
      <c r="A98" s="8">
        <v>76</v>
      </c>
      <c r="B98" s="21">
        <v>78</v>
      </c>
      <c r="C98" s="6">
        <v>98</v>
      </c>
      <c r="D98" s="5">
        <v>176</v>
      </c>
    </row>
    <row r="99" spans="1:4" ht="18" customHeight="1" x14ac:dyDescent="0.15">
      <c r="A99" s="8">
        <v>77</v>
      </c>
      <c r="B99" s="21">
        <v>75</v>
      </c>
      <c r="C99" s="6">
        <v>93</v>
      </c>
      <c r="D99" s="5">
        <v>168</v>
      </c>
    </row>
    <row r="100" spans="1:4" ht="18" customHeight="1" x14ac:dyDescent="0.15">
      <c r="A100" s="8">
        <v>78</v>
      </c>
      <c r="B100" s="21">
        <v>86</v>
      </c>
      <c r="C100" s="6">
        <v>102</v>
      </c>
      <c r="D100" s="5">
        <v>188</v>
      </c>
    </row>
    <row r="101" spans="1:4" ht="18" customHeight="1" x14ac:dyDescent="0.15">
      <c r="A101" s="8">
        <v>79</v>
      </c>
      <c r="B101" s="21">
        <v>52</v>
      </c>
      <c r="C101" s="6">
        <v>56</v>
      </c>
      <c r="D101" s="5">
        <v>108</v>
      </c>
    </row>
    <row r="102" spans="1:4" ht="18" customHeight="1" x14ac:dyDescent="0.15">
      <c r="A102" s="8" t="s">
        <v>8</v>
      </c>
      <c r="B102" s="21">
        <v>362</v>
      </c>
      <c r="C102" s="6">
        <v>437</v>
      </c>
      <c r="D102" s="5">
        <v>799</v>
      </c>
    </row>
    <row r="103" spans="1:4" ht="18" customHeight="1" x14ac:dyDescent="0.15">
      <c r="A103" s="8">
        <v>80</v>
      </c>
      <c r="B103" s="21">
        <v>45</v>
      </c>
      <c r="C103" s="6">
        <v>55</v>
      </c>
      <c r="D103" s="5">
        <v>100</v>
      </c>
    </row>
    <row r="104" spans="1:4" ht="18" customHeight="1" x14ac:dyDescent="0.15">
      <c r="A104" s="8">
        <v>81</v>
      </c>
      <c r="B104" s="21">
        <v>43</v>
      </c>
      <c r="C104" s="6">
        <v>74</v>
      </c>
      <c r="D104" s="5">
        <v>117</v>
      </c>
    </row>
    <row r="105" spans="1:4" ht="18" customHeight="1" x14ac:dyDescent="0.15">
      <c r="A105" s="8">
        <v>82</v>
      </c>
      <c r="B105" s="21">
        <v>48</v>
      </c>
      <c r="C105" s="6">
        <v>77</v>
      </c>
      <c r="D105" s="5">
        <v>125</v>
      </c>
    </row>
    <row r="106" spans="1:4" ht="18" customHeight="1" x14ac:dyDescent="0.15">
      <c r="A106" s="8">
        <v>83</v>
      </c>
      <c r="B106" s="21">
        <v>45</v>
      </c>
      <c r="C106" s="6">
        <v>59</v>
      </c>
      <c r="D106" s="5">
        <v>104</v>
      </c>
    </row>
    <row r="107" spans="1:4" ht="18" customHeight="1" x14ac:dyDescent="0.15">
      <c r="A107" s="8">
        <v>84</v>
      </c>
      <c r="B107" s="21">
        <v>38</v>
      </c>
      <c r="C107" s="6">
        <v>57</v>
      </c>
      <c r="D107" s="5">
        <v>95</v>
      </c>
    </row>
    <row r="108" spans="1:4" ht="18" customHeight="1" x14ac:dyDescent="0.15">
      <c r="A108" s="8" t="s">
        <v>7</v>
      </c>
      <c r="B108" s="21">
        <v>219</v>
      </c>
      <c r="C108" s="6">
        <v>322</v>
      </c>
      <c r="D108" s="5">
        <v>541</v>
      </c>
    </row>
    <row r="109" spans="1:4" ht="18" customHeight="1" x14ac:dyDescent="0.15">
      <c r="A109" s="8">
        <v>85</v>
      </c>
      <c r="B109" s="21">
        <v>48</v>
      </c>
      <c r="C109" s="6">
        <v>58</v>
      </c>
      <c r="D109" s="5">
        <v>106</v>
      </c>
    </row>
    <row r="110" spans="1:4" ht="18" customHeight="1" x14ac:dyDescent="0.15">
      <c r="A110" s="8">
        <v>86</v>
      </c>
      <c r="B110" s="21">
        <v>26</v>
      </c>
      <c r="C110" s="6">
        <v>36</v>
      </c>
      <c r="D110" s="5">
        <v>62</v>
      </c>
    </row>
    <row r="111" spans="1:4" ht="18" customHeight="1" x14ac:dyDescent="0.15">
      <c r="A111" s="8">
        <v>87</v>
      </c>
      <c r="B111" s="21">
        <v>22</v>
      </c>
      <c r="C111" s="6">
        <v>43</v>
      </c>
      <c r="D111" s="5">
        <v>65</v>
      </c>
    </row>
    <row r="112" spans="1:4" ht="18" customHeight="1" x14ac:dyDescent="0.15">
      <c r="A112" s="8">
        <v>88</v>
      </c>
      <c r="B112" s="21">
        <v>30</v>
      </c>
      <c r="C112" s="6">
        <v>33</v>
      </c>
      <c r="D112" s="5">
        <v>63</v>
      </c>
    </row>
    <row r="113" spans="1:4" ht="18" customHeight="1" x14ac:dyDescent="0.15">
      <c r="A113" s="8">
        <v>89</v>
      </c>
      <c r="B113" s="21">
        <v>18</v>
      </c>
      <c r="C113" s="6">
        <v>42</v>
      </c>
      <c r="D113" s="5">
        <v>60</v>
      </c>
    </row>
    <row r="114" spans="1:4" ht="18" customHeight="1" x14ac:dyDescent="0.15">
      <c r="A114" s="8" t="s">
        <v>6</v>
      </c>
      <c r="B114" s="21">
        <v>144</v>
      </c>
      <c r="C114" s="6">
        <v>212</v>
      </c>
      <c r="D114" s="5">
        <v>356</v>
      </c>
    </row>
    <row r="115" spans="1:4" ht="18" customHeight="1" x14ac:dyDescent="0.15">
      <c r="A115" s="8">
        <v>90</v>
      </c>
      <c r="B115" s="21">
        <v>13</v>
      </c>
      <c r="C115" s="6">
        <v>31</v>
      </c>
      <c r="D115" s="5">
        <v>44</v>
      </c>
    </row>
    <row r="116" spans="1:4" ht="18" customHeight="1" x14ac:dyDescent="0.15">
      <c r="A116" s="8">
        <v>91</v>
      </c>
      <c r="B116" s="21">
        <v>12</v>
      </c>
      <c r="C116" s="6">
        <v>25</v>
      </c>
      <c r="D116" s="5">
        <v>37</v>
      </c>
    </row>
    <row r="117" spans="1:4" ht="18" customHeight="1" x14ac:dyDescent="0.15">
      <c r="A117" s="8">
        <v>92</v>
      </c>
      <c r="B117" s="21">
        <v>9</v>
      </c>
      <c r="C117" s="6">
        <v>21</v>
      </c>
      <c r="D117" s="5">
        <v>30</v>
      </c>
    </row>
    <row r="118" spans="1:4" ht="18" customHeight="1" x14ac:dyDescent="0.15">
      <c r="A118" s="8">
        <v>93</v>
      </c>
      <c r="B118" s="21">
        <v>8</v>
      </c>
      <c r="C118" s="6">
        <v>29</v>
      </c>
      <c r="D118" s="5">
        <v>37</v>
      </c>
    </row>
    <row r="119" spans="1:4" ht="18" customHeight="1" x14ac:dyDescent="0.15">
      <c r="A119" s="8">
        <v>94</v>
      </c>
      <c r="B119" s="21">
        <v>4</v>
      </c>
      <c r="C119" s="6">
        <v>15</v>
      </c>
      <c r="D119" s="5">
        <v>19</v>
      </c>
    </row>
    <row r="120" spans="1:4" ht="18" customHeight="1" x14ac:dyDescent="0.15">
      <c r="A120" s="8" t="s">
        <v>5</v>
      </c>
      <c r="B120" s="21">
        <v>46</v>
      </c>
      <c r="C120" s="6">
        <v>121</v>
      </c>
      <c r="D120" s="5">
        <v>167</v>
      </c>
    </row>
    <row r="121" spans="1:4" ht="18" customHeight="1" x14ac:dyDescent="0.15">
      <c r="A121" s="8">
        <v>95</v>
      </c>
      <c r="B121" s="21">
        <v>1</v>
      </c>
      <c r="C121" s="6">
        <v>9</v>
      </c>
      <c r="D121" s="5">
        <v>10</v>
      </c>
    </row>
    <row r="122" spans="1:4" ht="18" customHeight="1" x14ac:dyDescent="0.15">
      <c r="A122" s="8">
        <v>96</v>
      </c>
      <c r="B122" s="21">
        <v>3</v>
      </c>
      <c r="C122" s="6">
        <v>9</v>
      </c>
      <c r="D122" s="5">
        <v>12</v>
      </c>
    </row>
    <row r="123" spans="1:4" ht="18" customHeight="1" x14ac:dyDescent="0.15">
      <c r="A123" s="8">
        <v>97</v>
      </c>
      <c r="B123" s="21">
        <v>1</v>
      </c>
      <c r="C123" s="6">
        <v>5</v>
      </c>
      <c r="D123" s="5">
        <v>6</v>
      </c>
    </row>
    <row r="124" spans="1:4" ht="18" customHeight="1" x14ac:dyDescent="0.15">
      <c r="A124" s="8">
        <v>98</v>
      </c>
      <c r="B124" s="21">
        <v>1</v>
      </c>
      <c r="C124" s="6">
        <v>6</v>
      </c>
      <c r="D124" s="5">
        <v>7</v>
      </c>
    </row>
    <row r="125" spans="1:4" ht="18" customHeight="1" x14ac:dyDescent="0.15">
      <c r="A125" s="8">
        <v>99</v>
      </c>
      <c r="B125" s="21">
        <v>3</v>
      </c>
      <c r="C125" s="6">
        <v>3</v>
      </c>
      <c r="D125" s="5">
        <v>6</v>
      </c>
    </row>
    <row r="126" spans="1:4" ht="18" customHeight="1" x14ac:dyDescent="0.15">
      <c r="A126" s="8" t="s">
        <v>4</v>
      </c>
      <c r="B126" s="21">
        <v>9</v>
      </c>
      <c r="C126" s="6">
        <v>32</v>
      </c>
      <c r="D126" s="5">
        <v>41</v>
      </c>
    </row>
    <row r="127" spans="1:4" ht="18" customHeight="1" x14ac:dyDescent="0.15">
      <c r="A127" s="8">
        <v>100</v>
      </c>
      <c r="B127" s="21">
        <v>1</v>
      </c>
      <c r="C127" s="6">
        <v>3</v>
      </c>
      <c r="D127" s="5">
        <v>4</v>
      </c>
    </row>
    <row r="128" spans="1:4" ht="18" customHeight="1" x14ac:dyDescent="0.15">
      <c r="A128" s="9" t="s">
        <v>3</v>
      </c>
      <c r="B128" s="21">
        <v>0</v>
      </c>
      <c r="C128" s="6">
        <v>5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8</v>
      </c>
      <c r="D129" s="5">
        <v>9</v>
      </c>
    </row>
    <row r="130" spans="1:4" ht="18" customHeight="1" x14ac:dyDescent="0.15">
      <c r="A130" s="8" t="s">
        <v>1</v>
      </c>
      <c r="B130" s="21">
        <v>1325</v>
      </c>
      <c r="C130" s="6">
        <v>1767</v>
      </c>
      <c r="D130" s="5">
        <v>3092</v>
      </c>
    </row>
    <row r="131" spans="1:4" ht="18" customHeight="1" x14ac:dyDescent="0.15">
      <c r="A131" s="4" t="s">
        <v>0</v>
      </c>
      <c r="B131" s="20">
        <v>5424</v>
      </c>
      <c r="C131" s="2">
        <v>5731</v>
      </c>
      <c r="D131" s="1">
        <v>1115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26F433-7223-4FC7-A5E5-27398CBE375B}">
  <sheetPr codeName="Sheet1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4</v>
      </c>
      <c r="C5" s="11">
        <v>15</v>
      </c>
      <c r="D5" s="10">
        <v>39</v>
      </c>
    </row>
    <row r="6" spans="1:4" ht="18" customHeight="1" x14ac:dyDescent="0.15">
      <c r="A6" s="8">
        <v>1</v>
      </c>
      <c r="B6" s="21">
        <v>19</v>
      </c>
      <c r="C6" s="6">
        <v>20</v>
      </c>
      <c r="D6" s="5">
        <v>39</v>
      </c>
    </row>
    <row r="7" spans="1:4" ht="18" customHeight="1" x14ac:dyDescent="0.15">
      <c r="A7" s="8">
        <v>2</v>
      </c>
      <c r="B7" s="21">
        <v>21</v>
      </c>
      <c r="C7" s="6">
        <v>19</v>
      </c>
      <c r="D7" s="5">
        <v>40</v>
      </c>
    </row>
    <row r="8" spans="1:4" ht="18" customHeight="1" x14ac:dyDescent="0.15">
      <c r="A8" s="8">
        <v>3</v>
      </c>
      <c r="B8" s="21">
        <v>21</v>
      </c>
      <c r="C8" s="6">
        <v>20</v>
      </c>
      <c r="D8" s="5">
        <v>41</v>
      </c>
    </row>
    <row r="9" spans="1:4" ht="18" customHeight="1" x14ac:dyDescent="0.15">
      <c r="A9" s="8">
        <v>4</v>
      </c>
      <c r="B9" s="21">
        <v>15</v>
      </c>
      <c r="C9" s="6">
        <v>18</v>
      </c>
      <c r="D9" s="5">
        <v>33</v>
      </c>
    </row>
    <row r="10" spans="1:4" ht="18" customHeight="1" x14ac:dyDescent="0.15">
      <c r="A10" s="8" t="s">
        <v>25</v>
      </c>
      <c r="B10" s="21">
        <v>100</v>
      </c>
      <c r="C10" s="6">
        <v>92</v>
      </c>
      <c r="D10" s="5">
        <v>192</v>
      </c>
    </row>
    <row r="11" spans="1:4" ht="18" customHeight="1" x14ac:dyDescent="0.15">
      <c r="A11" s="8">
        <v>5</v>
      </c>
      <c r="B11" s="21">
        <v>17</v>
      </c>
      <c r="C11" s="6">
        <v>20</v>
      </c>
      <c r="D11" s="5">
        <v>37</v>
      </c>
    </row>
    <row r="12" spans="1:4" ht="18" customHeight="1" x14ac:dyDescent="0.15">
      <c r="A12" s="8">
        <v>6</v>
      </c>
      <c r="B12" s="21">
        <v>21</v>
      </c>
      <c r="C12" s="6">
        <v>18</v>
      </c>
      <c r="D12" s="5">
        <v>39</v>
      </c>
    </row>
    <row r="13" spans="1:4" ht="18" customHeight="1" x14ac:dyDescent="0.15">
      <c r="A13" s="8">
        <v>7</v>
      </c>
      <c r="B13" s="21">
        <v>21</v>
      </c>
      <c r="C13" s="6">
        <v>21</v>
      </c>
      <c r="D13" s="5">
        <v>42</v>
      </c>
    </row>
    <row r="14" spans="1:4" ht="18" customHeight="1" x14ac:dyDescent="0.15">
      <c r="A14" s="8">
        <v>8</v>
      </c>
      <c r="B14" s="21">
        <v>20</v>
      </c>
      <c r="C14" s="6">
        <v>16</v>
      </c>
      <c r="D14" s="5">
        <v>36</v>
      </c>
    </row>
    <row r="15" spans="1:4" ht="18" customHeight="1" x14ac:dyDescent="0.15">
      <c r="A15" s="8">
        <v>9</v>
      </c>
      <c r="B15" s="21">
        <v>31</v>
      </c>
      <c r="C15" s="6">
        <v>31</v>
      </c>
      <c r="D15" s="5">
        <v>62</v>
      </c>
    </row>
    <row r="16" spans="1:4" ht="18" customHeight="1" x14ac:dyDescent="0.15">
      <c r="A16" s="8" t="s">
        <v>24</v>
      </c>
      <c r="B16" s="21">
        <v>110</v>
      </c>
      <c r="C16" s="6">
        <v>106</v>
      </c>
      <c r="D16" s="5">
        <v>216</v>
      </c>
    </row>
    <row r="17" spans="1:4" ht="18" customHeight="1" x14ac:dyDescent="0.15">
      <c r="A17" s="8">
        <v>10</v>
      </c>
      <c r="B17" s="21">
        <v>13</v>
      </c>
      <c r="C17" s="6">
        <v>23</v>
      </c>
      <c r="D17" s="5">
        <v>36</v>
      </c>
    </row>
    <row r="18" spans="1:4" ht="18" customHeight="1" x14ac:dyDescent="0.15">
      <c r="A18" s="8">
        <v>11</v>
      </c>
      <c r="B18" s="21">
        <v>18</v>
      </c>
      <c r="C18" s="6">
        <v>27</v>
      </c>
      <c r="D18" s="5">
        <v>45</v>
      </c>
    </row>
    <row r="19" spans="1:4" ht="18" customHeight="1" x14ac:dyDescent="0.15">
      <c r="A19" s="8">
        <v>12</v>
      </c>
      <c r="B19" s="21">
        <v>24</v>
      </c>
      <c r="C19" s="6">
        <v>20</v>
      </c>
      <c r="D19" s="5">
        <v>44</v>
      </c>
    </row>
    <row r="20" spans="1:4" ht="18" customHeight="1" x14ac:dyDescent="0.15">
      <c r="A20" s="8">
        <v>13</v>
      </c>
      <c r="B20" s="21">
        <v>26</v>
      </c>
      <c r="C20" s="6">
        <v>13</v>
      </c>
      <c r="D20" s="5">
        <v>39</v>
      </c>
    </row>
    <row r="21" spans="1:4" ht="18" customHeight="1" x14ac:dyDescent="0.15">
      <c r="A21" s="8">
        <v>14</v>
      </c>
      <c r="B21" s="21">
        <v>29</v>
      </c>
      <c r="C21" s="6">
        <v>24</v>
      </c>
      <c r="D21" s="5">
        <v>53</v>
      </c>
    </row>
    <row r="22" spans="1:4" ht="18" customHeight="1" x14ac:dyDescent="0.15">
      <c r="A22" s="8" t="s">
        <v>23</v>
      </c>
      <c r="B22" s="21">
        <v>110</v>
      </c>
      <c r="C22" s="6">
        <v>107</v>
      </c>
      <c r="D22" s="5">
        <v>217</v>
      </c>
    </row>
    <row r="23" spans="1:4" ht="18" customHeight="1" x14ac:dyDescent="0.15">
      <c r="A23" s="8" t="s">
        <v>22</v>
      </c>
      <c r="B23" s="21">
        <v>320</v>
      </c>
      <c r="C23" s="6">
        <v>305</v>
      </c>
      <c r="D23" s="5">
        <v>625</v>
      </c>
    </row>
    <row r="24" spans="1:4" ht="18" customHeight="1" x14ac:dyDescent="0.15">
      <c r="A24" s="8">
        <v>15</v>
      </c>
      <c r="B24" s="21">
        <v>26</v>
      </c>
      <c r="C24" s="6">
        <v>23</v>
      </c>
      <c r="D24" s="5">
        <v>49</v>
      </c>
    </row>
    <row r="25" spans="1:4" ht="18" customHeight="1" x14ac:dyDescent="0.15">
      <c r="A25" s="8">
        <v>16</v>
      </c>
      <c r="B25" s="21">
        <v>19</v>
      </c>
      <c r="C25" s="6">
        <v>19</v>
      </c>
      <c r="D25" s="5">
        <v>38</v>
      </c>
    </row>
    <row r="26" spans="1:4" ht="18" customHeight="1" x14ac:dyDescent="0.15">
      <c r="A26" s="8">
        <v>17</v>
      </c>
      <c r="B26" s="21">
        <v>12</v>
      </c>
      <c r="C26" s="6">
        <v>21</v>
      </c>
      <c r="D26" s="5">
        <v>33</v>
      </c>
    </row>
    <row r="27" spans="1:4" ht="18" customHeight="1" x14ac:dyDescent="0.15">
      <c r="A27" s="8">
        <v>18</v>
      </c>
      <c r="B27" s="21">
        <v>16</v>
      </c>
      <c r="C27" s="6">
        <v>14</v>
      </c>
      <c r="D27" s="5">
        <v>30</v>
      </c>
    </row>
    <row r="28" spans="1:4" ht="18" customHeight="1" x14ac:dyDescent="0.15">
      <c r="A28" s="8">
        <v>19</v>
      </c>
      <c r="B28" s="21">
        <v>15</v>
      </c>
      <c r="C28" s="6">
        <v>38</v>
      </c>
      <c r="D28" s="5">
        <v>53</v>
      </c>
    </row>
    <row r="29" spans="1:4" ht="18" customHeight="1" x14ac:dyDescent="0.15">
      <c r="A29" s="8" t="s">
        <v>21</v>
      </c>
      <c r="B29" s="21">
        <v>88</v>
      </c>
      <c r="C29" s="6">
        <v>115</v>
      </c>
      <c r="D29" s="5">
        <v>203</v>
      </c>
    </row>
    <row r="30" spans="1:4" ht="18" customHeight="1" x14ac:dyDescent="0.15">
      <c r="A30" s="8">
        <v>20</v>
      </c>
      <c r="B30" s="21">
        <v>24</v>
      </c>
      <c r="C30" s="6">
        <v>22</v>
      </c>
      <c r="D30" s="5">
        <v>46</v>
      </c>
    </row>
    <row r="31" spans="1:4" ht="18" customHeight="1" x14ac:dyDescent="0.15">
      <c r="A31" s="8">
        <v>21</v>
      </c>
      <c r="B31" s="21">
        <v>19</v>
      </c>
      <c r="C31" s="6">
        <v>25</v>
      </c>
      <c r="D31" s="5">
        <v>44</v>
      </c>
    </row>
    <row r="32" spans="1:4" ht="18" customHeight="1" x14ac:dyDescent="0.15">
      <c r="A32" s="8">
        <v>22</v>
      </c>
      <c r="B32" s="21">
        <v>20</v>
      </c>
      <c r="C32" s="6">
        <v>27</v>
      </c>
      <c r="D32" s="5">
        <v>47</v>
      </c>
    </row>
    <row r="33" spans="1:4" ht="18" customHeight="1" x14ac:dyDescent="0.15">
      <c r="A33" s="8">
        <v>23</v>
      </c>
      <c r="B33" s="21">
        <v>26</v>
      </c>
      <c r="C33" s="6">
        <v>21</v>
      </c>
      <c r="D33" s="5">
        <v>47</v>
      </c>
    </row>
    <row r="34" spans="1:4" ht="18" customHeight="1" x14ac:dyDescent="0.15">
      <c r="A34" s="8">
        <v>24</v>
      </c>
      <c r="B34" s="21">
        <v>23</v>
      </c>
      <c r="C34" s="6">
        <v>9</v>
      </c>
      <c r="D34" s="5">
        <v>32</v>
      </c>
    </row>
    <row r="35" spans="1:4" ht="18" customHeight="1" x14ac:dyDescent="0.15">
      <c r="A35" s="8" t="s">
        <v>20</v>
      </c>
      <c r="B35" s="21">
        <v>112</v>
      </c>
      <c r="C35" s="6">
        <v>104</v>
      </c>
      <c r="D35" s="5">
        <v>216</v>
      </c>
    </row>
    <row r="36" spans="1:4" ht="18" customHeight="1" x14ac:dyDescent="0.15">
      <c r="A36" s="8">
        <v>25</v>
      </c>
      <c r="B36" s="21">
        <v>38</v>
      </c>
      <c r="C36" s="6">
        <v>27</v>
      </c>
      <c r="D36" s="5">
        <v>65</v>
      </c>
    </row>
    <row r="37" spans="1:4" ht="18" customHeight="1" x14ac:dyDescent="0.15">
      <c r="A37" s="8">
        <v>26</v>
      </c>
      <c r="B37" s="21">
        <v>25</v>
      </c>
      <c r="C37" s="6">
        <v>22</v>
      </c>
      <c r="D37" s="5">
        <v>47</v>
      </c>
    </row>
    <row r="38" spans="1:4" ht="18" customHeight="1" x14ac:dyDescent="0.15">
      <c r="A38" s="8">
        <v>27</v>
      </c>
      <c r="B38" s="21">
        <v>37</v>
      </c>
      <c r="C38" s="6">
        <v>15</v>
      </c>
      <c r="D38" s="5">
        <v>52</v>
      </c>
    </row>
    <row r="39" spans="1:4" ht="18" customHeight="1" x14ac:dyDescent="0.15">
      <c r="A39" s="8">
        <v>28</v>
      </c>
      <c r="B39" s="21">
        <v>32</v>
      </c>
      <c r="C39" s="6">
        <v>25</v>
      </c>
      <c r="D39" s="5">
        <v>57</v>
      </c>
    </row>
    <row r="40" spans="1:4" ht="18" customHeight="1" x14ac:dyDescent="0.15">
      <c r="A40" s="8">
        <v>29</v>
      </c>
      <c r="B40" s="21">
        <v>25</v>
      </c>
      <c r="C40" s="6">
        <v>24</v>
      </c>
      <c r="D40" s="5">
        <v>49</v>
      </c>
    </row>
    <row r="41" spans="1:4" ht="18" customHeight="1" x14ac:dyDescent="0.15">
      <c r="A41" s="8" t="s">
        <v>19</v>
      </c>
      <c r="B41" s="21">
        <v>157</v>
      </c>
      <c r="C41" s="6">
        <v>113</v>
      </c>
      <c r="D41" s="5">
        <v>270</v>
      </c>
    </row>
    <row r="42" spans="1:4" ht="18" customHeight="1" x14ac:dyDescent="0.15">
      <c r="A42" s="8">
        <v>30</v>
      </c>
      <c r="B42" s="21">
        <v>38</v>
      </c>
      <c r="C42" s="6">
        <v>25</v>
      </c>
      <c r="D42" s="5">
        <v>63</v>
      </c>
    </row>
    <row r="43" spans="1:4" ht="18" customHeight="1" x14ac:dyDescent="0.15">
      <c r="A43" s="8">
        <v>31</v>
      </c>
      <c r="B43" s="21">
        <v>31</v>
      </c>
      <c r="C43" s="6">
        <v>21</v>
      </c>
      <c r="D43" s="5">
        <v>52</v>
      </c>
    </row>
    <row r="44" spans="1:4" ht="18" customHeight="1" x14ac:dyDescent="0.15">
      <c r="A44" s="8">
        <v>32</v>
      </c>
      <c r="B44" s="21">
        <v>22</v>
      </c>
      <c r="C44" s="6">
        <v>17</v>
      </c>
      <c r="D44" s="5">
        <v>39</v>
      </c>
    </row>
    <row r="45" spans="1:4" ht="18" customHeight="1" x14ac:dyDescent="0.15">
      <c r="A45" s="8">
        <v>33</v>
      </c>
      <c r="B45" s="21">
        <v>38</v>
      </c>
      <c r="C45" s="6">
        <v>20</v>
      </c>
      <c r="D45" s="5">
        <v>58</v>
      </c>
    </row>
    <row r="46" spans="1:4" ht="18" customHeight="1" x14ac:dyDescent="0.15">
      <c r="A46" s="8">
        <v>34</v>
      </c>
      <c r="B46" s="21">
        <v>19</v>
      </c>
      <c r="C46" s="6">
        <v>29</v>
      </c>
      <c r="D46" s="5">
        <v>48</v>
      </c>
    </row>
    <row r="47" spans="1:4" ht="18" customHeight="1" x14ac:dyDescent="0.15">
      <c r="A47" s="8" t="s">
        <v>18</v>
      </c>
      <c r="B47" s="21">
        <v>148</v>
      </c>
      <c r="C47" s="6">
        <v>112</v>
      </c>
      <c r="D47" s="5">
        <v>260</v>
      </c>
    </row>
    <row r="48" spans="1:4" ht="18" customHeight="1" x14ac:dyDescent="0.15">
      <c r="A48" s="8">
        <v>35</v>
      </c>
      <c r="B48" s="21">
        <v>25</v>
      </c>
      <c r="C48" s="6">
        <v>20</v>
      </c>
      <c r="D48" s="5">
        <v>45</v>
      </c>
    </row>
    <row r="49" spans="1:4" ht="18" customHeight="1" x14ac:dyDescent="0.15">
      <c r="A49" s="8">
        <v>36</v>
      </c>
      <c r="B49" s="21">
        <v>28</v>
      </c>
      <c r="C49" s="6">
        <v>21</v>
      </c>
      <c r="D49" s="5">
        <v>49</v>
      </c>
    </row>
    <row r="50" spans="1:4" ht="18" customHeight="1" x14ac:dyDescent="0.15">
      <c r="A50" s="8">
        <v>37</v>
      </c>
      <c r="B50" s="21">
        <v>21</v>
      </c>
      <c r="C50" s="6">
        <v>27</v>
      </c>
      <c r="D50" s="5">
        <v>48</v>
      </c>
    </row>
    <row r="51" spans="1:4" ht="18" customHeight="1" x14ac:dyDescent="0.15">
      <c r="A51" s="8">
        <v>38</v>
      </c>
      <c r="B51" s="21">
        <v>24</v>
      </c>
      <c r="C51" s="6">
        <v>22</v>
      </c>
      <c r="D51" s="5">
        <v>46</v>
      </c>
    </row>
    <row r="52" spans="1:4" ht="18" customHeight="1" x14ac:dyDescent="0.15">
      <c r="A52" s="8">
        <v>39</v>
      </c>
      <c r="B52" s="21">
        <v>37</v>
      </c>
      <c r="C52" s="6">
        <v>38</v>
      </c>
      <c r="D52" s="5">
        <v>75</v>
      </c>
    </row>
    <row r="53" spans="1:4" ht="18" customHeight="1" x14ac:dyDescent="0.15">
      <c r="A53" s="8" t="s">
        <v>17</v>
      </c>
      <c r="B53" s="21">
        <v>135</v>
      </c>
      <c r="C53" s="6">
        <v>128</v>
      </c>
      <c r="D53" s="5">
        <v>263</v>
      </c>
    </row>
    <row r="54" spans="1:4" ht="18" customHeight="1" x14ac:dyDescent="0.15">
      <c r="A54" s="8">
        <v>40</v>
      </c>
      <c r="B54" s="21">
        <v>35</v>
      </c>
      <c r="C54" s="6">
        <v>32</v>
      </c>
      <c r="D54" s="5">
        <v>67</v>
      </c>
    </row>
    <row r="55" spans="1:4" ht="18" customHeight="1" x14ac:dyDescent="0.15">
      <c r="A55" s="8">
        <v>41</v>
      </c>
      <c r="B55" s="21">
        <v>27</v>
      </c>
      <c r="C55" s="6">
        <v>33</v>
      </c>
      <c r="D55" s="5">
        <v>60</v>
      </c>
    </row>
    <row r="56" spans="1:4" ht="18" customHeight="1" x14ac:dyDescent="0.15">
      <c r="A56" s="8">
        <v>42</v>
      </c>
      <c r="B56" s="21">
        <v>27</v>
      </c>
      <c r="C56" s="6">
        <v>42</v>
      </c>
      <c r="D56" s="5">
        <v>69</v>
      </c>
    </row>
    <row r="57" spans="1:4" ht="18" customHeight="1" x14ac:dyDescent="0.15">
      <c r="A57" s="8">
        <v>43</v>
      </c>
      <c r="B57" s="21">
        <v>39</v>
      </c>
      <c r="C57" s="6">
        <v>27</v>
      </c>
      <c r="D57" s="5">
        <v>66</v>
      </c>
    </row>
    <row r="58" spans="1:4" ht="18" customHeight="1" x14ac:dyDescent="0.15">
      <c r="A58" s="8">
        <v>44</v>
      </c>
      <c r="B58" s="21">
        <v>26</v>
      </c>
      <c r="C58" s="6">
        <v>37</v>
      </c>
      <c r="D58" s="5">
        <v>63</v>
      </c>
    </row>
    <row r="59" spans="1:4" ht="18" customHeight="1" x14ac:dyDescent="0.15">
      <c r="A59" s="8" t="s">
        <v>16</v>
      </c>
      <c r="B59" s="21">
        <v>154</v>
      </c>
      <c r="C59" s="6">
        <v>171</v>
      </c>
      <c r="D59" s="5">
        <v>325</v>
      </c>
    </row>
    <row r="60" spans="1:4" ht="18" customHeight="1" x14ac:dyDescent="0.15">
      <c r="A60" s="8">
        <v>45</v>
      </c>
      <c r="B60" s="21">
        <v>38</v>
      </c>
      <c r="C60" s="6">
        <v>36</v>
      </c>
      <c r="D60" s="5">
        <v>74</v>
      </c>
    </row>
    <row r="61" spans="1:4" ht="18" customHeight="1" x14ac:dyDescent="0.15">
      <c r="A61" s="8">
        <v>46</v>
      </c>
      <c r="B61" s="21">
        <v>38</v>
      </c>
      <c r="C61" s="6">
        <v>37</v>
      </c>
      <c r="D61" s="5">
        <v>75</v>
      </c>
    </row>
    <row r="62" spans="1:4" ht="18" customHeight="1" x14ac:dyDescent="0.15">
      <c r="A62" s="8">
        <v>47</v>
      </c>
      <c r="B62" s="21">
        <v>40</v>
      </c>
      <c r="C62" s="6">
        <v>36</v>
      </c>
      <c r="D62" s="5">
        <v>76</v>
      </c>
    </row>
    <row r="63" spans="1:4" ht="18" customHeight="1" x14ac:dyDescent="0.15">
      <c r="A63" s="8">
        <v>48</v>
      </c>
      <c r="B63" s="21">
        <v>40</v>
      </c>
      <c r="C63" s="6">
        <v>30</v>
      </c>
      <c r="D63" s="5">
        <v>70</v>
      </c>
    </row>
    <row r="64" spans="1:4" ht="18" customHeight="1" x14ac:dyDescent="0.15">
      <c r="A64" s="8">
        <v>49</v>
      </c>
      <c r="B64" s="21">
        <v>47</v>
      </c>
      <c r="C64" s="6">
        <v>30</v>
      </c>
      <c r="D64" s="5">
        <v>77</v>
      </c>
    </row>
    <row r="65" spans="1:4" ht="18" customHeight="1" x14ac:dyDescent="0.15">
      <c r="A65" s="8" t="s">
        <v>15</v>
      </c>
      <c r="B65" s="21">
        <v>203</v>
      </c>
      <c r="C65" s="6">
        <v>169</v>
      </c>
      <c r="D65" s="5">
        <v>372</v>
      </c>
    </row>
    <row r="66" spans="1:4" ht="18" customHeight="1" x14ac:dyDescent="0.15">
      <c r="A66" s="8">
        <v>50</v>
      </c>
      <c r="B66" s="21">
        <v>41</v>
      </c>
      <c r="C66" s="6">
        <v>45</v>
      </c>
      <c r="D66" s="5">
        <v>86</v>
      </c>
    </row>
    <row r="67" spans="1:4" ht="18" customHeight="1" x14ac:dyDescent="0.15">
      <c r="A67" s="8">
        <v>51</v>
      </c>
      <c r="B67" s="21">
        <v>37</v>
      </c>
      <c r="C67" s="6">
        <v>39</v>
      </c>
      <c r="D67" s="5">
        <v>76</v>
      </c>
    </row>
    <row r="68" spans="1:4" ht="18" customHeight="1" x14ac:dyDescent="0.15">
      <c r="A68" s="8">
        <v>52</v>
      </c>
      <c r="B68" s="21">
        <v>37</v>
      </c>
      <c r="C68" s="6">
        <v>50</v>
      </c>
      <c r="D68" s="5">
        <v>87</v>
      </c>
    </row>
    <row r="69" spans="1:4" ht="18" customHeight="1" x14ac:dyDescent="0.15">
      <c r="A69" s="8">
        <v>53</v>
      </c>
      <c r="B69" s="21">
        <v>51</v>
      </c>
      <c r="C69" s="6">
        <v>38</v>
      </c>
      <c r="D69" s="5">
        <v>89</v>
      </c>
    </row>
    <row r="70" spans="1:4" ht="18" customHeight="1" x14ac:dyDescent="0.15">
      <c r="A70" s="8">
        <v>54</v>
      </c>
      <c r="B70" s="21">
        <v>46</v>
      </c>
      <c r="C70" s="6">
        <v>28</v>
      </c>
      <c r="D70" s="5">
        <v>74</v>
      </c>
    </row>
    <row r="71" spans="1:4" ht="18" customHeight="1" x14ac:dyDescent="0.15">
      <c r="A71" s="8" t="s">
        <v>14</v>
      </c>
      <c r="B71" s="21">
        <v>212</v>
      </c>
      <c r="C71" s="6">
        <v>200</v>
      </c>
      <c r="D71" s="5">
        <v>412</v>
      </c>
    </row>
    <row r="72" spans="1:4" ht="18" customHeight="1" x14ac:dyDescent="0.15">
      <c r="A72" s="8">
        <v>55</v>
      </c>
      <c r="B72" s="21">
        <v>46</v>
      </c>
      <c r="C72" s="6">
        <v>36</v>
      </c>
      <c r="D72" s="5">
        <v>82</v>
      </c>
    </row>
    <row r="73" spans="1:4" ht="18" customHeight="1" x14ac:dyDescent="0.15">
      <c r="A73" s="8">
        <v>56</v>
      </c>
      <c r="B73" s="21">
        <v>34</v>
      </c>
      <c r="C73" s="6">
        <v>44</v>
      </c>
      <c r="D73" s="5">
        <v>78</v>
      </c>
    </row>
    <row r="74" spans="1:4" ht="18" customHeight="1" x14ac:dyDescent="0.15">
      <c r="A74" s="8">
        <v>57</v>
      </c>
      <c r="B74" s="21">
        <v>42</v>
      </c>
      <c r="C74" s="6">
        <v>34</v>
      </c>
      <c r="D74" s="5">
        <v>76</v>
      </c>
    </row>
    <row r="75" spans="1:4" ht="18" customHeight="1" x14ac:dyDescent="0.15">
      <c r="A75" s="8">
        <v>58</v>
      </c>
      <c r="B75" s="21">
        <v>27</v>
      </c>
      <c r="C75" s="6">
        <v>35</v>
      </c>
      <c r="D75" s="5">
        <v>62</v>
      </c>
    </row>
    <row r="76" spans="1:4" ht="18" customHeight="1" x14ac:dyDescent="0.15">
      <c r="A76" s="8">
        <v>59</v>
      </c>
      <c r="B76" s="21">
        <v>24</v>
      </c>
      <c r="C76" s="6">
        <v>21</v>
      </c>
      <c r="D76" s="5">
        <v>45</v>
      </c>
    </row>
    <row r="77" spans="1:4" ht="18" customHeight="1" x14ac:dyDescent="0.15">
      <c r="A77" s="8" t="s">
        <v>13</v>
      </c>
      <c r="B77" s="21">
        <v>173</v>
      </c>
      <c r="C77" s="6">
        <v>170</v>
      </c>
      <c r="D77" s="5">
        <v>343</v>
      </c>
    </row>
    <row r="78" spans="1:4" ht="18" customHeight="1" x14ac:dyDescent="0.15">
      <c r="A78" s="8">
        <v>60</v>
      </c>
      <c r="B78" s="21">
        <v>35</v>
      </c>
      <c r="C78" s="6">
        <v>41</v>
      </c>
      <c r="D78" s="5">
        <v>76</v>
      </c>
    </row>
    <row r="79" spans="1:4" ht="18" customHeight="1" x14ac:dyDescent="0.15">
      <c r="A79" s="8">
        <v>61</v>
      </c>
      <c r="B79" s="21">
        <v>40</v>
      </c>
      <c r="C79" s="6">
        <v>22</v>
      </c>
      <c r="D79" s="5">
        <v>62</v>
      </c>
    </row>
    <row r="80" spans="1:4" ht="18" customHeight="1" x14ac:dyDescent="0.15">
      <c r="A80" s="8">
        <v>62</v>
      </c>
      <c r="B80" s="21">
        <v>30</v>
      </c>
      <c r="C80" s="6">
        <v>32</v>
      </c>
      <c r="D80" s="5">
        <v>62</v>
      </c>
    </row>
    <row r="81" spans="1:4" ht="18" customHeight="1" x14ac:dyDescent="0.15">
      <c r="A81" s="8">
        <v>63</v>
      </c>
      <c r="B81" s="21">
        <v>32</v>
      </c>
      <c r="C81" s="6">
        <v>29</v>
      </c>
      <c r="D81" s="5">
        <v>61</v>
      </c>
    </row>
    <row r="82" spans="1:4" ht="18" customHeight="1" x14ac:dyDescent="0.15">
      <c r="A82" s="8">
        <v>64</v>
      </c>
      <c r="B82" s="21">
        <v>27</v>
      </c>
      <c r="C82" s="6">
        <v>31</v>
      </c>
      <c r="D82" s="5">
        <v>58</v>
      </c>
    </row>
    <row r="83" spans="1:4" ht="18" customHeight="1" x14ac:dyDescent="0.15">
      <c r="A83" s="8" t="s">
        <v>12</v>
      </c>
      <c r="B83" s="21">
        <v>164</v>
      </c>
      <c r="C83" s="6">
        <v>155</v>
      </c>
      <c r="D83" s="5">
        <v>319</v>
      </c>
    </row>
    <row r="84" spans="1:4" ht="18" customHeight="1" x14ac:dyDescent="0.15">
      <c r="A84" s="8" t="s">
        <v>11</v>
      </c>
      <c r="B84" s="21">
        <v>1546</v>
      </c>
      <c r="C84" s="6">
        <v>1437</v>
      </c>
      <c r="D84" s="5">
        <v>2983</v>
      </c>
    </row>
    <row r="85" spans="1:4" ht="18" customHeight="1" x14ac:dyDescent="0.15">
      <c r="A85" s="8">
        <v>65</v>
      </c>
      <c r="B85" s="21">
        <v>29</v>
      </c>
      <c r="C85" s="6">
        <v>29</v>
      </c>
      <c r="D85" s="5">
        <v>58</v>
      </c>
    </row>
    <row r="86" spans="1:4" ht="18" customHeight="1" x14ac:dyDescent="0.15">
      <c r="A86" s="8">
        <v>66</v>
      </c>
      <c r="B86" s="21">
        <v>29</v>
      </c>
      <c r="C86" s="6">
        <v>36</v>
      </c>
      <c r="D86" s="5">
        <v>65</v>
      </c>
    </row>
    <row r="87" spans="1:4" ht="18" customHeight="1" x14ac:dyDescent="0.15">
      <c r="A87" s="8">
        <v>67</v>
      </c>
      <c r="B87" s="21">
        <v>28</v>
      </c>
      <c r="C87" s="6">
        <v>36</v>
      </c>
      <c r="D87" s="5">
        <v>64</v>
      </c>
    </row>
    <row r="88" spans="1:4" ht="18" customHeight="1" x14ac:dyDescent="0.15">
      <c r="A88" s="8">
        <v>68</v>
      </c>
      <c r="B88" s="21">
        <v>31</v>
      </c>
      <c r="C88" s="6">
        <v>21</v>
      </c>
      <c r="D88" s="5">
        <v>52</v>
      </c>
    </row>
    <row r="89" spans="1:4" ht="18" customHeight="1" x14ac:dyDescent="0.15">
      <c r="A89" s="8">
        <v>69</v>
      </c>
      <c r="B89" s="21">
        <v>25</v>
      </c>
      <c r="C89" s="6">
        <v>29</v>
      </c>
      <c r="D89" s="5">
        <v>54</v>
      </c>
    </row>
    <row r="90" spans="1:4" ht="18" customHeight="1" x14ac:dyDescent="0.15">
      <c r="A90" s="8" t="s">
        <v>10</v>
      </c>
      <c r="B90" s="21">
        <v>142</v>
      </c>
      <c r="C90" s="6">
        <v>151</v>
      </c>
      <c r="D90" s="5">
        <v>293</v>
      </c>
    </row>
    <row r="91" spans="1:4" ht="18" customHeight="1" x14ac:dyDescent="0.15">
      <c r="A91" s="8">
        <v>70</v>
      </c>
      <c r="B91" s="21">
        <v>27</v>
      </c>
      <c r="C91" s="6">
        <v>28</v>
      </c>
      <c r="D91" s="5">
        <v>55</v>
      </c>
    </row>
    <row r="92" spans="1:4" ht="18" customHeight="1" x14ac:dyDescent="0.15">
      <c r="A92" s="8">
        <v>71</v>
      </c>
      <c r="B92" s="21">
        <v>22</v>
      </c>
      <c r="C92" s="6">
        <v>21</v>
      </c>
      <c r="D92" s="5">
        <v>43</v>
      </c>
    </row>
    <row r="93" spans="1:4" ht="18" customHeight="1" x14ac:dyDescent="0.15">
      <c r="A93" s="8">
        <v>72</v>
      </c>
      <c r="B93" s="21">
        <v>23</v>
      </c>
      <c r="C93" s="6">
        <v>33</v>
      </c>
      <c r="D93" s="5">
        <v>56</v>
      </c>
    </row>
    <row r="94" spans="1:4" ht="18" customHeight="1" x14ac:dyDescent="0.15">
      <c r="A94" s="8">
        <v>73</v>
      </c>
      <c r="B94" s="21">
        <v>18</v>
      </c>
      <c r="C94" s="6">
        <v>34</v>
      </c>
      <c r="D94" s="5">
        <v>52</v>
      </c>
    </row>
    <row r="95" spans="1:4" ht="18" customHeight="1" x14ac:dyDescent="0.15">
      <c r="A95" s="8">
        <v>74</v>
      </c>
      <c r="B95" s="21">
        <v>21</v>
      </c>
      <c r="C95" s="6">
        <v>25</v>
      </c>
      <c r="D95" s="5">
        <v>46</v>
      </c>
    </row>
    <row r="96" spans="1:4" ht="18" customHeight="1" x14ac:dyDescent="0.15">
      <c r="A96" s="8" t="s">
        <v>9</v>
      </c>
      <c r="B96" s="21">
        <v>111</v>
      </c>
      <c r="C96" s="6">
        <v>141</v>
      </c>
      <c r="D96" s="5">
        <v>252</v>
      </c>
    </row>
    <row r="97" spans="1:4" ht="18" customHeight="1" x14ac:dyDescent="0.15">
      <c r="A97" s="8">
        <v>75</v>
      </c>
      <c r="B97" s="21">
        <v>31</v>
      </c>
      <c r="C97" s="6">
        <v>31</v>
      </c>
      <c r="D97" s="5">
        <v>62</v>
      </c>
    </row>
    <row r="98" spans="1:4" ht="18" customHeight="1" x14ac:dyDescent="0.15">
      <c r="A98" s="8">
        <v>76</v>
      </c>
      <c r="B98" s="21">
        <v>30</v>
      </c>
      <c r="C98" s="6">
        <v>27</v>
      </c>
      <c r="D98" s="5">
        <v>57</v>
      </c>
    </row>
    <row r="99" spans="1:4" ht="18" customHeight="1" x14ac:dyDescent="0.15">
      <c r="A99" s="8">
        <v>77</v>
      </c>
      <c r="B99" s="21">
        <v>29</v>
      </c>
      <c r="C99" s="6">
        <v>39</v>
      </c>
      <c r="D99" s="5">
        <v>68</v>
      </c>
    </row>
    <row r="100" spans="1:4" ht="18" customHeight="1" x14ac:dyDescent="0.15">
      <c r="A100" s="8">
        <v>78</v>
      </c>
      <c r="B100" s="21">
        <v>28</v>
      </c>
      <c r="C100" s="6">
        <v>37</v>
      </c>
      <c r="D100" s="5">
        <v>65</v>
      </c>
    </row>
    <row r="101" spans="1:4" ht="18" customHeight="1" x14ac:dyDescent="0.15">
      <c r="A101" s="8">
        <v>79</v>
      </c>
      <c r="B101" s="21">
        <v>15</v>
      </c>
      <c r="C101" s="6">
        <v>15</v>
      </c>
      <c r="D101" s="5">
        <v>30</v>
      </c>
    </row>
    <row r="102" spans="1:4" ht="18" customHeight="1" x14ac:dyDescent="0.15">
      <c r="A102" s="8" t="s">
        <v>8</v>
      </c>
      <c r="B102" s="21">
        <v>133</v>
      </c>
      <c r="C102" s="6">
        <v>149</v>
      </c>
      <c r="D102" s="5">
        <v>282</v>
      </c>
    </row>
    <row r="103" spans="1:4" ht="18" customHeight="1" x14ac:dyDescent="0.15">
      <c r="A103" s="8">
        <v>80</v>
      </c>
      <c r="B103" s="21">
        <v>12</v>
      </c>
      <c r="C103" s="6">
        <v>27</v>
      </c>
      <c r="D103" s="5">
        <v>39</v>
      </c>
    </row>
    <row r="104" spans="1:4" ht="18" customHeight="1" x14ac:dyDescent="0.15">
      <c r="A104" s="8">
        <v>81</v>
      </c>
      <c r="B104" s="21">
        <v>15</v>
      </c>
      <c r="C104" s="6">
        <v>25</v>
      </c>
      <c r="D104" s="5">
        <v>40</v>
      </c>
    </row>
    <row r="105" spans="1:4" ht="18" customHeight="1" x14ac:dyDescent="0.15">
      <c r="A105" s="8">
        <v>82</v>
      </c>
      <c r="B105" s="21">
        <v>29</v>
      </c>
      <c r="C105" s="6">
        <v>26</v>
      </c>
      <c r="D105" s="5">
        <v>55</v>
      </c>
    </row>
    <row r="106" spans="1:4" ht="18" customHeight="1" x14ac:dyDescent="0.15">
      <c r="A106" s="8">
        <v>83</v>
      </c>
      <c r="B106" s="21">
        <v>19</v>
      </c>
      <c r="C106" s="6">
        <v>20</v>
      </c>
      <c r="D106" s="5">
        <v>39</v>
      </c>
    </row>
    <row r="107" spans="1:4" ht="18" customHeight="1" x14ac:dyDescent="0.15">
      <c r="A107" s="8">
        <v>84</v>
      </c>
      <c r="B107" s="21">
        <v>12</v>
      </c>
      <c r="C107" s="6">
        <v>19</v>
      </c>
      <c r="D107" s="5">
        <v>31</v>
      </c>
    </row>
    <row r="108" spans="1:4" ht="18" customHeight="1" x14ac:dyDescent="0.15">
      <c r="A108" s="8" t="s">
        <v>7</v>
      </c>
      <c r="B108" s="21">
        <v>87</v>
      </c>
      <c r="C108" s="6">
        <v>117</v>
      </c>
      <c r="D108" s="5">
        <v>204</v>
      </c>
    </row>
    <row r="109" spans="1:4" ht="18" customHeight="1" x14ac:dyDescent="0.15">
      <c r="A109" s="8">
        <v>85</v>
      </c>
      <c r="B109" s="21">
        <v>15</v>
      </c>
      <c r="C109" s="6">
        <v>29</v>
      </c>
      <c r="D109" s="5">
        <v>44</v>
      </c>
    </row>
    <row r="110" spans="1:4" ht="18" customHeight="1" x14ac:dyDescent="0.15">
      <c r="A110" s="8">
        <v>86</v>
      </c>
      <c r="B110" s="21">
        <v>4</v>
      </c>
      <c r="C110" s="6">
        <v>10</v>
      </c>
      <c r="D110" s="5">
        <v>14</v>
      </c>
    </row>
    <row r="111" spans="1:4" ht="18" customHeight="1" x14ac:dyDescent="0.15">
      <c r="A111" s="8">
        <v>87</v>
      </c>
      <c r="B111" s="21">
        <v>7</v>
      </c>
      <c r="C111" s="6">
        <v>17</v>
      </c>
      <c r="D111" s="5">
        <v>24</v>
      </c>
    </row>
    <row r="112" spans="1:4" ht="18" customHeight="1" x14ac:dyDescent="0.15">
      <c r="A112" s="8">
        <v>88</v>
      </c>
      <c r="B112" s="21">
        <v>7</v>
      </c>
      <c r="C112" s="6">
        <v>22</v>
      </c>
      <c r="D112" s="5">
        <v>29</v>
      </c>
    </row>
    <row r="113" spans="1:4" ht="18" customHeight="1" x14ac:dyDescent="0.15">
      <c r="A113" s="8">
        <v>89</v>
      </c>
      <c r="B113" s="21">
        <v>5</v>
      </c>
      <c r="C113" s="6">
        <v>24</v>
      </c>
      <c r="D113" s="5">
        <v>29</v>
      </c>
    </row>
    <row r="114" spans="1:4" ht="18" customHeight="1" x14ac:dyDescent="0.15">
      <c r="A114" s="8" t="s">
        <v>6</v>
      </c>
      <c r="B114" s="21">
        <v>38</v>
      </c>
      <c r="C114" s="6">
        <v>102</v>
      </c>
      <c r="D114" s="5">
        <v>140</v>
      </c>
    </row>
    <row r="115" spans="1:4" ht="18" customHeight="1" x14ac:dyDescent="0.15">
      <c r="A115" s="8">
        <v>90</v>
      </c>
      <c r="B115" s="21">
        <v>8</v>
      </c>
      <c r="C115" s="6">
        <v>15</v>
      </c>
      <c r="D115" s="5">
        <v>23</v>
      </c>
    </row>
    <row r="116" spans="1:4" ht="18" customHeight="1" x14ac:dyDescent="0.15">
      <c r="A116" s="8">
        <v>91</v>
      </c>
      <c r="B116" s="21">
        <v>4</v>
      </c>
      <c r="C116" s="6">
        <v>14</v>
      </c>
      <c r="D116" s="5">
        <v>18</v>
      </c>
    </row>
    <row r="117" spans="1:4" ht="18" customHeight="1" x14ac:dyDescent="0.15">
      <c r="A117" s="8">
        <v>92</v>
      </c>
      <c r="B117" s="21">
        <v>3</v>
      </c>
      <c r="C117" s="6">
        <v>15</v>
      </c>
      <c r="D117" s="5">
        <v>18</v>
      </c>
    </row>
    <row r="118" spans="1:4" ht="18" customHeight="1" x14ac:dyDescent="0.15">
      <c r="A118" s="8">
        <v>93</v>
      </c>
      <c r="B118" s="21">
        <v>6</v>
      </c>
      <c r="C118" s="6">
        <v>11</v>
      </c>
      <c r="D118" s="5">
        <v>17</v>
      </c>
    </row>
    <row r="119" spans="1:4" ht="18" customHeight="1" x14ac:dyDescent="0.15">
      <c r="A119" s="8">
        <v>94</v>
      </c>
      <c r="B119" s="21">
        <v>1</v>
      </c>
      <c r="C119" s="6">
        <v>5</v>
      </c>
      <c r="D119" s="5">
        <v>6</v>
      </c>
    </row>
    <row r="120" spans="1:4" ht="18" customHeight="1" x14ac:dyDescent="0.15">
      <c r="A120" s="8" t="s">
        <v>5</v>
      </c>
      <c r="B120" s="21">
        <v>22</v>
      </c>
      <c r="C120" s="6">
        <v>60</v>
      </c>
      <c r="D120" s="5">
        <v>82</v>
      </c>
    </row>
    <row r="121" spans="1:4" ht="18" customHeight="1" x14ac:dyDescent="0.15">
      <c r="A121" s="8">
        <v>95</v>
      </c>
      <c r="B121" s="21">
        <v>0</v>
      </c>
      <c r="C121" s="6">
        <v>7</v>
      </c>
      <c r="D121" s="5">
        <v>7</v>
      </c>
    </row>
    <row r="122" spans="1:4" ht="18" customHeight="1" x14ac:dyDescent="0.15">
      <c r="A122" s="8">
        <v>96</v>
      </c>
      <c r="B122" s="21">
        <v>1</v>
      </c>
      <c r="C122" s="6">
        <v>8</v>
      </c>
      <c r="D122" s="5">
        <v>9</v>
      </c>
    </row>
    <row r="123" spans="1:4" ht="18" customHeight="1" x14ac:dyDescent="0.15">
      <c r="A123" s="8">
        <v>97</v>
      </c>
      <c r="B123" s="21">
        <v>2</v>
      </c>
      <c r="C123" s="6">
        <v>5</v>
      </c>
      <c r="D123" s="5">
        <v>7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1</v>
      </c>
      <c r="C125" s="6">
        <v>1</v>
      </c>
      <c r="D125" s="5">
        <v>2</v>
      </c>
    </row>
    <row r="126" spans="1:4" ht="18" customHeight="1" x14ac:dyDescent="0.15">
      <c r="A126" s="8" t="s">
        <v>4</v>
      </c>
      <c r="B126" s="21">
        <v>4</v>
      </c>
      <c r="C126" s="6">
        <v>23</v>
      </c>
      <c r="D126" s="5">
        <v>27</v>
      </c>
    </row>
    <row r="127" spans="1:4" ht="18" customHeight="1" x14ac:dyDescent="0.15">
      <c r="A127" s="8">
        <v>100</v>
      </c>
      <c r="B127" s="21">
        <v>0</v>
      </c>
      <c r="C127" s="6">
        <v>4</v>
      </c>
      <c r="D127" s="5">
        <v>4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21">
        <v>537</v>
      </c>
      <c r="C130" s="6">
        <v>749</v>
      </c>
      <c r="D130" s="5">
        <v>1286</v>
      </c>
    </row>
    <row r="131" spans="1:4" ht="18" customHeight="1" x14ac:dyDescent="0.15">
      <c r="A131" s="4" t="s">
        <v>0</v>
      </c>
      <c r="B131" s="20">
        <v>2403</v>
      </c>
      <c r="C131" s="2">
        <v>2491</v>
      </c>
      <c r="D131" s="1">
        <v>489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6BE33C9-FADC-45D5-863F-FFA54326B55F}">
  <sheetPr codeName="Sheet4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6</v>
      </c>
      <c r="C5" s="11">
        <v>13</v>
      </c>
      <c r="D5" s="10">
        <v>29</v>
      </c>
    </row>
    <row r="6" spans="1:4" ht="18" customHeight="1" x14ac:dyDescent="0.15">
      <c r="A6" s="8">
        <v>1</v>
      </c>
      <c r="B6" s="21">
        <v>21</v>
      </c>
      <c r="C6" s="6">
        <v>9</v>
      </c>
      <c r="D6" s="5">
        <v>30</v>
      </c>
    </row>
    <row r="7" spans="1:4" ht="18" customHeight="1" x14ac:dyDescent="0.15">
      <c r="A7" s="8">
        <v>2</v>
      </c>
      <c r="B7" s="21">
        <v>14</v>
      </c>
      <c r="C7" s="6">
        <v>16</v>
      </c>
      <c r="D7" s="5">
        <v>30</v>
      </c>
    </row>
    <row r="8" spans="1:4" ht="18" customHeight="1" x14ac:dyDescent="0.15">
      <c r="A8" s="8">
        <v>3</v>
      </c>
      <c r="B8" s="21">
        <v>10</v>
      </c>
      <c r="C8" s="6">
        <v>15</v>
      </c>
      <c r="D8" s="5">
        <v>25</v>
      </c>
    </row>
    <row r="9" spans="1:4" ht="18" customHeight="1" x14ac:dyDescent="0.15">
      <c r="A9" s="8">
        <v>4</v>
      </c>
      <c r="B9" s="21">
        <v>8</v>
      </c>
      <c r="C9" s="6">
        <v>13</v>
      </c>
      <c r="D9" s="5">
        <v>21</v>
      </c>
    </row>
    <row r="10" spans="1:4" ht="18" customHeight="1" x14ac:dyDescent="0.15">
      <c r="A10" s="8" t="s">
        <v>25</v>
      </c>
      <c r="B10" s="21">
        <v>69</v>
      </c>
      <c r="C10" s="6">
        <v>66</v>
      </c>
      <c r="D10" s="5">
        <v>135</v>
      </c>
    </row>
    <row r="11" spans="1:4" ht="18" customHeight="1" x14ac:dyDescent="0.15">
      <c r="A11" s="8">
        <v>5</v>
      </c>
      <c r="B11" s="21">
        <v>15</v>
      </c>
      <c r="C11" s="6">
        <v>18</v>
      </c>
      <c r="D11" s="5">
        <v>33</v>
      </c>
    </row>
    <row r="12" spans="1:4" ht="18" customHeight="1" x14ac:dyDescent="0.15">
      <c r="A12" s="8">
        <v>6</v>
      </c>
      <c r="B12" s="21">
        <v>16</v>
      </c>
      <c r="C12" s="6">
        <v>17</v>
      </c>
      <c r="D12" s="5">
        <v>33</v>
      </c>
    </row>
    <row r="13" spans="1:4" ht="18" customHeight="1" x14ac:dyDescent="0.15">
      <c r="A13" s="8">
        <v>7</v>
      </c>
      <c r="B13" s="21">
        <v>17</v>
      </c>
      <c r="C13" s="6">
        <v>16</v>
      </c>
      <c r="D13" s="5">
        <v>33</v>
      </c>
    </row>
    <row r="14" spans="1:4" ht="18" customHeight="1" x14ac:dyDescent="0.15">
      <c r="A14" s="8">
        <v>8</v>
      </c>
      <c r="B14" s="21">
        <v>9</v>
      </c>
      <c r="C14" s="6">
        <v>18</v>
      </c>
      <c r="D14" s="5">
        <v>27</v>
      </c>
    </row>
    <row r="15" spans="1:4" ht="18" customHeight="1" x14ac:dyDescent="0.15">
      <c r="A15" s="8">
        <v>9</v>
      </c>
      <c r="B15" s="21">
        <v>21</v>
      </c>
      <c r="C15" s="6">
        <v>8</v>
      </c>
      <c r="D15" s="5">
        <v>29</v>
      </c>
    </row>
    <row r="16" spans="1:4" ht="18" customHeight="1" x14ac:dyDescent="0.15">
      <c r="A16" s="8" t="s">
        <v>24</v>
      </c>
      <c r="B16" s="21">
        <v>78</v>
      </c>
      <c r="C16" s="6">
        <v>77</v>
      </c>
      <c r="D16" s="5">
        <v>155</v>
      </c>
    </row>
    <row r="17" spans="1:4" ht="18" customHeight="1" x14ac:dyDescent="0.15">
      <c r="A17" s="8">
        <v>10</v>
      </c>
      <c r="B17" s="21">
        <v>13</v>
      </c>
      <c r="C17" s="6">
        <v>20</v>
      </c>
      <c r="D17" s="5">
        <v>33</v>
      </c>
    </row>
    <row r="18" spans="1:4" ht="18" customHeight="1" x14ac:dyDescent="0.15">
      <c r="A18" s="8">
        <v>11</v>
      </c>
      <c r="B18" s="21">
        <v>24</v>
      </c>
      <c r="C18" s="6">
        <v>23</v>
      </c>
      <c r="D18" s="5">
        <v>47</v>
      </c>
    </row>
    <row r="19" spans="1:4" ht="18" customHeight="1" x14ac:dyDescent="0.15">
      <c r="A19" s="8">
        <v>12</v>
      </c>
      <c r="B19" s="21">
        <v>22</v>
      </c>
      <c r="C19" s="6">
        <v>11</v>
      </c>
      <c r="D19" s="5">
        <v>33</v>
      </c>
    </row>
    <row r="20" spans="1:4" ht="18" customHeight="1" x14ac:dyDescent="0.15">
      <c r="A20" s="8">
        <v>13</v>
      </c>
      <c r="B20" s="21">
        <v>27</v>
      </c>
      <c r="C20" s="6">
        <v>29</v>
      </c>
      <c r="D20" s="5">
        <v>56</v>
      </c>
    </row>
    <row r="21" spans="1:4" ht="18" customHeight="1" x14ac:dyDescent="0.15">
      <c r="A21" s="8">
        <v>14</v>
      </c>
      <c r="B21" s="21">
        <v>27</v>
      </c>
      <c r="C21" s="6">
        <v>21</v>
      </c>
      <c r="D21" s="5">
        <v>48</v>
      </c>
    </row>
    <row r="22" spans="1:4" ht="18" customHeight="1" x14ac:dyDescent="0.15">
      <c r="A22" s="8" t="s">
        <v>23</v>
      </c>
      <c r="B22" s="21">
        <v>113</v>
      </c>
      <c r="C22" s="6">
        <v>104</v>
      </c>
      <c r="D22" s="5">
        <v>217</v>
      </c>
    </row>
    <row r="23" spans="1:4" ht="18" customHeight="1" x14ac:dyDescent="0.15">
      <c r="A23" s="8" t="s">
        <v>22</v>
      </c>
      <c r="B23" s="21">
        <v>260</v>
      </c>
      <c r="C23" s="6">
        <v>247</v>
      </c>
      <c r="D23" s="5">
        <v>507</v>
      </c>
    </row>
    <row r="24" spans="1:4" ht="18" customHeight="1" x14ac:dyDescent="0.15">
      <c r="A24" s="8">
        <v>15</v>
      </c>
      <c r="B24" s="21">
        <v>31</v>
      </c>
      <c r="C24" s="6">
        <v>22</v>
      </c>
      <c r="D24" s="5">
        <v>53</v>
      </c>
    </row>
    <row r="25" spans="1:4" ht="18" customHeight="1" x14ac:dyDescent="0.15">
      <c r="A25" s="8">
        <v>16</v>
      </c>
      <c r="B25" s="21">
        <v>22</v>
      </c>
      <c r="C25" s="6">
        <v>21</v>
      </c>
      <c r="D25" s="5">
        <v>43</v>
      </c>
    </row>
    <row r="26" spans="1:4" ht="18" customHeight="1" x14ac:dyDescent="0.15">
      <c r="A26" s="8">
        <v>17</v>
      </c>
      <c r="B26" s="21">
        <v>23</v>
      </c>
      <c r="C26" s="6">
        <v>26</v>
      </c>
      <c r="D26" s="5">
        <v>49</v>
      </c>
    </row>
    <row r="27" spans="1:4" ht="18" customHeight="1" x14ac:dyDescent="0.15">
      <c r="A27" s="8">
        <v>18</v>
      </c>
      <c r="B27" s="21">
        <v>23</v>
      </c>
      <c r="C27" s="6">
        <v>28</v>
      </c>
      <c r="D27" s="5">
        <v>51</v>
      </c>
    </row>
    <row r="28" spans="1:4" ht="18" customHeight="1" x14ac:dyDescent="0.15">
      <c r="A28" s="8">
        <v>19</v>
      </c>
      <c r="B28" s="21">
        <v>20</v>
      </c>
      <c r="C28" s="6">
        <v>17</v>
      </c>
      <c r="D28" s="5">
        <v>37</v>
      </c>
    </row>
    <row r="29" spans="1:4" ht="18" customHeight="1" x14ac:dyDescent="0.15">
      <c r="A29" s="8" t="s">
        <v>21</v>
      </c>
      <c r="B29" s="21">
        <v>119</v>
      </c>
      <c r="C29" s="6">
        <v>114</v>
      </c>
      <c r="D29" s="5">
        <v>233</v>
      </c>
    </row>
    <row r="30" spans="1:4" ht="18" customHeight="1" x14ac:dyDescent="0.15">
      <c r="A30" s="8">
        <v>20</v>
      </c>
      <c r="B30" s="21">
        <v>19</v>
      </c>
      <c r="C30" s="6">
        <v>15</v>
      </c>
      <c r="D30" s="5">
        <v>34</v>
      </c>
    </row>
    <row r="31" spans="1:4" ht="18" customHeight="1" x14ac:dyDescent="0.15">
      <c r="A31" s="8">
        <v>21</v>
      </c>
      <c r="B31" s="21">
        <v>34</v>
      </c>
      <c r="C31" s="6">
        <v>32</v>
      </c>
      <c r="D31" s="5">
        <v>66</v>
      </c>
    </row>
    <row r="32" spans="1:4" ht="18" customHeight="1" x14ac:dyDescent="0.15">
      <c r="A32" s="8">
        <v>22</v>
      </c>
      <c r="B32" s="21">
        <v>23</v>
      </c>
      <c r="C32" s="6">
        <v>21</v>
      </c>
      <c r="D32" s="5">
        <v>44</v>
      </c>
    </row>
    <row r="33" spans="1:4" ht="18" customHeight="1" x14ac:dyDescent="0.15">
      <c r="A33" s="8">
        <v>23</v>
      </c>
      <c r="B33" s="21">
        <v>20</v>
      </c>
      <c r="C33" s="6">
        <v>18</v>
      </c>
      <c r="D33" s="5">
        <v>38</v>
      </c>
    </row>
    <row r="34" spans="1:4" ht="18" customHeight="1" x14ac:dyDescent="0.15">
      <c r="A34" s="8">
        <v>24</v>
      </c>
      <c r="B34" s="21">
        <v>23</v>
      </c>
      <c r="C34" s="6">
        <v>25</v>
      </c>
      <c r="D34" s="5">
        <v>48</v>
      </c>
    </row>
    <row r="35" spans="1:4" ht="18" customHeight="1" x14ac:dyDescent="0.15">
      <c r="A35" s="8" t="s">
        <v>20</v>
      </c>
      <c r="B35" s="21">
        <v>119</v>
      </c>
      <c r="C35" s="6">
        <v>111</v>
      </c>
      <c r="D35" s="5">
        <v>230</v>
      </c>
    </row>
    <row r="36" spans="1:4" ht="18" customHeight="1" x14ac:dyDescent="0.15">
      <c r="A36" s="8">
        <v>25</v>
      </c>
      <c r="B36" s="21">
        <v>21</v>
      </c>
      <c r="C36" s="6">
        <v>26</v>
      </c>
      <c r="D36" s="5">
        <v>47</v>
      </c>
    </row>
    <row r="37" spans="1:4" ht="18" customHeight="1" x14ac:dyDescent="0.15">
      <c r="A37" s="8">
        <v>26</v>
      </c>
      <c r="B37" s="21">
        <v>27</v>
      </c>
      <c r="C37" s="6">
        <v>32</v>
      </c>
      <c r="D37" s="5">
        <v>59</v>
      </c>
    </row>
    <row r="38" spans="1:4" ht="18" customHeight="1" x14ac:dyDescent="0.15">
      <c r="A38" s="8">
        <v>27</v>
      </c>
      <c r="B38" s="21">
        <v>31</v>
      </c>
      <c r="C38" s="6">
        <v>24</v>
      </c>
      <c r="D38" s="5">
        <v>55</v>
      </c>
    </row>
    <row r="39" spans="1:4" ht="18" customHeight="1" x14ac:dyDescent="0.15">
      <c r="A39" s="8">
        <v>28</v>
      </c>
      <c r="B39" s="21">
        <v>35</v>
      </c>
      <c r="C39" s="6">
        <v>34</v>
      </c>
      <c r="D39" s="5">
        <v>69</v>
      </c>
    </row>
    <row r="40" spans="1:4" ht="18" customHeight="1" x14ac:dyDescent="0.15">
      <c r="A40" s="8">
        <v>29</v>
      </c>
      <c r="B40" s="21">
        <v>23</v>
      </c>
      <c r="C40" s="6">
        <v>25</v>
      </c>
      <c r="D40" s="5">
        <v>48</v>
      </c>
    </row>
    <row r="41" spans="1:4" ht="18" customHeight="1" x14ac:dyDescent="0.15">
      <c r="A41" s="8" t="s">
        <v>19</v>
      </c>
      <c r="B41" s="21">
        <v>137</v>
      </c>
      <c r="C41" s="6">
        <v>141</v>
      </c>
      <c r="D41" s="5">
        <v>278</v>
      </c>
    </row>
    <row r="42" spans="1:4" ht="18" customHeight="1" x14ac:dyDescent="0.15">
      <c r="A42" s="8">
        <v>30</v>
      </c>
      <c r="B42" s="21">
        <v>30</v>
      </c>
      <c r="C42" s="6">
        <v>15</v>
      </c>
      <c r="D42" s="5">
        <v>45</v>
      </c>
    </row>
    <row r="43" spans="1:4" ht="18" customHeight="1" x14ac:dyDescent="0.15">
      <c r="A43" s="8">
        <v>31</v>
      </c>
      <c r="B43" s="21">
        <v>32</v>
      </c>
      <c r="C43" s="6">
        <v>16</v>
      </c>
      <c r="D43" s="5">
        <v>48</v>
      </c>
    </row>
    <row r="44" spans="1:4" ht="18" customHeight="1" x14ac:dyDescent="0.15">
      <c r="A44" s="8">
        <v>32</v>
      </c>
      <c r="B44" s="21">
        <v>22</v>
      </c>
      <c r="C44" s="6">
        <v>22</v>
      </c>
      <c r="D44" s="5">
        <v>44</v>
      </c>
    </row>
    <row r="45" spans="1:4" ht="18" customHeight="1" x14ac:dyDescent="0.15">
      <c r="A45" s="8">
        <v>33</v>
      </c>
      <c r="B45" s="21">
        <v>34</v>
      </c>
      <c r="C45" s="6">
        <v>15</v>
      </c>
      <c r="D45" s="5">
        <v>49</v>
      </c>
    </row>
    <row r="46" spans="1:4" ht="18" customHeight="1" x14ac:dyDescent="0.15">
      <c r="A46" s="8">
        <v>34</v>
      </c>
      <c r="B46" s="21">
        <v>24</v>
      </c>
      <c r="C46" s="6">
        <v>22</v>
      </c>
      <c r="D46" s="5">
        <v>46</v>
      </c>
    </row>
    <row r="47" spans="1:4" ht="18" customHeight="1" x14ac:dyDescent="0.15">
      <c r="A47" s="8" t="s">
        <v>18</v>
      </c>
      <c r="B47" s="21">
        <v>142</v>
      </c>
      <c r="C47" s="6">
        <v>90</v>
      </c>
      <c r="D47" s="5">
        <v>232</v>
      </c>
    </row>
    <row r="48" spans="1:4" ht="18" customHeight="1" x14ac:dyDescent="0.15">
      <c r="A48" s="8">
        <v>35</v>
      </c>
      <c r="B48" s="21">
        <v>18</v>
      </c>
      <c r="C48" s="6">
        <v>22</v>
      </c>
      <c r="D48" s="5">
        <v>40</v>
      </c>
    </row>
    <row r="49" spans="1:4" ht="18" customHeight="1" x14ac:dyDescent="0.15">
      <c r="A49" s="8">
        <v>36</v>
      </c>
      <c r="B49" s="21">
        <v>22</v>
      </c>
      <c r="C49" s="6">
        <v>23</v>
      </c>
      <c r="D49" s="5">
        <v>45</v>
      </c>
    </row>
    <row r="50" spans="1:4" ht="18" customHeight="1" x14ac:dyDescent="0.15">
      <c r="A50" s="8">
        <v>37</v>
      </c>
      <c r="B50" s="21">
        <v>24</v>
      </c>
      <c r="C50" s="6">
        <v>28</v>
      </c>
      <c r="D50" s="5">
        <v>52</v>
      </c>
    </row>
    <row r="51" spans="1:4" ht="18" customHeight="1" x14ac:dyDescent="0.15">
      <c r="A51" s="8">
        <v>38</v>
      </c>
      <c r="B51" s="21">
        <v>24</v>
      </c>
      <c r="C51" s="6">
        <v>19</v>
      </c>
      <c r="D51" s="5">
        <v>43</v>
      </c>
    </row>
    <row r="52" spans="1:4" ht="18" customHeight="1" x14ac:dyDescent="0.15">
      <c r="A52" s="8">
        <v>39</v>
      </c>
      <c r="B52" s="21">
        <v>30</v>
      </c>
      <c r="C52" s="6">
        <v>29</v>
      </c>
      <c r="D52" s="5">
        <v>59</v>
      </c>
    </row>
    <row r="53" spans="1:4" ht="18" customHeight="1" x14ac:dyDescent="0.15">
      <c r="A53" s="8" t="s">
        <v>17</v>
      </c>
      <c r="B53" s="21">
        <v>118</v>
      </c>
      <c r="C53" s="6">
        <v>121</v>
      </c>
      <c r="D53" s="5">
        <v>239</v>
      </c>
    </row>
    <row r="54" spans="1:4" ht="18" customHeight="1" x14ac:dyDescent="0.15">
      <c r="A54" s="8">
        <v>40</v>
      </c>
      <c r="B54" s="21">
        <v>34</v>
      </c>
      <c r="C54" s="6">
        <v>28</v>
      </c>
      <c r="D54" s="5">
        <v>62</v>
      </c>
    </row>
    <row r="55" spans="1:4" ht="18" customHeight="1" x14ac:dyDescent="0.15">
      <c r="A55" s="8">
        <v>41</v>
      </c>
      <c r="B55" s="21">
        <v>30</v>
      </c>
      <c r="C55" s="6">
        <v>34</v>
      </c>
      <c r="D55" s="5">
        <v>64</v>
      </c>
    </row>
    <row r="56" spans="1:4" ht="18" customHeight="1" x14ac:dyDescent="0.15">
      <c r="A56" s="8">
        <v>42</v>
      </c>
      <c r="B56" s="21">
        <v>37</v>
      </c>
      <c r="C56" s="6">
        <v>28</v>
      </c>
      <c r="D56" s="5">
        <v>65</v>
      </c>
    </row>
    <row r="57" spans="1:4" ht="18" customHeight="1" x14ac:dyDescent="0.15">
      <c r="A57" s="8">
        <v>43</v>
      </c>
      <c r="B57" s="21">
        <v>34</v>
      </c>
      <c r="C57" s="6">
        <v>28</v>
      </c>
      <c r="D57" s="5">
        <v>62</v>
      </c>
    </row>
    <row r="58" spans="1:4" ht="18" customHeight="1" x14ac:dyDescent="0.15">
      <c r="A58" s="8">
        <v>44</v>
      </c>
      <c r="B58" s="21">
        <v>44</v>
      </c>
      <c r="C58" s="6">
        <v>28</v>
      </c>
      <c r="D58" s="5">
        <v>72</v>
      </c>
    </row>
    <row r="59" spans="1:4" ht="18" customHeight="1" x14ac:dyDescent="0.15">
      <c r="A59" s="8" t="s">
        <v>16</v>
      </c>
      <c r="B59" s="21">
        <v>179</v>
      </c>
      <c r="C59" s="6">
        <v>146</v>
      </c>
      <c r="D59" s="5">
        <v>325</v>
      </c>
    </row>
    <row r="60" spans="1:4" ht="18" customHeight="1" x14ac:dyDescent="0.15">
      <c r="A60" s="8">
        <v>45</v>
      </c>
      <c r="B60" s="21">
        <v>26</v>
      </c>
      <c r="C60" s="6">
        <v>26</v>
      </c>
      <c r="D60" s="5">
        <v>52</v>
      </c>
    </row>
    <row r="61" spans="1:4" ht="18" customHeight="1" x14ac:dyDescent="0.15">
      <c r="A61" s="8">
        <v>46</v>
      </c>
      <c r="B61" s="21">
        <v>43</v>
      </c>
      <c r="C61" s="6">
        <v>24</v>
      </c>
      <c r="D61" s="5">
        <v>67</v>
      </c>
    </row>
    <row r="62" spans="1:4" ht="18" customHeight="1" x14ac:dyDescent="0.15">
      <c r="A62" s="8">
        <v>47</v>
      </c>
      <c r="B62" s="21">
        <v>23</v>
      </c>
      <c r="C62" s="6">
        <v>46</v>
      </c>
      <c r="D62" s="5">
        <v>69</v>
      </c>
    </row>
    <row r="63" spans="1:4" ht="18" customHeight="1" x14ac:dyDescent="0.15">
      <c r="A63" s="8">
        <v>48</v>
      </c>
      <c r="B63" s="21">
        <v>37</v>
      </c>
      <c r="C63" s="6">
        <v>27</v>
      </c>
      <c r="D63" s="5">
        <v>64</v>
      </c>
    </row>
    <row r="64" spans="1:4" ht="18" customHeight="1" x14ac:dyDescent="0.15">
      <c r="A64" s="8">
        <v>49</v>
      </c>
      <c r="B64" s="21">
        <v>48</v>
      </c>
      <c r="C64" s="6">
        <v>31</v>
      </c>
      <c r="D64" s="5">
        <v>79</v>
      </c>
    </row>
    <row r="65" spans="1:4" ht="18" customHeight="1" x14ac:dyDescent="0.15">
      <c r="A65" s="8" t="s">
        <v>15</v>
      </c>
      <c r="B65" s="21">
        <v>177</v>
      </c>
      <c r="C65" s="6">
        <v>154</v>
      </c>
      <c r="D65" s="5">
        <v>331</v>
      </c>
    </row>
    <row r="66" spans="1:4" ht="18" customHeight="1" x14ac:dyDescent="0.15">
      <c r="A66" s="8">
        <v>50</v>
      </c>
      <c r="B66" s="21">
        <v>43</v>
      </c>
      <c r="C66" s="6">
        <v>35</v>
      </c>
      <c r="D66" s="5">
        <v>78</v>
      </c>
    </row>
    <row r="67" spans="1:4" ht="18" customHeight="1" x14ac:dyDescent="0.15">
      <c r="A67" s="8">
        <v>51</v>
      </c>
      <c r="B67" s="21">
        <v>40</v>
      </c>
      <c r="C67" s="6">
        <v>50</v>
      </c>
      <c r="D67" s="5">
        <v>90</v>
      </c>
    </row>
    <row r="68" spans="1:4" ht="18" customHeight="1" x14ac:dyDescent="0.15">
      <c r="A68" s="8">
        <v>52</v>
      </c>
      <c r="B68" s="21">
        <v>44</v>
      </c>
      <c r="C68" s="6">
        <v>42</v>
      </c>
      <c r="D68" s="5">
        <v>86</v>
      </c>
    </row>
    <row r="69" spans="1:4" ht="18" customHeight="1" x14ac:dyDescent="0.15">
      <c r="A69" s="8">
        <v>53</v>
      </c>
      <c r="B69" s="21">
        <v>56</v>
      </c>
      <c r="C69" s="6">
        <v>35</v>
      </c>
      <c r="D69" s="5">
        <v>91</v>
      </c>
    </row>
    <row r="70" spans="1:4" ht="18" customHeight="1" x14ac:dyDescent="0.15">
      <c r="A70" s="8">
        <v>54</v>
      </c>
      <c r="B70" s="21">
        <v>45</v>
      </c>
      <c r="C70" s="6">
        <v>45</v>
      </c>
      <c r="D70" s="5">
        <v>90</v>
      </c>
    </row>
    <row r="71" spans="1:4" ht="18" customHeight="1" x14ac:dyDescent="0.15">
      <c r="A71" s="8" t="s">
        <v>14</v>
      </c>
      <c r="B71" s="21">
        <v>228</v>
      </c>
      <c r="C71" s="6">
        <v>207</v>
      </c>
      <c r="D71" s="5">
        <v>435</v>
      </c>
    </row>
    <row r="72" spans="1:4" ht="18" customHeight="1" x14ac:dyDescent="0.15">
      <c r="A72" s="8">
        <v>55</v>
      </c>
      <c r="B72" s="21">
        <v>46</v>
      </c>
      <c r="C72" s="6">
        <v>35</v>
      </c>
      <c r="D72" s="5">
        <v>81</v>
      </c>
    </row>
    <row r="73" spans="1:4" ht="18" customHeight="1" x14ac:dyDescent="0.15">
      <c r="A73" s="8">
        <v>56</v>
      </c>
      <c r="B73" s="21">
        <v>46</v>
      </c>
      <c r="C73" s="6">
        <v>46</v>
      </c>
      <c r="D73" s="5">
        <v>92</v>
      </c>
    </row>
    <row r="74" spans="1:4" ht="18" customHeight="1" x14ac:dyDescent="0.15">
      <c r="A74" s="8">
        <v>57</v>
      </c>
      <c r="B74" s="21">
        <v>34</v>
      </c>
      <c r="C74" s="6">
        <v>28</v>
      </c>
      <c r="D74" s="5">
        <v>62</v>
      </c>
    </row>
    <row r="75" spans="1:4" ht="18" customHeight="1" x14ac:dyDescent="0.15">
      <c r="A75" s="8">
        <v>58</v>
      </c>
      <c r="B75" s="21">
        <v>28</v>
      </c>
      <c r="C75" s="6">
        <v>32</v>
      </c>
      <c r="D75" s="5">
        <v>60</v>
      </c>
    </row>
    <row r="76" spans="1:4" ht="18" customHeight="1" x14ac:dyDescent="0.15">
      <c r="A76" s="8">
        <v>59</v>
      </c>
      <c r="B76" s="21">
        <v>21</v>
      </c>
      <c r="C76" s="6">
        <v>26</v>
      </c>
      <c r="D76" s="5">
        <v>47</v>
      </c>
    </row>
    <row r="77" spans="1:4" ht="18" customHeight="1" x14ac:dyDescent="0.15">
      <c r="A77" s="8" t="s">
        <v>13</v>
      </c>
      <c r="B77" s="21">
        <v>175</v>
      </c>
      <c r="C77" s="6">
        <v>167</v>
      </c>
      <c r="D77" s="5">
        <v>342</v>
      </c>
    </row>
    <row r="78" spans="1:4" ht="18" customHeight="1" x14ac:dyDescent="0.15">
      <c r="A78" s="8">
        <v>60</v>
      </c>
      <c r="B78" s="21">
        <v>39</v>
      </c>
      <c r="C78" s="6">
        <v>41</v>
      </c>
      <c r="D78" s="5">
        <v>80</v>
      </c>
    </row>
    <row r="79" spans="1:4" ht="18" customHeight="1" x14ac:dyDescent="0.15">
      <c r="A79" s="8">
        <v>61</v>
      </c>
      <c r="B79" s="21">
        <v>35</v>
      </c>
      <c r="C79" s="6">
        <v>33</v>
      </c>
      <c r="D79" s="5">
        <v>68</v>
      </c>
    </row>
    <row r="80" spans="1:4" ht="18" customHeight="1" x14ac:dyDescent="0.15">
      <c r="A80" s="8">
        <v>62</v>
      </c>
      <c r="B80" s="21">
        <v>34</v>
      </c>
      <c r="C80" s="6">
        <v>26</v>
      </c>
      <c r="D80" s="5">
        <v>60</v>
      </c>
    </row>
    <row r="81" spans="1:4" ht="18" customHeight="1" x14ac:dyDescent="0.15">
      <c r="A81" s="8">
        <v>63</v>
      </c>
      <c r="B81" s="21">
        <v>37</v>
      </c>
      <c r="C81" s="6">
        <v>29</v>
      </c>
      <c r="D81" s="5">
        <v>66</v>
      </c>
    </row>
    <row r="82" spans="1:4" ht="18" customHeight="1" x14ac:dyDescent="0.15">
      <c r="A82" s="8">
        <v>64</v>
      </c>
      <c r="B82" s="21">
        <v>25</v>
      </c>
      <c r="C82" s="6">
        <v>29</v>
      </c>
      <c r="D82" s="5">
        <v>54</v>
      </c>
    </row>
    <row r="83" spans="1:4" ht="18" customHeight="1" x14ac:dyDescent="0.15">
      <c r="A83" s="8" t="s">
        <v>12</v>
      </c>
      <c r="B83" s="21">
        <v>170</v>
      </c>
      <c r="C83" s="6">
        <v>158</v>
      </c>
      <c r="D83" s="5">
        <v>328</v>
      </c>
    </row>
    <row r="84" spans="1:4" ht="18" customHeight="1" x14ac:dyDescent="0.15">
      <c r="A84" s="8" t="s">
        <v>11</v>
      </c>
      <c r="B84" s="21">
        <v>1564</v>
      </c>
      <c r="C84" s="6">
        <v>1409</v>
      </c>
      <c r="D84" s="5">
        <v>2973</v>
      </c>
    </row>
    <row r="85" spans="1:4" ht="18" customHeight="1" x14ac:dyDescent="0.15">
      <c r="A85" s="8">
        <v>65</v>
      </c>
      <c r="B85" s="21">
        <v>26</v>
      </c>
      <c r="C85" s="6">
        <v>34</v>
      </c>
      <c r="D85" s="5">
        <v>60</v>
      </c>
    </row>
    <row r="86" spans="1:4" ht="18" customHeight="1" x14ac:dyDescent="0.15">
      <c r="A86" s="8">
        <v>66</v>
      </c>
      <c r="B86" s="21">
        <v>25</v>
      </c>
      <c r="C86" s="6">
        <v>27</v>
      </c>
      <c r="D86" s="5">
        <v>52</v>
      </c>
    </row>
    <row r="87" spans="1:4" ht="18" customHeight="1" x14ac:dyDescent="0.15">
      <c r="A87" s="8">
        <v>67</v>
      </c>
      <c r="B87" s="21">
        <v>36</v>
      </c>
      <c r="C87" s="6">
        <v>38</v>
      </c>
      <c r="D87" s="5">
        <v>74</v>
      </c>
    </row>
    <row r="88" spans="1:4" ht="18" customHeight="1" x14ac:dyDescent="0.15">
      <c r="A88" s="8">
        <v>68</v>
      </c>
      <c r="B88" s="21">
        <v>30</v>
      </c>
      <c r="C88" s="6">
        <v>33</v>
      </c>
      <c r="D88" s="5">
        <v>63</v>
      </c>
    </row>
    <row r="89" spans="1:4" ht="18" customHeight="1" x14ac:dyDescent="0.15">
      <c r="A89" s="8">
        <v>69</v>
      </c>
      <c r="B89" s="21">
        <v>36</v>
      </c>
      <c r="C89" s="6">
        <v>41</v>
      </c>
      <c r="D89" s="5">
        <v>77</v>
      </c>
    </row>
    <row r="90" spans="1:4" ht="18" customHeight="1" x14ac:dyDescent="0.15">
      <c r="A90" s="8" t="s">
        <v>10</v>
      </c>
      <c r="B90" s="21">
        <v>153</v>
      </c>
      <c r="C90" s="6">
        <v>173</v>
      </c>
      <c r="D90" s="5">
        <v>326</v>
      </c>
    </row>
    <row r="91" spans="1:4" ht="18" customHeight="1" x14ac:dyDescent="0.15">
      <c r="A91" s="8">
        <v>70</v>
      </c>
      <c r="B91" s="21">
        <v>39</v>
      </c>
      <c r="C91" s="6">
        <v>44</v>
      </c>
      <c r="D91" s="5">
        <v>83</v>
      </c>
    </row>
    <row r="92" spans="1:4" ht="18" customHeight="1" x14ac:dyDescent="0.15">
      <c r="A92" s="8">
        <v>71</v>
      </c>
      <c r="B92" s="21">
        <v>29</v>
      </c>
      <c r="C92" s="6">
        <v>38</v>
      </c>
      <c r="D92" s="5">
        <v>67</v>
      </c>
    </row>
    <row r="93" spans="1:4" ht="18" customHeight="1" x14ac:dyDescent="0.15">
      <c r="A93" s="8">
        <v>72</v>
      </c>
      <c r="B93" s="21">
        <v>36</v>
      </c>
      <c r="C93" s="6">
        <v>49</v>
      </c>
      <c r="D93" s="5">
        <v>85</v>
      </c>
    </row>
    <row r="94" spans="1:4" ht="18" customHeight="1" x14ac:dyDescent="0.15">
      <c r="A94" s="8">
        <v>73</v>
      </c>
      <c r="B94" s="21">
        <v>33</v>
      </c>
      <c r="C94" s="6">
        <v>42</v>
      </c>
      <c r="D94" s="5">
        <v>75</v>
      </c>
    </row>
    <row r="95" spans="1:4" ht="18" customHeight="1" x14ac:dyDescent="0.15">
      <c r="A95" s="8">
        <v>74</v>
      </c>
      <c r="B95" s="21">
        <v>43</v>
      </c>
      <c r="C95" s="6">
        <v>45</v>
      </c>
      <c r="D95" s="5">
        <v>88</v>
      </c>
    </row>
    <row r="96" spans="1:4" ht="18" customHeight="1" x14ac:dyDescent="0.15">
      <c r="A96" s="8" t="s">
        <v>9</v>
      </c>
      <c r="B96" s="21">
        <v>180</v>
      </c>
      <c r="C96" s="6">
        <v>218</v>
      </c>
      <c r="D96" s="5">
        <v>398</v>
      </c>
    </row>
    <row r="97" spans="1:4" ht="18" customHeight="1" x14ac:dyDescent="0.15">
      <c r="A97" s="8">
        <v>75</v>
      </c>
      <c r="B97" s="21">
        <v>61</v>
      </c>
      <c r="C97" s="6">
        <v>54</v>
      </c>
      <c r="D97" s="5">
        <v>115</v>
      </c>
    </row>
    <row r="98" spans="1:4" ht="18" customHeight="1" x14ac:dyDescent="0.15">
      <c r="A98" s="8">
        <v>76</v>
      </c>
      <c r="B98" s="21">
        <v>65</v>
      </c>
      <c r="C98" s="6">
        <v>75</v>
      </c>
      <c r="D98" s="5">
        <v>140</v>
      </c>
    </row>
    <row r="99" spans="1:4" ht="18" customHeight="1" x14ac:dyDescent="0.15">
      <c r="A99" s="8">
        <v>77</v>
      </c>
      <c r="B99" s="21">
        <v>41</v>
      </c>
      <c r="C99" s="6">
        <v>54</v>
      </c>
      <c r="D99" s="5">
        <v>95</v>
      </c>
    </row>
    <row r="100" spans="1:4" ht="18" customHeight="1" x14ac:dyDescent="0.15">
      <c r="A100" s="8">
        <v>78</v>
      </c>
      <c r="B100" s="21">
        <v>54</v>
      </c>
      <c r="C100" s="6">
        <v>73</v>
      </c>
      <c r="D100" s="5">
        <v>127</v>
      </c>
    </row>
    <row r="101" spans="1:4" ht="18" customHeight="1" x14ac:dyDescent="0.15">
      <c r="A101" s="8">
        <v>79</v>
      </c>
      <c r="B101" s="21">
        <v>30</v>
      </c>
      <c r="C101" s="6">
        <v>34</v>
      </c>
      <c r="D101" s="5">
        <v>64</v>
      </c>
    </row>
    <row r="102" spans="1:4" ht="18" customHeight="1" x14ac:dyDescent="0.15">
      <c r="A102" s="8" t="s">
        <v>8</v>
      </c>
      <c r="B102" s="21">
        <v>251</v>
      </c>
      <c r="C102" s="6">
        <v>290</v>
      </c>
      <c r="D102" s="5">
        <v>541</v>
      </c>
    </row>
    <row r="103" spans="1:4" ht="18" customHeight="1" x14ac:dyDescent="0.15">
      <c r="A103" s="8">
        <v>80</v>
      </c>
      <c r="B103" s="21">
        <v>26</v>
      </c>
      <c r="C103" s="6">
        <v>45</v>
      </c>
      <c r="D103" s="5">
        <v>71</v>
      </c>
    </row>
    <row r="104" spans="1:4" ht="18" customHeight="1" x14ac:dyDescent="0.15">
      <c r="A104" s="8">
        <v>81</v>
      </c>
      <c r="B104" s="21">
        <v>35</v>
      </c>
      <c r="C104" s="6">
        <v>59</v>
      </c>
      <c r="D104" s="5">
        <v>94</v>
      </c>
    </row>
    <row r="105" spans="1:4" ht="18" customHeight="1" x14ac:dyDescent="0.15">
      <c r="A105" s="8">
        <v>82</v>
      </c>
      <c r="B105" s="21">
        <v>34</v>
      </c>
      <c r="C105" s="6">
        <v>48</v>
      </c>
      <c r="D105" s="5">
        <v>82</v>
      </c>
    </row>
    <row r="106" spans="1:4" ht="18" customHeight="1" x14ac:dyDescent="0.15">
      <c r="A106" s="8">
        <v>83</v>
      </c>
      <c r="B106" s="21">
        <v>29</v>
      </c>
      <c r="C106" s="6">
        <v>45</v>
      </c>
      <c r="D106" s="5">
        <v>74</v>
      </c>
    </row>
    <row r="107" spans="1:4" ht="18" customHeight="1" x14ac:dyDescent="0.15">
      <c r="A107" s="8">
        <v>84</v>
      </c>
      <c r="B107" s="21">
        <v>34</v>
      </c>
      <c r="C107" s="6">
        <v>41</v>
      </c>
      <c r="D107" s="5">
        <v>75</v>
      </c>
    </row>
    <row r="108" spans="1:4" ht="18" customHeight="1" x14ac:dyDescent="0.15">
      <c r="A108" s="8" t="s">
        <v>7</v>
      </c>
      <c r="B108" s="21">
        <v>158</v>
      </c>
      <c r="C108" s="6">
        <v>238</v>
      </c>
      <c r="D108" s="5">
        <v>396</v>
      </c>
    </row>
    <row r="109" spans="1:4" ht="18" customHeight="1" x14ac:dyDescent="0.15">
      <c r="A109" s="8">
        <v>85</v>
      </c>
      <c r="B109" s="21">
        <v>27</v>
      </c>
      <c r="C109" s="6">
        <v>36</v>
      </c>
      <c r="D109" s="5">
        <v>63</v>
      </c>
    </row>
    <row r="110" spans="1:4" ht="18" customHeight="1" x14ac:dyDescent="0.15">
      <c r="A110" s="8">
        <v>86</v>
      </c>
      <c r="B110" s="21">
        <v>17</v>
      </c>
      <c r="C110" s="6">
        <v>19</v>
      </c>
      <c r="D110" s="5">
        <v>36</v>
      </c>
    </row>
    <row r="111" spans="1:4" ht="18" customHeight="1" x14ac:dyDescent="0.15">
      <c r="A111" s="8">
        <v>87</v>
      </c>
      <c r="B111" s="21">
        <v>12</v>
      </c>
      <c r="C111" s="6">
        <v>22</v>
      </c>
      <c r="D111" s="5">
        <v>34</v>
      </c>
    </row>
    <row r="112" spans="1:4" ht="18" customHeight="1" x14ac:dyDescent="0.15">
      <c r="A112" s="8">
        <v>88</v>
      </c>
      <c r="B112" s="21">
        <v>22</v>
      </c>
      <c r="C112" s="6">
        <v>30</v>
      </c>
      <c r="D112" s="5">
        <v>52</v>
      </c>
    </row>
    <row r="113" spans="1:4" ht="18" customHeight="1" x14ac:dyDescent="0.15">
      <c r="A113" s="8">
        <v>89</v>
      </c>
      <c r="B113" s="21">
        <v>13</v>
      </c>
      <c r="C113" s="6">
        <v>28</v>
      </c>
      <c r="D113" s="5">
        <v>41</v>
      </c>
    </row>
    <row r="114" spans="1:4" ht="18" customHeight="1" x14ac:dyDescent="0.15">
      <c r="A114" s="8" t="s">
        <v>6</v>
      </c>
      <c r="B114" s="21">
        <v>91</v>
      </c>
      <c r="C114" s="6">
        <v>135</v>
      </c>
      <c r="D114" s="5">
        <v>226</v>
      </c>
    </row>
    <row r="115" spans="1:4" ht="18" customHeight="1" x14ac:dyDescent="0.15">
      <c r="A115" s="8">
        <v>90</v>
      </c>
      <c r="B115" s="21">
        <v>7</v>
      </c>
      <c r="C115" s="6">
        <v>19</v>
      </c>
      <c r="D115" s="5">
        <v>26</v>
      </c>
    </row>
    <row r="116" spans="1:4" ht="18" customHeight="1" x14ac:dyDescent="0.15">
      <c r="A116" s="8">
        <v>91</v>
      </c>
      <c r="B116" s="21">
        <v>12</v>
      </c>
      <c r="C116" s="6">
        <v>16</v>
      </c>
      <c r="D116" s="5">
        <v>28</v>
      </c>
    </row>
    <row r="117" spans="1:4" ht="18" customHeight="1" x14ac:dyDescent="0.15">
      <c r="A117" s="8">
        <v>92</v>
      </c>
      <c r="B117" s="21">
        <v>6</v>
      </c>
      <c r="C117" s="6">
        <v>17</v>
      </c>
      <c r="D117" s="5">
        <v>23</v>
      </c>
    </row>
    <row r="118" spans="1:4" ht="18" customHeight="1" x14ac:dyDescent="0.15">
      <c r="A118" s="8">
        <v>93</v>
      </c>
      <c r="B118" s="21">
        <v>3</v>
      </c>
      <c r="C118" s="6">
        <v>13</v>
      </c>
      <c r="D118" s="5">
        <v>16</v>
      </c>
    </row>
    <row r="119" spans="1:4" ht="18" customHeight="1" x14ac:dyDescent="0.15">
      <c r="A119" s="8">
        <v>94</v>
      </c>
      <c r="B119" s="21">
        <v>2</v>
      </c>
      <c r="C119" s="6">
        <v>7</v>
      </c>
      <c r="D119" s="5">
        <v>9</v>
      </c>
    </row>
    <row r="120" spans="1:4" ht="18" customHeight="1" x14ac:dyDescent="0.15">
      <c r="A120" s="8" t="s">
        <v>5</v>
      </c>
      <c r="B120" s="21">
        <v>30</v>
      </c>
      <c r="C120" s="6">
        <v>72</v>
      </c>
      <c r="D120" s="5">
        <v>102</v>
      </c>
    </row>
    <row r="121" spans="1:4" ht="18" customHeight="1" x14ac:dyDescent="0.15">
      <c r="A121" s="8">
        <v>95</v>
      </c>
      <c r="B121" s="21">
        <v>2</v>
      </c>
      <c r="C121" s="6">
        <v>12</v>
      </c>
      <c r="D121" s="5">
        <v>14</v>
      </c>
    </row>
    <row r="122" spans="1:4" ht="18" customHeight="1" x14ac:dyDescent="0.15">
      <c r="A122" s="8">
        <v>96</v>
      </c>
      <c r="B122" s="21">
        <v>0</v>
      </c>
      <c r="C122" s="6">
        <v>9</v>
      </c>
      <c r="D122" s="5">
        <v>9</v>
      </c>
    </row>
    <row r="123" spans="1:4" ht="18" customHeight="1" x14ac:dyDescent="0.15">
      <c r="A123" s="8">
        <v>97</v>
      </c>
      <c r="B123" s="21">
        <v>3</v>
      </c>
      <c r="C123" s="6">
        <v>8</v>
      </c>
      <c r="D123" s="5">
        <v>11</v>
      </c>
    </row>
    <row r="124" spans="1:4" ht="18" customHeight="1" x14ac:dyDescent="0.15">
      <c r="A124" s="8">
        <v>98</v>
      </c>
      <c r="B124" s="21">
        <v>1</v>
      </c>
      <c r="C124" s="6">
        <v>5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6</v>
      </c>
      <c r="C126" s="6">
        <v>35</v>
      </c>
      <c r="D126" s="5">
        <v>41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869</v>
      </c>
      <c r="C130" s="6">
        <v>1164</v>
      </c>
      <c r="D130" s="5">
        <v>2033</v>
      </c>
    </row>
    <row r="131" spans="1:4" ht="18" customHeight="1" x14ac:dyDescent="0.15">
      <c r="A131" s="4" t="s">
        <v>0</v>
      </c>
      <c r="B131" s="20">
        <v>2693</v>
      </c>
      <c r="C131" s="2">
        <v>2820</v>
      </c>
      <c r="D131" s="1">
        <v>551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39FB24-B9D9-46D2-93EB-6068D0024CEE}">
  <sheetPr codeName="Sheet4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8</v>
      </c>
      <c r="C5" s="11">
        <v>57</v>
      </c>
      <c r="D5" s="10">
        <v>95</v>
      </c>
    </row>
    <row r="6" spans="1:4" ht="18" customHeight="1" x14ac:dyDescent="0.15">
      <c r="A6" s="8">
        <v>1</v>
      </c>
      <c r="B6" s="21">
        <v>41</v>
      </c>
      <c r="C6" s="6">
        <v>58</v>
      </c>
      <c r="D6" s="5">
        <v>99</v>
      </c>
    </row>
    <row r="7" spans="1:4" ht="18" customHeight="1" x14ac:dyDescent="0.15">
      <c r="A7" s="8">
        <v>2</v>
      </c>
      <c r="B7" s="21">
        <v>42</v>
      </c>
      <c r="C7" s="6">
        <v>56</v>
      </c>
      <c r="D7" s="5">
        <v>98</v>
      </c>
    </row>
    <row r="8" spans="1:4" ht="18" customHeight="1" x14ac:dyDescent="0.15">
      <c r="A8" s="8">
        <v>3</v>
      </c>
      <c r="B8" s="21">
        <v>48</v>
      </c>
      <c r="C8" s="6">
        <v>50</v>
      </c>
      <c r="D8" s="5">
        <v>98</v>
      </c>
    </row>
    <row r="9" spans="1:4" ht="18" customHeight="1" x14ac:dyDescent="0.15">
      <c r="A9" s="8">
        <v>4</v>
      </c>
      <c r="B9" s="21">
        <v>48</v>
      </c>
      <c r="C9" s="6">
        <v>39</v>
      </c>
      <c r="D9" s="5">
        <v>87</v>
      </c>
    </row>
    <row r="10" spans="1:4" ht="18" customHeight="1" x14ac:dyDescent="0.15">
      <c r="A10" s="8" t="s">
        <v>25</v>
      </c>
      <c r="B10" s="21">
        <v>217</v>
      </c>
      <c r="C10" s="6">
        <v>260</v>
      </c>
      <c r="D10" s="5">
        <v>477</v>
      </c>
    </row>
    <row r="11" spans="1:4" ht="18" customHeight="1" x14ac:dyDescent="0.15">
      <c r="A11" s="8">
        <v>5</v>
      </c>
      <c r="B11" s="21">
        <v>45</v>
      </c>
      <c r="C11" s="6">
        <v>48</v>
      </c>
      <c r="D11" s="5">
        <v>93</v>
      </c>
    </row>
    <row r="12" spans="1:4" ht="18" customHeight="1" x14ac:dyDescent="0.15">
      <c r="A12" s="8">
        <v>6</v>
      </c>
      <c r="B12" s="21">
        <v>43</v>
      </c>
      <c r="C12" s="6">
        <v>52</v>
      </c>
      <c r="D12" s="5">
        <v>95</v>
      </c>
    </row>
    <row r="13" spans="1:4" ht="18" customHeight="1" x14ac:dyDescent="0.15">
      <c r="A13" s="8">
        <v>7</v>
      </c>
      <c r="B13" s="21">
        <v>41</v>
      </c>
      <c r="C13" s="6">
        <v>49</v>
      </c>
      <c r="D13" s="5">
        <v>90</v>
      </c>
    </row>
    <row r="14" spans="1:4" ht="18" customHeight="1" x14ac:dyDescent="0.15">
      <c r="A14" s="8">
        <v>8</v>
      </c>
      <c r="B14" s="21">
        <v>56</v>
      </c>
      <c r="C14" s="6">
        <v>52</v>
      </c>
      <c r="D14" s="5">
        <v>108</v>
      </c>
    </row>
    <row r="15" spans="1:4" ht="18" customHeight="1" x14ac:dyDescent="0.15">
      <c r="A15" s="8">
        <v>9</v>
      </c>
      <c r="B15" s="21">
        <v>59</v>
      </c>
      <c r="C15" s="6">
        <v>52</v>
      </c>
      <c r="D15" s="5">
        <v>111</v>
      </c>
    </row>
    <row r="16" spans="1:4" ht="18" customHeight="1" x14ac:dyDescent="0.15">
      <c r="A16" s="8" t="s">
        <v>24</v>
      </c>
      <c r="B16" s="21">
        <v>244</v>
      </c>
      <c r="C16" s="6">
        <v>253</v>
      </c>
      <c r="D16" s="5">
        <v>497</v>
      </c>
    </row>
    <row r="17" spans="1:4" ht="18" customHeight="1" x14ac:dyDescent="0.15">
      <c r="A17" s="8">
        <v>10</v>
      </c>
      <c r="B17" s="21">
        <v>72</v>
      </c>
      <c r="C17" s="6">
        <v>58</v>
      </c>
      <c r="D17" s="5">
        <v>130</v>
      </c>
    </row>
    <row r="18" spans="1:4" ht="18" customHeight="1" x14ac:dyDescent="0.15">
      <c r="A18" s="8">
        <v>11</v>
      </c>
      <c r="B18" s="21">
        <v>61</v>
      </c>
      <c r="C18" s="6">
        <v>50</v>
      </c>
      <c r="D18" s="5">
        <v>111</v>
      </c>
    </row>
    <row r="19" spans="1:4" ht="18" customHeight="1" x14ac:dyDescent="0.15">
      <c r="A19" s="8">
        <v>12</v>
      </c>
      <c r="B19" s="21">
        <v>64</v>
      </c>
      <c r="C19" s="6">
        <v>58</v>
      </c>
      <c r="D19" s="5">
        <v>122</v>
      </c>
    </row>
    <row r="20" spans="1:4" ht="18" customHeight="1" x14ac:dyDescent="0.15">
      <c r="A20" s="8">
        <v>13</v>
      </c>
      <c r="B20" s="21">
        <v>56</v>
      </c>
      <c r="C20" s="6">
        <v>46</v>
      </c>
      <c r="D20" s="5">
        <v>102</v>
      </c>
    </row>
    <row r="21" spans="1:4" ht="18" customHeight="1" x14ac:dyDescent="0.15">
      <c r="A21" s="8">
        <v>14</v>
      </c>
      <c r="B21" s="21">
        <v>61</v>
      </c>
      <c r="C21" s="6">
        <v>72</v>
      </c>
      <c r="D21" s="5">
        <v>133</v>
      </c>
    </row>
    <row r="22" spans="1:4" ht="18" customHeight="1" x14ac:dyDescent="0.15">
      <c r="A22" s="8" t="s">
        <v>23</v>
      </c>
      <c r="B22" s="21">
        <v>314</v>
      </c>
      <c r="C22" s="6">
        <v>284</v>
      </c>
      <c r="D22" s="5">
        <v>598</v>
      </c>
    </row>
    <row r="23" spans="1:4" ht="18" customHeight="1" x14ac:dyDescent="0.15">
      <c r="A23" s="8" t="s">
        <v>22</v>
      </c>
      <c r="B23" s="21">
        <v>775</v>
      </c>
      <c r="C23" s="6">
        <v>797</v>
      </c>
      <c r="D23" s="5">
        <v>1572</v>
      </c>
    </row>
    <row r="24" spans="1:4" ht="18" customHeight="1" x14ac:dyDescent="0.15">
      <c r="A24" s="8">
        <v>15</v>
      </c>
      <c r="B24" s="21">
        <v>76</v>
      </c>
      <c r="C24" s="6">
        <v>67</v>
      </c>
      <c r="D24" s="5">
        <v>143</v>
      </c>
    </row>
    <row r="25" spans="1:4" ht="18" customHeight="1" x14ac:dyDescent="0.15">
      <c r="A25" s="8">
        <v>16</v>
      </c>
      <c r="B25" s="21">
        <v>42</v>
      </c>
      <c r="C25" s="6">
        <v>53</v>
      </c>
      <c r="D25" s="5">
        <v>95</v>
      </c>
    </row>
    <row r="26" spans="1:4" ht="18" customHeight="1" x14ac:dyDescent="0.15">
      <c r="A26" s="8">
        <v>17</v>
      </c>
      <c r="B26" s="21">
        <v>56</v>
      </c>
      <c r="C26" s="6">
        <v>58</v>
      </c>
      <c r="D26" s="5">
        <v>114</v>
      </c>
    </row>
    <row r="27" spans="1:4" ht="18" customHeight="1" x14ac:dyDescent="0.15">
      <c r="A27" s="8">
        <v>18</v>
      </c>
      <c r="B27" s="21">
        <v>70</v>
      </c>
      <c r="C27" s="6">
        <v>53</v>
      </c>
      <c r="D27" s="5">
        <v>123</v>
      </c>
    </row>
    <row r="28" spans="1:4" ht="18" customHeight="1" x14ac:dyDescent="0.15">
      <c r="A28" s="8">
        <v>19</v>
      </c>
      <c r="B28" s="21">
        <v>68</v>
      </c>
      <c r="C28" s="6">
        <v>57</v>
      </c>
      <c r="D28" s="5">
        <v>125</v>
      </c>
    </row>
    <row r="29" spans="1:4" ht="18" customHeight="1" x14ac:dyDescent="0.15">
      <c r="A29" s="8" t="s">
        <v>21</v>
      </c>
      <c r="B29" s="21">
        <v>312</v>
      </c>
      <c r="C29" s="6">
        <v>288</v>
      </c>
      <c r="D29" s="5">
        <v>600</v>
      </c>
    </row>
    <row r="30" spans="1:4" ht="18" customHeight="1" x14ac:dyDescent="0.15">
      <c r="A30" s="8">
        <v>20</v>
      </c>
      <c r="B30" s="21">
        <v>59</v>
      </c>
      <c r="C30" s="6">
        <v>75</v>
      </c>
      <c r="D30" s="5">
        <v>134</v>
      </c>
    </row>
    <row r="31" spans="1:4" ht="18" customHeight="1" x14ac:dyDescent="0.15">
      <c r="A31" s="8">
        <v>21</v>
      </c>
      <c r="B31" s="21">
        <v>52</v>
      </c>
      <c r="C31" s="6">
        <v>60</v>
      </c>
      <c r="D31" s="5">
        <v>112</v>
      </c>
    </row>
    <row r="32" spans="1:4" ht="18" customHeight="1" x14ac:dyDescent="0.15">
      <c r="A32" s="8">
        <v>22</v>
      </c>
      <c r="B32" s="21">
        <v>59</v>
      </c>
      <c r="C32" s="6">
        <v>68</v>
      </c>
      <c r="D32" s="5">
        <v>127</v>
      </c>
    </row>
    <row r="33" spans="1:4" ht="18" customHeight="1" x14ac:dyDescent="0.15">
      <c r="A33" s="8">
        <v>23</v>
      </c>
      <c r="B33" s="21">
        <v>67</v>
      </c>
      <c r="C33" s="6">
        <v>76</v>
      </c>
      <c r="D33" s="5">
        <v>143</v>
      </c>
    </row>
    <row r="34" spans="1:4" ht="18" customHeight="1" x14ac:dyDescent="0.15">
      <c r="A34" s="8">
        <v>24</v>
      </c>
      <c r="B34" s="21">
        <v>91</v>
      </c>
      <c r="C34" s="6">
        <v>68</v>
      </c>
      <c r="D34" s="5">
        <v>159</v>
      </c>
    </row>
    <row r="35" spans="1:4" ht="18" customHeight="1" x14ac:dyDescent="0.15">
      <c r="A35" s="8" t="s">
        <v>20</v>
      </c>
      <c r="B35" s="21">
        <v>328</v>
      </c>
      <c r="C35" s="6">
        <v>347</v>
      </c>
      <c r="D35" s="5">
        <v>675</v>
      </c>
    </row>
    <row r="36" spans="1:4" ht="18" customHeight="1" x14ac:dyDescent="0.15">
      <c r="A36" s="8">
        <v>25</v>
      </c>
      <c r="B36" s="21">
        <v>94</v>
      </c>
      <c r="C36" s="6">
        <v>87</v>
      </c>
      <c r="D36" s="5">
        <v>181</v>
      </c>
    </row>
    <row r="37" spans="1:4" ht="18" customHeight="1" x14ac:dyDescent="0.15">
      <c r="A37" s="8">
        <v>26</v>
      </c>
      <c r="B37" s="21">
        <v>81</v>
      </c>
      <c r="C37" s="6">
        <v>78</v>
      </c>
      <c r="D37" s="5">
        <v>159</v>
      </c>
    </row>
    <row r="38" spans="1:4" ht="18" customHeight="1" x14ac:dyDescent="0.15">
      <c r="A38" s="8">
        <v>27</v>
      </c>
      <c r="B38" s="21">
        <v>86</v>
      </c>
      <c r="C38" s="6">
        <v>83</v>
      </c>
      <c r="D38" s="5">
        <v>169</v>
      </c>
    </row>
    <row r="39" spans="1:4" ht="18" customHeight="1" x14ac:dyDescent="0.15">
      <c r="A39" s="8">
        <v>28</v>
      </c>
      <c r="B39" s="21">
        <v>94</v>
      </c>
      <c r="C39" s="6">
        <v>83</v>
      </c>
      <c r="D39" s="5">
        <v>177</v>
      </c>
    </row>
    <row r="40" spans="1:4" ht="18" customHeight="1" x14ac:dyDescent="0.15">
      <c r="A40" s="8">
        <v>29</v>
      </c>
      <c r="B40" s="21">
        <v>106</v>
      </c>
      <c r="C40" s="6">
        <v>88</v>
      </c>
      <c r="D40" s="5">
        <v>194</v>
      </c>
    </row>
    <row r="41" spans="1:4" ht="18" customHeight="1" x14ac:dyDescent="0.15">
      <c r="A41" s="8" t="s">
        <v>19</v>
      </c>
      <c r="B41" s="21">
        <v>461</v>
      </c>
      <c r="C41" s="6">
        <v>419</v>
      </c>
      <c r="D41" s="5">
        <v>880</v>
      </c>
    </row>
    <row r="42" spans="1:4" ht="18" customHeight="1" x14ac:dyDescent="0.15">
      <c r="A42" s="8">
        <v>30</v>
      </c>
      <c r="B42" s="21">
        <v>104</v>
      </c>
      <c r="C42" s="6">
        <v>72</v>
      </c>
      <c r="D42" s="5">
        <v>176</v>
      </c>
    </row>
    <row r="43" spans="1:4" ht="18" customHeight="1" x14ac:dyDescent="0.15">
      <c r="A43" s="8">
        <v>31</v>
      </c>
      <c r="B43" s="21">
        <v>100</v>
      </c>
      <c r="C43" s="6">
        <v>82</v>
      </c>
      <c r="D43" s="5">
        <v>182</v>
      </c>
    </row>
    <row r="44" spans="1:4" ht="18" customHeight="1" x14ac:dyDescent="0.15">
      <c r="A44" s="8">
        <v>32</v>
      </c>
      <c r="B44" s="21">
        <v>80</v>
      </c>
      <c r="C44" s="6">
        <v>65</v>
      </c>
      <c r="D44" s="5">
        <v>145</v>
      </c>
    </row>
    <row r="45" spans="1:4" ht="18" customHeight="1" x14ac:dyDescent="0.15">
      <c r="A45" s="8">
        <v>33</v>
      </c>
      <c r="B45" s="21">
        <v>72</v>
      </c>
      <c r="C45" s="6">
        <v>95</v>
      </c>
      <c r="D45" s="5">
        <v>167</v>
      </c>
    </row>
    <row r="46" spans="1:4" ht="18" customHeight="1" x14ac:dyDescent="0.15">
      <c r="A46" s="8">
        <v>34</v>
      </c>
      <c r="B46" s="21">
        <v>96</v>
      </c>
      <c r="C46" s="6">
        <v>78</v>
      </c>
      <c r="D46" s="5">
        <v>174</v>
      </c>
    </row>
    <row r="47" spans="1:4" ht="18" customHeight="1" x14ac:dyDescent="0.15">
      <c r="A47" s="8" t="s">
        <v>18</v>
      </c>
      <c r="B47" s="21">
        <v>452</v>
      </c>
      <c r="C47" s="6">
        <v>392</v>
      </c>
      <c r="D47" s="5">
        <v>844</v>
      </c>
    </row>
    <row r="48" spans="1:4" ht="18" customHeight="1" x14ac:dyDescent="0.15">
      <c r="A48" s="8">
        <v>35</v>
      </c>
      <c r="B48" s="21">
        <v>99</v>
      </c>
      <c r="C48" s="6">
        <v>76</v>
      </c>
      <c r="D48" s="5">
        <v>175</v>
      </c>
    </row>
    <row r="49" spans="1:4" ht="18" customHeight="1" x14ac:dyDescent="0.15">
      <c r="A49" s="8">
        <v>36</v>
      </c>
      <c r="B49" s="21">
        <v>78</v>
      </c>
      <c r="C49" s="6">
        <v>72</v>
      </c>
      <c r="D49" s="5">
        <v>150</v>
      </c>
    </row>
    <row r="50" spans="1:4" ht="18" customHeight="1" x14ac:dyDescent="0.15">
      <c r="A50" s="8">
        <v>37</v>
      </c>
      <c r="B50" s="21">
        <v>73</v>
      </c>
      <c r="C50" s="6">
        <v>81</v>
      </c>
      <c r="D50" s="5">
        <v>154</v>
      </c>
    </row>
    <row r="51" spans="1:4" ht="18" customHeight="1" x14ac:dyDescent="0.15">
      <c r="A51" s="8">
        <v>38</v>
      </c>
      <c r="B51" s="21">
        <v>63</v>
      </c>
      <c r="C51" s="6">
        <v>64</v>
      </c>
      <c r="D51" s="5">
        <v>127</v>
      </c>
    </row>
    <row r="52" spans="1:4" ht="18" customHeight="1" x14ac:dyDescent="0.15">
      <c r="A52" s="8">
        <v>39</v>
      </c>
      <c r="B52" s="21">
        <v>93</v>
      </c>
      <c r="C52" s="6">
        <v>63</v>
      </c>
      <c r="D52" s="5">
        <v>156</v>
      </c>
    </row>
    <row r="53" spans="1:4" ht="18" customHeight="1" x14ac:dyDescent="0.15">
      <c r="A53" s="8" t="s">
        <v>17</v>
      </c>
      <c r="B53" s="21">
        <v>406</v>
      </c>
      <c r="C53" s="6">
        <v>356</v>
      </c>
      <c r="D53" s="5">
        <v>762</v>
      </c>
    </row>
    <row r="54" spans="1:4" ht="18" customHeight="1" x14ac:dyDescent="0.15">
      <c r="A54" s="8">
        <v>40</v>
      </c>
      <c r="B54" s="21">
        <v>95</v>
      </c>
      <c r="C54" s="6">
        <v>86</v>
      </c>
      <c r="D54" s="5">
        <v>181</v>
      </c>
    </row>
    <row r="55" spans="1:4" ht="18" customHeight="1" x14ac:dyDescent="0.15">
      <c r="A55" s="8">
        <v>41</v>
      </c>
      <c r="B55" s="21">
        <v>95</v>
      </c>
      <c r="C55" s="6">
        <v>83</v>
      </c>
      <c r="D55" s="5">
        <v>178</v>
      </c>
    </row>
    <row r="56" spans="1:4" ht="18" customHeight="1" x14ac:dyDescent="0.15">
      <c r="A56" s="8">
        <v>42</v>
      </c>
      <c r="B56" s="21">
        <v>94</v>
      </c>
      <c r="C56" s="6">
        <v>62</v>
      </c>
      <c r="D56" s="5">
        <v>156</v>
      </c>
    </row>
    <row r="57" spans="1:4" ht="18" customHeight="1" x14ac:dyDescent="0.15">
      <c r="A57" s="8">
        <v>43</v>
      </c>
      <c r="B57" s="21">
        <v>84</v>
      </c>
      <c r="C57" s="6">
        <v>72</v>
      </c>
      <c r="D57" s="5">
        <v>156</v>
      </c>
    </row>
    <row r="58" spans="1:4" ht="18" customHeight="1" x14ac:dyDescent="0.15">
      <c r="A58" s="8">
        <v>44</v>
      </c>
      <c r="B58" s="21">
        <v>89</v>
      </c>
      <c r="C58" s="6">
        <v>88</v>
      </c>
      <c r="D58" s="5">
        <v>177</v>
      </c>
    </row>
    <row r="59" spans="1:4" ht="18" customHeight="1" x14ac:dyDescent="0.15">
      <c r="A59" s="8" t="s">
        <v>16</v>
      </c>
      <c r="B59" s="21">
        <v>457</v>
      </c>
      <c r="C59" s="6">
        <v>391</v>
      </c>
      <c r="D59" s="5">
        <v>848</v>
      </c>
    </row>
    <row r="60" spans="1:4" ht="18" customHeight="1" x14ac:dyDescent="0.15">
      <c r="A60" s="8">
        <v>45</v>
      </c>
      <c r="B60" s="21">
        <v>109</v>
      </c>
      <c r="C60" s="6">
        <v>88</v>
      </c>
      <c r="D60" s="5">
        <v>197</v>
      </c>
    </row>
    <row r="61" spans="1:4" ht="18" customHeight="1" x14ac:dyDescent="0.15">
      <c r="A61" s="8">
        <v>46</v>
      </c>
      <c r="B61" s="21">
        <v>100</v>
      </c>
      <c r="C61" s="6">
        <v>84</v>
      </c>
      <c r="D61" s="5">
        <v>184</v>
      </c>
    </row>
    <row r="62" spans="1:4" ht="18" customHeight="1" x14ac:dyDescent="0.15">
      <c r="A62" s="8">
        <v>47</v>
      </c>
      <c r="B62" s="21">
        <v>105</v>
      </c>
      <c r="C62" s="6">
        <v>106</v>
      </c>
      <c r="D62" s="5">
        <v>211</v>
      </c>
    </row>
    <row r="63" spans="1:4" ht="18" customHeight="1" x14ac:dyDescent="0.15">
      <c r="A63" s="8">
        <v>48</v>
      </c>
      <c r="B63" s="21">
        <v>107</v>
      </c>
      <c r="C63" s="6">
        <v>97</v>
      </c>
      <c r="D63" s="5">
        <v>204</v>
      </c>
    </row>
    <row r="64" spans="1:4" ht="18" customHeight="1" x14ac:dyDescent="0.15">
      <c r="A64" s="8">
        <v>49</v>
      </c>
      <c r="B64" s="21">
        <v>106</v>
      </c>
      <c r="C64" s="6">
        <v>99</v>
      </c>
      <c r="D64" s="5">
        <v>205</v>
      </c>
    </row>
    <row r="65" spans="1:4" ht="18" customHeight="1" x14ac:dyDescent="0.15">
      <c r="A65" s="8" t="s">
        <v>15</v>
      </c>
      <c r="B65" s="21">
        <v>527</v>
      </c>
      <c r="C65" s="6">
        <v>474</v>
      </c>
      <c r="D65" s="5">
        <v>1001</v>
      </c>
    </row>
    <row r="66" spans="1:4" ht="18" customHeight="1" x14ac:dyDescent="0.15">
      <c r="A66" s="8">
        <v>50</v>
      </c>
      <c r="B66" s="21">
        <v>130</v>
      </c>
      <c r="C66" s="6">
        <v>119</v>
      </c>
      <c r="D66" s="5">
        <v>249</v>
      </c>
    </row>
    <row r="67" spans="1:4" ht="18" customHeight="1" x14ac:dyDescent="0.15">
      <c r="A67" s="8">
        <v>51</v>
      </c>
      <c r="B67" s="21">
        <v>114</v>
      </c>
      <c r="C67" s="6">
        <v>127</v>
      </c>
      <c r="D67" s="5">
        <v>241</v>
      </c>
    </row>
    <row r="68" spans="1:4" ht="18" customHeight="1" x14ac:dyDescent="0.15">
      <c r="A68" s="8">
        <v>52</v>
      </c>
      <c r="B68" s="21">
        <v>121</v>
      </c>
      <c r="C68" s="6">
        <v>102</v>
      </c>
      <c r="D68" s="5">
        <v>223</v>
      </c>
    </row>
    <row r="69" spans="1:4" ht="18" customHeight="1" x14ac:dyDescent="0.15">
      <c r="A69" s="8">
        <v>53</v>
      </c>
      <c r="B69" s="21">
        <v>111</v>
      </c>
      <c r="C69" s="6">
        <v>116</v>
      </c>
      <c r="D69" s="5">
        <v>227</v>
      </c>
    </row>
    <row r="70" spans="1:4" ht="18" customHeight="1" x14ac:dyDescent="0.15">
      <c r="A70" s="8">
        <v>54</v>
      </c>
      <c r="B70" s="21">
        <v>108</v>
      </c>
      <c r="C70" s="6">
        <v>97</v>
      </c>
      <c r="D70" s="5">
        <v>205</v>
      </c>
    </row>
    <row r="71" spans="1:4" ht="18" customHeight="1" x14ac:dyDescent="0.15">
      <c r="A71" s="8" t="s">
        <v>14</v>
      </c>
      <c r="B71" s="21">
        <v>584</v>
      </c>
      <c r="C71" s="6">
        <v>561</v>
      </c>
      <c r="D71" s="5">
        <v>1145</v>
      </c>
    </row>
    <row r="72" spans="1:4" ht="18" customHeight="1" x14ac:dyDescent="0.15">
      <c r="A72" s="8">
        <v>55</v>
      </c>
      <c r="B72" s="21">
        <v>111</v>
      </c>
      <c r="C72" s="6">
        <v>88</v>
      </c>
      <c r="D72" s="5">
        <v>199</v>
      </c>
    </row>
    <row r="73" spans="1:4" ht="18" customHeight="1" x14ac:dyDescent="0.15">
      <c r="A73" s="8">
        <v>56</v>
      </c>
      <c r="B73" s="21">
        <v>82</v>
      </c>
      <c r="C73" s="6">
        <v>100</v>
      </c>
      <c r="D73" s="5">
        <v>182</v>
      </c>
    </row>
    <row r="74" spans="1:4" ht="18" customHeight="1" x14ac:dyDescent="0.15">
      <c r="A74" s="8">
        <v>57</v>
      </c>
      <c r="B74" s="21">
        <v>98</v>
      </c>
      <c r="C74" s="6">
        <v>81</v>
      </c>
      <c r="D74" s="5">
        <v>179</v>
      </c>
    </row>
    <row r="75" spans="1:4" ht="18" customHeight="1" x14ac:dyDescent="0.15">
      <c r="A75" s="8">
        <v>58</v>
      </c>
      <c r="B75" s="21">
        <v>80</v>
      </c>
      <c r="C75" s="6">
        <v>89</v>
      </c>
      <c r="D75" s="5">
        <v>169</v>
      </c>
    </row>
    <row r="76" spans="1:4" ht="18" customHeight="1" x14ac:dyDescent="0.15">
      <c r="A76" s="8">
        <v>59</v>
      </c>
      <c r="B76" s="21">
        <v>62</v>
      </c>
      <c r="C76" s="6">
        <v>85</v>
      </c>
      <c r="D76" s="5">
        <v>147</v>
      </c>
    </row>
    <row r="77" spans="1:4" ht="18" customHeight="1" x14ac:dyDescent="0.15">
      <c r="A77" s="8" t="s">
        <v>13</v>
      </c>
      <c r="B77" s="21">
        <v>433</v>
      </c>
      <c r="C77" s="6">
        <v>443</v>
      </c>
      <c r="D77" s="5">
        <v>876</v>
      </c>
    </row>
    <row r="78" spans="1:4" ht="18" customHeight="1" x14ac:dyDescent="0.15">
      <c r="A78" s="8">
        <v>60</v>
      </c>
      <c r="B78" s="21">
        <v>78</v>
      </c>
      <c r="C78" s="6">
        <v>79</v>
      </c>
      <c r="D78" s="5">
        <v>157</v>
      </c>
    </row>
    <row r="79" spans="1:4" ht="18" customHeight="1" x14ac:dyDescent="0.15">
      <c r="A79" s="8">
        <v>61</v>
      </c>
      <c r="B79" s="21">
        <v>81</v>
      </c>
      <c r="C79" s="6">
        <v>98</v>
      </c>
      <c r="D79" s="5">
        <v>179</v>
      </c>
    </row>
    <row r="80" spans="1:4" ht="18" customHeight="1" x14ac:dyDescent="0.15">
      <c r="A80" s="8">
        <v>62</v>
      </c>
      <c r="B80" s="21">
        <v>82</v>
      </c>
      <c r="C80" s="6">
        <v>86</v>
      </c>
      <c r="D80" s="5">
        <v>168</v>
      </c>
    </row>
    <row r="81" spans="1:4" ht="18" customHeight="1" x14ac:dyDescent="0.15">
      <c r="A81" s="8">
        <v>63</v>
      </c>
      <c r="B81" s="21">
        <v>64</v>
      </c>
      <c r="C81" s="6">
        <v>69</v>
      </c>
      <c r="D81" s="5">
        <v>133</v>
      </c>
    </row>
    <row r="82" spans="1:4" ht="18" customHeight="1" x14ac:dyDescent="0.15">
      <c r="A82" s="8">
        <v>64</v>
      </c>
      <c r="B82" s="21">
        <v>62</v>
      </c>
      <c r="C82" s="6">
        <v>50</v>
      </c>
      <c r="D82" s="5">
        <v>112</v>
      </c>
    </row>
    <row r="83" spans="1:4" ht="18" customHeight="1" x14ac:dyDescent="0.15">
      <c r="A83" s="8" t="s">
        <v>12</v>
      </c>
      <c r="B83" s="21">
        <v>367</v>
      </c>
      <c r="C83" s="6">
        <v>382</v>
      </c>
      <c r="D83" s="5">
        <v>749</v>
      </c>
    </row>
    <row r="84" spans="1:4" ht="18" customHeight="1" x14ac:dyDescent="0.15">
      <c r="A84" s="8" t="s">
        <v>11</v>
      </c>
      <c r="B84" s="21">
        <v>4327</v>
      </c>
      <c r="C84" s="6">
        <v>4053</v>
      </c>
      <c r="D84" s="5">
        <v>8380</v>
      </c>
    </row>
    <row r="85" spans="1:4" ht="18" customHeight="1" x14ac:dyDescent="0.15">
      <c r="A85" s="8">
        <v>65</v>
      </c>
      <c r="B85" s="21">
        <v>74</v>
      </c>
      <c r="C85" s="6">
        <v>85</v>
      </c>
      <c r="D85" s="5">
        <v>159</v>
      </c>
    </row>
    <row r="86" spans="1:4" ht="18" customHeight="1" x14ac:dyDescent="0.15">
      <c r="A86" s="8">
        <v>66</v>
      </c>
      <c r="B86" s="21">
        <v>62</v>
      </c>
      <c r="C86" s="6">
        <v>75</v>
      </c>
      <c r="D86" s="5">
        <v>137</v>
      </c>
    </row>
    <row r="87" spans="1:4" ht="18" customHeight="1" x14ac:dyDescent="0.15">
      <c r="A87" s="8">
        <v>67</v>
      </c>
      <c r="B87" s="21">
        <v>60</v>
      </c>
      <c r="C87" s="6">
        <v>68</v>
      </c>
      <c r="D87" s="5">
        <v>128</v>
      </c>
    </row>
    <row r="88" spans="1:4" ht="18" customHeight="1" x14ac:dyDescent="0.15">
      <c r="A88" s="8">
        <v>68</v>
      </c>
      <c r="B88" s="21">
        <v>64</v>
      </c>
      <c r="C88" s="6">
        <v>64</v>
      </c>
      <c r="D88" s="5">
        <v>128</v>
      </c>
    </row>
    <row r="89" spans="1:4" ht="18" customHeight="1" x14ac:dyDescent="0.15">
      <c r="A89" s="8">
        <v>69</v>
      </c>
      <c r="B89" s="21">
        <v>62</v>
      </c>
      <c r="C89" s="6">
        <v>76</v>
      </c>
      <c r="D89" s="5">
        <v>138</v>
      </c>
    </row>
    <row r="90" spans="1:4" ht="18" customHeight="1" x14ac:dyDescent="0.15">
      <c r="A90" s="8" t="s">
        <v>10</v>
      </c>
      <c r="B90" s="21">
        <v>322</v>
      </c>
      <c r="C90" s="6">
        <v>368</v>
      </c>
      <c r="D90" s="5">
        <v>690</v>
      </c>
    </row>
    <row r="91" spans="1:4" ht="18" customHeight="1" x14ac:dyDescent="0.15">
      <c r="A91" s="8">
        <v>70</v>
      </c>
      <c r="B91" s="21">
        <v>71</v>
      </c>
      <c r="C91" s="6">
        <v>81</v>
      </c>
      <c r="D91" s="5">
        <v>152</v>
      </c>
    </row>
    <row r="92" spans="1:4" ht="18" customHeight="1" x14ac:dyDescent="0.15">
      <c r="A92" s="8">
        <v>71</v>
      </c>
      <c r="B92" s="21">
        <v>60</v>
      </c>
      <c r="C92" s="6">
        <v>89</v>
      </c>
      <c r="D92" s="5">
        <v>149</v>
      </c>
    </row>
    <row r="93" spans="1:4" ht="18" customHeight="1" x14ac:dyDescent="0.15">
      <c r="A93" s="8">
        <v>72</v>
      </c>
      <c r="B93" s="21">
        <v>65</v>
      </c>
      <c r="C93" s="6">
        <v>85</v>
      </c>
      <c r="D93" s="5">
        <v>150</v>
      </c>
    </row>
    <row r="94" spans="1:4" ht="18" customHeight="1" x14ac:dyDescent="0.15">
      <c r="A94" s="8">
        <v>73</v>
      </c>
      <c r="B94" s="21">
        <v>68</v>
      </c>
      <c r="C94" s="6">
        <v>66</v>
      </c>
      <c r="D94" s="5">
        <v>134</v>
      </c>
    </row>
    <row r="95" spans="1:4" ht="18" customHeight="1" x14ac:dyDescent="0.15">
      <c r="A95" s="8">
        <v>74</v>
      </c>
      <c r="B95" s="21">
        <v>86</v>
      </c>
      <c r="C95" s="6">
        <v>79</v>
      </c>
      <c r="D95" s="5">
        <v>165</v>
      </c>
    </row>
    <row r="96" spans="1:4" ht="18" customHeight="1" x14ac:dyDescent="0.15">
      <c r="A96" s="8" t="s">
        <v>9</v>
      </c>
      <c r="B96" s="21">
        <v>350</v>
      </c>
      <c r="C96" s="6">
        <v>400</v>
      </c>
      <c r="D96" s="5">
        <v>750</v>
      </c>
    </row>
    <row r="97" spans="1:4" ht="18" customHeight="1" x14ac:dyDescent="0.15">
      <c r="A97" s="8">
        <v>75</v>
      </c>
      <c r="B97" s="21">
        <v>76</v>
      </c>
      <c r="C97" s="6">
        <v>91</v>
      </c>
      <c r="D97" s="5">
        <v>167</v>
      </c>
    </row>
    <row r="98" spans="1:4" ht="18" customHeight="1" x14ac:dyDescent="0.15">
      <c r="A98" s="8">
        <v>76</v>
      </c>
      <c r="B98" s="21">
        <v>85</v>
      </c>
      <c r="C98" s="6">
        <v>88</v>
      </c>
      <c r="D98" s="5">
        <v>173</v>
      </c>
    </row>
    <row r="99" spans="1:4" ht="18" customHeight="1" x14ac:dyDescent="0.15">
      <c r="A99" s="8">
        <v>77</v>
      </c>
      <c r="B99" s="21">
        <v>80</v>
      </c>
      <c r="C99" s="6">
        <v>85</v>
      </c>
      <c r="D99" s="5">
        <v>165</v>
      </c>
    </row>
    <row r="100" spans="1:4" ht="18" customHeight="1" x14ac:dyDescent="0.15">
      <c r="A100" s="8">
        <v>78</v>
      </c>
      <c r="B100" s="21">
        <v>84</v>
      </c>
      <c r="C100" s="6">
        <v>112</v>
      </c>
      <c r="D100" s="5">
        <v>196</v>
      </c>
    </row>
    <row r="101" spans="1:4" ht="18" customHeight="1" x14ac:dyDescent="0.15">
      <c r="A101" s="8">
        <v>79</v>
      </c>
      <c r="B101" s="21">
        <v>45</v>
      </c>
      <c r="C101" s="6">
        <v>53</v>
      </c>
      <c r="D101" s="5">
        <v>98</v>
      </c>
    </row>
    <row r="102" spans="1:4" ht="18" customHeight="1" x14ac:dyDescent="0.15">
      <c r="A102" s="8" t="s">
        <v>8</v>
      </c>
      <c r="B102" s="21">
        <v>370</v>
      </c>
      <c r="C102" s="6">
        <v>429</v>
      </c>
      <c r="D102" s="5">
        <v>799</v>
      </c>
    </row>
    <row r="103" spans="1:4" ht="18" customHeight="1" x14ac:dyDescent="0.15">
      <c r="A103" s="8">
        <v>80</v>
      </c>
      <c r="B103" s="21">
        <v>54</v>
      </c>
      <c r="C103" s="6">
        <v>65</v>
      </c>
      <c r="D103" s="5">
        <v>119</v>
      </c>
    </row>
    <row r="104" spans="1:4" ht="18" customHeight="1" x14ac:dyDescent="0.15">
      <c r="A104" s="8">
        <v>81</v>
      </c>
      <c r="B104" s="21">
        <v>52</v>
      </c>
      <c r="C104" s="6">
        <v>83</v>
      </c>
      <c r="D104" s="5">
        <v>135</v>
      </c>
    </row>
    <row r="105" spans="1:4" ht="18" customHeight="1" x14ac:dyDescent="0.15">
      <c r="A105" s="8">
        <v>82</v>
      </c>
      <c r="B105" s="21">
        <v>45</v>
      </c>
      <c r="C105" s="6">
        <v>83</v>
      </c>
      <c r="D105" s="5">
        <v>128</v>
      </c>
    </row>
    <row r="106" spans="1:4" ht="18" customHeight="1" x14ac:dyDescent="0.15">
      <c r="A106" s="8">
        <v>83</v>
      </c>
      <c r="B106" s="21">
        <v>45</v>
      </c>
      <c r="C106" s="6">
        <v>86</v>
      </c>
      <c r="D106" s="5">
        <v>131</v>
      </c>
    </row>
    <row r="107" spans="1:4" ht="18" customHeight="1" x14ac:dyDescent="0.15">
      <c r="A107" s="8">
        <v>84</v>
      </c>
      <c r="B107" s="21">
        <v>32</v>
      </c>
      <c r="C107" s="6">
        <v>68</v>
      </c>
      <c r="D107" s="5">
        <v>100</v>
      </c>
    </row>
    <row r="108" spans="1:4" ht="18" customHeight="1" x14ac:dyDescent="0.15">
      <c r="A108" s="8" t="s">
        <v>7</v>
      </c>
      <c r="B108" s="21">
        <v>228</v>
      </c>
      <c r="C108" s="6">
        <v>385</v>
      </c>
      <c r="D108" s="5">
        <v>613</v>
      </c>
    </row>
    <row r="109" spans="1:4" ht="18" customHeight="1" x14ac:dyDescent="0.15">
      <c r="A109" s="8">
        <v>85</v>
      </c>
      <c r="B109" s="21">
        <v>51</v>
      </c>
      <c r="C109" s="6">
        <v>73</v>
      </c>
      <c r="D109" s="5">
        <v>124</v>
      </c>
    </row>
    <row r="110" spans="1:4" ht="18" customHeight="1" x14ac:dyDescent="0.15">
      <c r="A110" s="8">
        <v>86</v>
      </c>
      <c r="B110" s="21">
        <v>37</v>
      </c>
      <c r="C110" s="6">
        <v>41</v>
      </c>
      <c r="D110" s="5">
        <v>78</v>
      </c>
    </row>
    <row r="111" spans="1:4" ht="18" customHeight="1" x14ac:dyDescent="0.15">
      <c r="A111" s="8">
        <v>87</v>
      </c>
      <c r="B111" s="21">
        <v>21</v>
      </c>
      <c r="C111" s="6">
        <v>51</v>
      </c>
      <c r="D111" s="5">
        <v>72</v>
      </c>
    </row>
    <row r="112" spans="1:4" ht="18" customHeight="1" x14ac:dyDescent="0.15">
      <c r="A112" s="8">
        <v>88</v>
      </c>
      <c r="B112" s="21">
        <v>27</v>
      </c>
      <c r="C112" s="6">
        <v>59</v>
      </c>
      <c r="D112" s="5">
        <v>86</v>
      </c>
    </row>
    <row r="113" spans="1:4" ht="18" customHeight="1" x14ac:dyDescent="0.15">
      <c r="A113" s="8">
        <v>89</v>
      </c>
      <c r="B113" s="21">
        <v>29</v>
      </c>
      <c r="C113" s="6">
        <v>49</v>
      </c>
      <c r="D113" s="5">
        <v>78</v>
      </c>
    </row>
    <row r="114" spans="1:4" ht="18" customHeight="1" x14ac:dyDescent="0.15">
      <c r="A114" s="8" t="s">
        <v>6</v>
      </c>
      <c r="B114" s="21">
        <v>165</v>
      </c>
      <c r="C114" s="6">
        <v>273</v>
      </c>
      <c r="D114" s="5">
        <v>438</v>
      </c>
    </row>
    <row r="115" spans="1:4" ht="18" customHeight="1" x14ac:dyDescent="0.15">
      <c r="A115" s="8">
        <v>90</v>
      </c>
      <c r="B115" s="21">
        <v>21</v>
      </c>
      <c r="C115" s="6">
        <v>25</v>
      </c>
      <c r="D115" s="5">
        <v>46</v>
      </c>
    </row>
    <row r="116" spans="1:4" ht="18" customHeight="1" x14ac:dyDescent="0.15">
      <c r="A116" s="8">
        <v>91</v>
      </c>
      <c r="B116" s="21">
        <v>9</v>
      </c>
      <c r="C116" s="6">
        <v>27</v>
      </c>
      <c r="D116" s="5">
        <v>36</v>
      </c>
    </row>
    <row r="117" spans="1:4" ht="18" customHeight="1" x14ac:dyDescent="0.15">
      <c r="A117" s="8">
        <v>92</v>
      </c>
      <c r="B117" s="21">
        <v>12</v>
      </c>
      <c r="C117" s="6">
        <v>36</v>
      </c>
      <c r="D117" s="5">
        <v>48</v>
      </c>
    </row>
    <row r="118" spans="1:4" ht="18" customHeight="1" x14ac:dyDescent="0.15">
      <c r="A118" s="8">
        <v>93</v>
      </c>
      <c r="B118" s="21">
        <v>8</v>
      </c>
      <c r="C118" s="6">
        <v>26</v>
      </c>
      <c r="D118" s="5">
        <v>34</v>
      </c>
    </row>
    <row r="119" spans="1:4" ht="18" customHeight="1" x14ac:dyDescent="0.15">
      <c r="A119" s="8">
        <v>94</v>
      </c>
      <c r="B119" s="21">
        <v>8</v>
      </c>
      <c r="C119" s="6">
        <v>17</v>
      </c>
      <c r="D119" s="5">
        <v>25</v>
      </c>
    </row>
    <row r="120" spans="1:4" ht="18" customHeight="1" x14ac:dyDescent="0.15">
      <c r="A120" s="8" t="s">
        <v>5</v>
      </c>
      <c r="B120" s="21">
        <v>58</v>
      </c>
      <c r="C120" s="6">
        <v>131</v>
      </c>
      <c r="D120" s="5">
        <v>189</v>
      </c>
    </row>
    <row r="121" spans="1:4" ht="18" customHeight="1" x14ac:dyDescent="0.15">
      <c r="A121" s="8">
        <v>95</v>
      </c>
      <c r="B121" s="21">
        <v>4</v>
      </c>
      <c r="C121" s="6">
        <v>13</v>
      </c>
      <c r="D121" s="5">
        <v>17</v>
      </c>
    </row>
    <row r="122" spans="1:4" ht="18" customHeight="1" x14ac:dyDescent="0.15">
      <c r="A122" s="8">
        <v>96</v>
      </c>
      <c r="B122" s="21">
        <v>1</v>
      </c>
      <c r="C122" s="6">
        <v>9</v>
      </c>
      <c r="D122" s="5">
        <v>10</v>
      </c>
    </row>
    <row r="123" spans="1:4" ht="18" customHeight="1" x14ac:dyDescent="0.15">
      <c r="A123" s="8">
        <v>97</v>
      </c>
      <c r="B123" s="21">
        <v>1</v>
      </c>
      <c r="C123" s="6">
        <v>9</v>
      </c>
      <c r="D123" s="5">
        <v>10</v>
      </c>
    </row>
    <row r="124" spans="1:4" ht="18" customHeight="1" x14ac:dyDescent="0.15">
      <c r="A124" s="8">
        <v>98</v>
      </c>
      <c r="B124" s="21">
        <v>2</v>
      </c>
      <c r="C124" s="6">
        <v>7</v>
      </c>
      <c r="D124" s="5">
        <v>9</v>
      </c>
    </row>
    <row r="125" spans="1:4" ht="18" customHeight="1" x14ac:dyDescent="0.15">
      <c r="A125" s="8">
        <v>99</v>
      </c>
      <c r="B125" s="21">
        <v>1</v>
      </c>
      <c r="C125" s="6">
        <v>4</v>
      </c>
      <c r="D125" s="5">
        <v>5</v>
      </c>
    </row>
    <row r="126" spans="1:4" ht="18" customHeight="1" x14ac:dyDescent="0.15">
      <c r="A126" s="8" t="s">
        <v>4</v>
      </c>
      <c r="B126" s="21">
        <v>9</v>
      </c>
      <c r="C126" s="6">
        <v>42</v>
      </c>
      <c r="D126" s="5">
        <v>51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1</v>
      </c>
      <c r="C128" s="6">
        <v>5</v>
      </c>
      <c r="D128" s="5">
        <v>6</v>
      </c>
    </row>
    <row r="129" spans="1:4" ht="18" customHeight="1" x14ac:dyDescent="0.15">
      <c r="A129" s="8" t="s">
        <v>2</v>
      </c>
      <c r="B129" s="21">
        <v>1</v>
      </c>
      <c r="C129" s="6">
        <v>7</v>
      </c>
      <c r="D129" s="5">
        <v>8</v>
      </c>
    </row>
    <row r="130" spans="1:4" ht="18" customHeight="1" x14ac:dyDescent="0.15">
      <c r="A130" s="8" t="s">
        <v>1</v>
      </c>
      <c r="B130" s="21">
        <v>1503</v>
      </c>
      <c r="C130" s="6">
        <v>2035</v>
      </c>
      <c r="D130" s="5">
        <v>3538</v>
      </c>
    </row>
    <row r="131" spans="1:4" ht="18" customHeight="1" x14ac:dyDescent="0.15">
      <c r="A131" s="4" t="s">
        <v>0</v>
      </c>
      <c r="B131" s="20">
        <v>6605</v>
      </c>
      <c r="C131" s="2">
        <v>6885</v>
      </c>
      <c r="D131" s="1">
        <v>134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6C50F0-5740-45B3-B6BE-74C377387205}">
  <sheetPr codeName="Sheet4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0</v>
      </c>
      <c r="C5" s="11">
        <v>38</v>
      </c>
      <c r="D5" s="10">
        <v>68</v>
      </c>
    </row>
    <row r="6" spans="1:4" ht="18" customHeight="1" x14ac:dyDescent="0.15">
      <c r="A6" s="8">
        <v>1</v>
      </c>
      <c r="B6" s="21">
        <v>33</v>
      </c>
      <c r="C6" s="6">
        <v>31</v>
      </c>
      <c r="D6" s="5">
        <v>64</v>
      </c>
    </row>
    <row r="7" spans="1:4" ht="18" customHeight="1" x14ac:dyDescent="0.15">
      <c r="A7" s="8">
        <v>2</v>
      </c>
      <c r="B7" s="21">
        <v>30</v>
      </c>
      <c r="C7" s="6">
        <v>27</v>
      </c>
      <c r="D7" s="5">
        <v>57</v>
      </c>
    </row>
    <row r="8" spans="1:4" ht="18" customHeight="1" x14ac:dyDescent="0.15">
      <c r="A8" s="8">
        <v>3</v>
      </c>
      <c r="B8" s="21">
        <v>22</v>
      </c>
      <c r="C8" s="6">
        <v>31</v>
      </c>
      <c r="D8" s="5">
        <v>53</v>
      </c>
    </row>
    <row r="9" spans="1:4" ht="18" customHeight="1" x14ac:dyDescent="0.15">
      <c r="A9" s="8">
        <v>4</v>
      </c>
      <c r="B9" s="21">
        <v>33</v>
      </c>
      <c r="C9" s="6">
        <v>30</v>
      </c>
      <c r="D9" s="5">
        <v>63</v>
      </c>
    </row>
    <row r="10" spans="1:4" ht="18" customHeight="1" x14ac:dyDescent="0.15">
      <c r="A10" s="8" t="s">
        <v>25</v>
      </c>
      <c r="B10" s="21">
        <v>148</v>
      </c>
      <c r="C10" s="6">
        <v>157</v>
      </c>
      <c r="D10" s="5">
        <v>305</v>
      </c>
    </row>
    <row r="11" spans="1:4" ht="18" customHeight="1" x14ac:dyDescent="0.15">
      <c r="A11" s="8">
        <v>5</v>
      </c>
      <c r="B11" s="21">
        <v>23</v>
      </c>
      <c r="C11" s="6">
        <v>29</v>
      </c>
      <c r="D11" s="5">
        <v>52</v>
      </c>
    </row>
    <row r="12" spans="1:4" ht="18" customHeight="1" x14ac:dyDescent="0.15">
      <c r="A12" s="8">
        <v>6</v>
      </c>
      <c r="B12" s="21">
        <v>25</v>
      </c>
      <c r="C12" s="6">
        <v>28</v>
      </c>
      <c r="D12" s="5">
        <v>53</v>
      </c>
    </row>
    <row r="13" spans="1:4" ht="18" customHeight="1" x14ac:dyDescent="0.15">
      <c r="A13" s="8">
        <v>7</v>
      </c>
      <c r="B13" s="21">
        <v>25</v>
      </c>
      <c r="C13" s="6">
        <v>34</v>
      </c>
      <c r="D13" s="5">
        <v>59</v>
      </c>
    </row>
    <row r="14" spans="1:4" ht="18" customHeight="1" x14ac:dyDescent="0.15">
      <c r="A14" s="8">
        <v>8</v>
      </c>
      <c r="B14" s="21">
        <v>36</v>
      </c>
      <c r="C14" s="6">
        <v>27</v>
      </c>
      <c r="D14" s="5">
        <v>63</v>
      </c>
    </row>
    <row r="15" spans="1:4" ht="18" customHeight="1" x14ac:dyDescent="0.15">
      <c r="A15" s="8">
        <v>9</v>
      </c>
      <c r="B15" s="21">
        <v>35</v>
      </c>
      <c r="C15" s="6">
        <v>27</v>
      </c>
      <c r="D15" s="5">
        <v>62</v>
      </c>
    </row>
    <row r="16" spans="1:4" ht="18" customHeight="1" x14ac:dyDescent="0.15">
      <c r="A16" s="8" t="s">
        <v>24</v>
      </c>
      <c r="B16" s="21">
        <v>144</v>
      </c>
      <c r="C16" s="6">
        <v>145</v>
      </c>
      <c r="D16" s="5">
        <v>289</v>
      </c>
    </row>
    <row r="17" spans="1:4" ht="18" customHeight="1" x14ac:dyDescent="0.15">
      <c r="A17" s="8">
        <v>10</v>
      </c>
      <c r="B17" s="21">
        <v>34</v>
      </c>
      <c r="C17" s="6">
        <v>31</v>
      </c>
      <c r="D17" s="5">
        <v>65</v>
      </c>
    </row>
    <row r="18" spans="1:4" ht="18" customHeight="1" x14ac:dyDescent="0.15">
      <c r="A18" s="8">
        <v>11</v>
      </c>
      <c r="B18" s="21">
        <v>27</v>
      </c>
      <c r="C18" s="6">
        <v>31</v>
      </c>
      <c r="D18" s="5">
        <v>58</v>
      </c>
    </row>
    <row r="19" spans="1:4" ht="18" customHeight="1" x14ac:dyDescent="0.15">
      <c r="A19" s="8">
        <v>12</v>
      </c>
      <c r="B19" s="21">
        <v>25</v>
      </c>
      <c r="C19" s="6">
        <v>30</v>
      </c>
      <c r="D19" s="5">
        <v>55</v>
      </c>
    </row>
    <row r="20" spans="1:4" ht="18" customHeight="1" x14ac:dyDescent="0.15">
      <c r="A20" s="8">
        <v>13</v>
      </c>
      <c r="B20" s="21">
        <v>25</v>
      </c>
      <c r="C20" s="6">
        <v>25</v>
      </c>
      <c r="D20" s="5">
        <v>50</v>
      </c>
    </row>
    <row r="21" spans="1:4" ht="18" customHeight="1" x14ac:dyDescent="0.15">
      <c r="A21" s="8">
        <v>14</v>
      </c>
      <c r="B21" s="21">
        <v>25</v>
      </c>
      <c r="C21" s="6">
        <v>26</v>
      </c>
      <c r="D21" s="5">
        <v>51</v>
      </c>
    </row>
    <row r="22" spans="1:4" ht="18" customHeight="1" x14ac:dyDescent="0.15">
      <c r="A22" s="8" t="s">
        <v>23</v>
      </c>
      <c r="B22" s="21">
        <v>136</v>
      </c>
      <c r="C22" s="6">
        <v>143</v>
      </c>
      <c r="D22" s="5">
        <v>279</v>
      </c>
    </row>
    <row r="23" spans="1:4" ht="18" customHeight="1" x14ac:dyDescent="0.15">
      <c r="A23" s="8" t="s">
        <v>22</v>
      </c>
      <c r="B23" s="21">
        <v>428</v>
      </c>
      <c r="C23" s="6">
        <v>445</v>
      </c>
      <c r="D23" s="5">
        <v>873</v>
      </c>
    </row>
    <row r="24" spans="1:4" ht="18" customHeight="1" x14ac:dyDescent="0.15">
      <c r="A24" s="8">
        <v>15</v>
      </c>
      <c r="B24" s="21">
        <v>15</v>
      </c>
      <c r="C24" s="6">
        <v>15</v>
      </c>
      <c r="D24" s="5">
        <v>30</v>
      </c>
    </row>
    <row r="25" spans="1:4" ht="18" customHeight="1" x14ac:dyDescent="0.15">
      <c r="A25" s="8">
        <v>16</v>
      </c>
      <c r="B25" s="21">
        <v>19</v>
      </c>
      <c r="C25" s="6">
        <v>18</v>
      </c>
      <c r="D25" s="5">
        <v>37</v>
      </c>
    </row>
    <row r="26" spans="1:4" ht="18" customHeight="1" x14ac:dyDescent="0.15">
      <c r="A26" s="8">
        <v>17</v>
      </c>
      <c r="B26" s="21">
        <v>28</v>
      </c>
      <c r="C26" s="6">
        <v>16</v>
      </c>
      <c r="D26" s="5">
        <v>44</v>
      </c>
    </row>
    <row r="27" spans="1:4" ht="18" customHeight="1" x14ac:dyDescent="0.15">
      <c r="A27" s="8">
        <v>18</v>
      </c>
      <c r="B27" s="21">
        <v>26</v>
      </c>
      <c r="C27" s="6">
        <v>16</v>
      </c>
      <c r="D27" s="5">
        <v>42</v>
      </c>
    </row>
    <row r="28" spans="1:4" ht="18" customHeight="1" x14ac:dyDescent="0.15">
      <c r="A28" s="8">
        <v>19</v>
      </c>
      <c r="B28" s="21">
        <v>15</v>
      </c>
      <c r="C28" s="6">
        <v>30</v>
      </c>
      <c r="D28" s="5">
        <v>45</v>
      </c>
    </row>
    <row r="29" spans="1:4" ht="18" customHeight="1" x14ac:dyDescent="0.15">
      <c r="A29" s="8" t="s">
        <v>21</v>
      </c>
      <c r="B29" s="21">
        <v>103</v>
      </c>
      <c r="C29" s="6">
        <v>95</v>
      </c>
      <c r="D29" s="5">
        <v>198</v>
      </c>
    </row>
    <row r="30" spans="1:4" ht="18" customHeight="1" x14ac:dyDescent="0.15">
      <c r="A30" s="8">
        <v>20</v>
      </c>
      <c r="B30" s="21">
        <v>16</v>
      </c>
      <c r="C30" s="6">
        <v>25</v>
      </c>
      <c r="D30" s="5">
        <v>41</v>
      </c>
    </row>
    <row r="31" spans="1:4" ht="18" customHeight="1" x14ac:dyDescent="0.15">
      <c r="A31" s="8">
        <v>21</v>
      </c>
      <c r="B31" s="21">
        <v>24</v>
      </c>
      <c r="C31" s="6">
        <v>27</v>
      </c>
      <c r="D31" s="5">
        <v>51</v>
      </c>
    </row>
    <row r="32" spans="1:4" ht="18" customHeight="1" x14ac:dyDescent="0.15">
      <c r="A32" s="8">
        <v>22</v>
      </c>
      <c r="B32" s="21">
        <v>31</v>
      </c>
      <c r="C32" s="6">
        <v>33</v>
      </c>
      <c r="D32" s="5">
        <v>64</v>
      </c>
    </row>
    <row r="33" spans="1:4" ht="18" customHeight="1" x14ac:dyDescent="0.15">
      <c r="A33" s="8">
        <v>23</v>
      </c>
      <c r="B33" s="21">
        <v>35</v>
      </c>
      <c r="C33" s="6">
        <v>35</v>
      </c>
      <c r="D33" s="5">
        <v>70</v>
      </c>
    </row>
    <row r="34" spans="1:4" ht="18" customHeight="1" x14ac:dyDescent="0.15">
      <c r="A34" s="8">
        <v>24</v>
      </c>
      <c r="B34" s="21">
        <v>41</v>
      </c>
      <c r="C34" s="6">
        <v>34</v>
      </c>
      <c r="D34" s="5">
        <v>75</v>
      </c>
    </row>
    <row r="35" spans="1:4" ht="18" customHeight="1" x14ac:dyDescent="0.15">
      <c r="A35" s="8" t="s">
        <v>20</v>
      </c>
      <c r="B35" s="21">
        <v>147</v>
      </c>
      <c r="C35" s="6">
        <v>154</v>
      </c>
      <c r="D35" s="5">
        <v>301</v>
      </c>
    </row>
    <row r="36" spans="1:4" ht="18" customHeight="1" x14ac:dyDescent="0.15">
      <c r="A36" s="8">
        <v>25</v>
      </c>
      <c r="B36" s="21">
        <v>38</v>
      </c>
      <c r="C36" s="6">
        <v>45</v>
      </c>
      <c r="D36" s="5">
        <v>83</v>
      </c>
    </row>
    <row r="37" spans="1:4" ht="18" customHeight="1" x14ac:dyDescent="0.15">
      <c r="A37" s="8">
        <v>26</v>
      </c>
      <c r="B37" s="21">
        <v>44</v>
      </c>
      <c r="C37" s="6">
        <v>45</v>
      </c>
      <c r="D37" s="5">
        <v>89</v>
      </c>
    </row>
    <row r="38" spans="1:4" ht="18" customHeight="1" x14ac:dyDescent="0.15">
      <c r="A38" s="8">
        <v>27</v>
      </c>
      <c r="B38" s="21">
        <v>46</v>
      </c>
      <c r="C38" s="6">
        <v>44</v>
      </c>
      <c r="D38" s="5">
        <v>90</v>
      </c>
    </row>
    <row r="39" spans="1:4" ht="18" customHeight="1" x14ac:dyDescent="0.15">
      <c r="A39" s="8">
        <v>28</v>
      </c>
      <c r="B39" s="21">
        <v>49</v>
      </c>
      <c r="C39" s="6">
        <v>34</v>
      </c>
      <c r="D39" s="5">
        <v>83</v>
      </c>
    </row>
    <row r="40" spans="1:4" ht="18" customHeight="1" x14ac:dyDescent="0.15">
      <c r="A40" s="8">
        <v>29</v>
      </c>
      <c r="B40" s="21">
        <v>57</v>
      </c>
      <c r="C40" s="6">
        <v>47</v>
      </c>
      <c r="D40" s="5">
        <v>104</v>
      </c>
    </row>
    <row r="41" spans="1:4" ht="18" customHeight="1" x14ac:dyDescent="0.15">
      <c r="A41" s="8" t="s">
        <v>19</v>
      </c>
      <c r="B41" s="21">
        <v>234</v>
      </c>
      <c r="C41" s="6">
        <v>215</v>
      </c>
      <c r="D41" s="5">
        <v>449</v>
      </c>
    </row>
    <row r="42" spans="1:4" ht="18" customHeight="1" x14ac:dyDescent="0.15">
      <c r="A42" s="8">
        <v>30</v>
      </c>
      <c r="B42" s="21">
        <v>51</v>
      </c>
      <c r="C42" s="6">
        <v>36</v>
      </c>
      <c r="D42" s="5">
        <v>87</v>
      </c>
    </row>
    <row r="43" spans="1:4" ht="18" customHeight="1" x14ac:dyDescent="0.15">
      <c r="A43" s="8">
        <v>31</v>
      </c>
      <c r="B43" s="21">
        <v>49</v>
      </c>
      <c r="C43" s="6">
        <v>51</v>
      </c>
      <c r="D43" s="5">
        <v>100</v>
      </c>
    </row>
    <row r="44" spans="1:4" ht="18" customHeight="1" x14ac:dyDescent="0.15">
      <c r="A44" s="8">
        <v>32</v>
      </c>
      <c r="B44" s="21">
        <v>38</v>
      </c>
      <c r="C44" s="6">
        <v>45</v>
      </c>
      <c r="D44" s="5">
        <v>83</v>
      </c>
    </row>
    <row r="45" spans="1:4" ht="18" customHeight="1" x14ac:dyDescent="0.15">
      <c r="A45" s="8">
        <v>33</v>
      </c>
      <c r="B45" s="21">
        <v>50</v>
      </c>
      <c r="C45" s="6">
        <v>51</v>
      </c>
      <c r="D45" s="5">
        <v>101</v>
      </c>
    </row>
    <row r="46" spans="1:4" ht="18" customHeight="1" x14ac:dyDescent="0.15">
      <c r="A46" s="8">
        <v>34</v>
      </c>
      <c r="B46" s="21">
        <v>48</v>
      </c>
      <c r="C46" s="6">
        <v>38</v>
      </c>
      <c r="D46" s="5">
        <v>86</v>
      </c>
    </row>
    <row r="47" spans="1:4" ht="18" customHeight="1" x14ac:dyDescent="0.15">
      <c r="A47" s="8" t="s">
        <v>18</v>
      </c>
      <c r="B47" s="21">
        <v>236</v>
      </c>
      <c r="C47" s="6">
        <v>221</v>
      </c>
      <c r="D47" s="5">
        <v>457</v>
      </c>
    </row>
    <row r="48" spans="1:4" ht="18" customHeight="1" x14ac:dyDescent="0.15">
      <c r="A48" s="8">
        <v>35</v>
      </c>
      <c r="B48" s="21">
        <v>46</v>
      </c>
      <c r="C48" s="6">
        <v>34</v>
      </c>
      <c r="D48" s="5">
        <v>80</v>
      </c>
    </row>
    <row r="49" spans="1:4" ht="18" customHeight="1" x14ac:dyDescent="0.15">
      <c r="A49" s="8">
        <v>36</v>
      </c>
      <c r="B49" s="21">
        <v>44</v>
      </c>
      <c r="C49" s="6">
        <v>37</v>
      </c>
      <c r="D49" s="5">
        <v>81</v>
      </c>
    </row>
    <row r="50" spans="1:4" ht="18" customHeight="1" x14ac:dyDescent="0.15">
      <c r="A50" s="8">
        <v>37</v>
      </c>
      <c r="B50" s="21">
        <v>52</v>
      </c>
      <c r="C50" s="6">
        <v>37</v>
      </c>
      <c r="D50" s="5">
        <v>89</v>
      </c>
    </row>
    <row r="51" spans="1:4" ht="18" customHeight="1" x14ac:dyDescent="0.15">
      <c r="A51" s="8">
        <v>38</v>
      </c>
      <c r="B51" s="21">
        <v>42</v>
      </c>
      <c r="C51" s="6">
        <v>46</v>
      </c>
      <c r="D51" s="5">
        <v>88</v>
      </c>
    </row>
    <row r="52" spans="1:4" ht="18" customHeight="1" x14ac:dyDescent="0.15">
      <c r="A52" s="8">
        <v>39</v>
      </c>
      <c r="B52" s="21">
        <v>58</v>
      </c>
      <c r="C52" s="6">
        <v>53</v>
      </c>
      <c r="D52" s="5">
        <v>111</v>
      </c>
    </row>
    <row r="53" spans="1:4" ht="18" customHeight="1" x14ac:dyDescent="0.15">
      <c r="A53" s="8" t="s">
        <v>17</v>
      </c>
      <c r="B53" s="21">
        <v>242</v>
      </c>
      <c r="C53" s="6">
        <v>207</v>
      </c>
      <c r="D53" s="5">
        <v>449</v>
      </c>
    </row>
    <row r="54" spans="1:4" ht="18" customHeight="1" x14ac:dyDescent="0.15">
      <c r="A54" s="8">
        <v>40</v>
      </c>
      <c r="B54" s="21">
        <v>43</v>
      </c>
      <c r="C54" s="6">
        <v>33</v>
      </c>
      <c r="D54" s="5">
        <v>76</v>
      </c>
    </row>
    <row r="55" spans="1:4" ht="18" customHeight="1" x14ac:dyDescent="0.15">
      <c r="A55" s="8">
        <v>41</v>
      </c>
      <c r="B55" s="21">
        <v>44</v>
      </c>
      <c r="C55" s="6">
        <v>28</v>
      </c>
      <c r="D55" s="5">
        <v>72</v>
      </c>
    </row>
    <row r="56" spans="1:4" ht="18" customHeight="1" x14ac:dyDescent="0.15">
      <c r="A56" s="8">
        <v>42</v>
      </c>
      <c r="B56" s="21">
        <v>46</v>
      </c>
      <c r="C56" s="6">
        <v>44</v>
      </c>
      <c r="D56" s="5">
        <v>90</v>
      </c>
    </row>
    <row r="57" spans="1:4" ht="18" customHeight="1" x14ac:dyDescent="0.15">
      <c r="A57" s="8">
        <v>43</v>
      </c>
      <c r="B57" s="21">
        <v>43</v>
      </c>
      <c r="C57" s="6">
        <v>30</v>
      </c>
      <c r="D57" s="5">
        <v>73</v>
      </c>
    </row>
    <row r="58" spans="1:4" ht="18" customHeight="1" x14ac:dyDescent="0.15">
      <c r="A58" s="8">
        <v>44</v>
      </c>
      <c r="B58" s="21">
        <v>45</v>
      </c>
      <c r="C58" s="6">
        <v>37</v>
      </c>
      <c r="D58" s="5">
        <v>82</v>
      </c>
    </row>
    <row r="59" spans="1:4" ht="18" customHeight="1" x14ac:dyDescent="0.15">
      <c r="A59" s="8" t="s">
        <v>16</v>
      </c>
      <c r="B59" s="21">
        <v>221</v>
      </c>
      <c r="C59" s="6">
        <v>172</v>
      </c>
      <c r="D59" s="5">
        <v>393</v>
      </c>
    </row>
    <row r="60" spans="1:4" ht="18" customHeight="1" x14ac:dyDescent="0.15">
      <c r="A60" s="8">
        <v>45</v>
      </c>
      <c r="B60" s="21">
        <v>39</v>
      </c>
      <c r="C60" s="6">
        <v>48</v>
      </c>
      <c r="D60" s="5">
        <v>87</v>
      </c>
    </row>
    <row r="61" spans="1:4" ht="18" customHeight="1" x14ac:dyDescent="0.15">
      <c r="A61" s="8">
        <v>46</v>
      </c>
      <c r="B61" s="21">
        <v>57</v>
      </c>
      <c r="C61" s="6">
        <v>38</v>
      </c>
      <c r="D61" s="5">
        <v>95</v>
      </c>
    </row>
    <row r="62" spans="1:4" ht="18" customHeight="1" x14ac:dyDescent="0.15">
      <c r="A62" s="8">
        <v>47</v>
      </c>
      <c r="B62" s="21">
        <v>45</v>
      </c>
      <c r="C62" s="6">
        <v>39</v>
      </c>
      <c r="D62" s="5">
        <v>84</v>
      </c>
    </row>
    <row r="63" spans="1:4" ht="18" customHeight="1" x14ac:dyDescent="0.15">
      <c r="A63" s="8">
        <v>48</v>
      </c>
      <c r="B63" s="21">
        <v>42</v>
      </c>
      <c r="C63" s="6">
        <v>41</v>
      </c>
      <c r="D63" s="5">
        <v>83</v>
      </c>
    </row>
    <row r="64" spans="1:4" ht="18" customHeight="1" x14ac:dyDescent="0.15">
      <c r="A64" s="8">
        <v>49</v>
      </c>
      <c r="B64" s="21">
        <v>52</v>
      </c>
      <c r="C64" s="6">
        <v>36</v>
      </c>
      <c r="D64" s="5">
        <v>88</v>
      </c>
    </row>
    <row r="65" spans="1:4" ht="18" customHeight="1" x14ac:dyDescent="0.15">
      <c r="A65" s="8" t="s">
        <v>15</v>
      </c>
      <c r="B65" s="21">
        <v>235</v>
      </c>
      <c r="C65" s="6">
        <v>202</v>
      </c>
      <c r="D65" s="5">
        <v>437</v>
      </c>
    </row>
    <row r="66" spans="1:4" ht="18" customHeight="1" x14ac:dyDescent="0.15">
      <c r="A66" s="8">
        <v>50</v>
      </c>
      <c r="B66" s="21">
        <v>50</v>
      </c>
      <c r="C66" s="6">
        <v>41</v>
      </c>
      <c r="D66" s="5">
        <v>91</v>
      </c>
    </row>
    <row r="67" spans="1:4" ht="18" customHeight="1" x14ac:dyDescent="0.15">
      <c r="A67" s="8">
        <v>51</v>
      </c>
      <c r="B67" s="21">
        <v>51</v>
      </c>
      <c r="C67" s="6">
        <v>52</v>
      </c>
      <c r="D67" s="5">
        <v>103</v>
      </c>
    </row>
    <row r="68" spans="1:4" ht="18" customHeight="1" x14ac:dyDescent="0.15">
      <c r="A68" s="8">
        <v>52</v>
      </c>
      <c r="B68" s="21">
        <v>46</v>
      </c>
      <c r="C68" s="6">
        <v>45</v>
      </c>
      <c r="D68" s="5">
        <v>91</v>
      </c>
    </row>
    <row r="69" spans="1:4" ht="18" customHeight="1" x14ac:dyDescent="0.15">
      <c r="A69" s="8">
        <v>53</v>
      </c>
      <c r="B69" s="21">
        <v>37</v>
      </c>
      <c r="C69" s="6">
        <v>42</v>
      </c>
      <c r="D69" s="5">
        <v>79</v>
      </c>
    </row>
    <row r="70" spans="1:4" ht="18" customHeight="1" x14ac:dyDescent="0.15">
      <c r="A70" s="8">
        <v>54</v>
      </c>
      <c r="B70" s="21">
        <v>34</v>
      </c>
      <c r="C70" s="6">
        <v>37</v>
      </c>
      <c r="D70" s="5">
        <v>71</v>
      </c>
    </row>
    <row r="71" spans="1:4" ht="18" customHeight="1" x14ac:dyDescent="0.15">
      <c r="A71" s="8" t="s">
        <v>14</v>
      </c>
      <c r="B71" s="21">
        <v>218</v>
      </c>
      <c r="C71" s="6">
        <v>217</v>
      </c>
      <c r="D71" s="5">
        <v>435</v>
      </c>
    </row>
    <row r="72" spans="1:4" ht="18" customHeight="1" x14ac:dyDescent="0.15">
      <c r="A72" s="8">
        <v>55</v>
      </c>
      <c r="B72" s="21">
        <v>29</v>
      </c>
      <c r="C72" s="6">
        <v>33</v>
      </c>
      <c r="D72" s="5">
        <v>62</v>
      </c>
    </row>
    <row r="73" spans="1:4" ht="18" customHeight="1" x14ac:dyDescent="0.15">
      <c r="A73" s="8">
        <v>56</v>
      </c>
      <c r="B73" s="21">
        <v>47</v>
      </c>
      <c r="C73" s="6">
        <v>27</v>
      </c>
      <c r="D73" s="5">
        <v>74</v>
      </c>
    </row>
    <row r="74" spans="1:4" ht="18" customHeight="1" x14ac:dyDescent="0.15">
      <c r="A74" s="8">
        <v>57</v>
      </c>
      <c r="B74" s="21">
        <v>28</v>
      </c>
      <c r="C74" s="6">
        <v>38</v>
      </c>
      <c r="D74" s="5">
        <v>66</v>
      </c>
    </row>
    <row r="75" spans="1:4" ht="18" customHeight="1" x14ac:dyDescent="0.15">
      <c r="A75" s="8">
        <v>58</v>
      </c>
      <c r="B75" s="21">
        <v>37</v>
      </c>
      <c r="C75" s="6">
        <v>26</v>
      </c>
      <c r="D75" s="5">
        <v>63</v>
      </c>
    </row>
    <row r="76" spans="1:4" ht="18" customHeight="1" x14ac:dyDescent="0.15">
      <c r="A76" s="8">
        <v>59</v>
      </c>
      <c r="B76" s="21">
        <v>20</v>
      </c>
      <c r="C76" s="6">
        <v>18</v>
      </c>
      <c r="D76" s="5">
        <v>38</v>
      </c>
    </row>
    <row r="77" spans="1:4" ht="18" customHeight="1" x14ac:dyDescent="0.15">
      <c r="A77" s="8" t="s">
        <v>13</v>
      </c>
      <c r="B77" s="21">
        <v>161</v>
      </c>
      <c r="C77" s="6">
        <v>142</v>
      </c>
      <c r="D77" s="5">
        <v>303</v>
      </c>
    </row>
    <row r="78" spans="1:4" ht="18" customHeight="1" x14ac:dyDescent="0.15">
      <c r="A78" s="8">
        <v>60</v>
      </c>
      <c r="B78" s="21">
        <v>29</v>
      </c>
      <c r="C78" s="6">
        <v>24</v>
      </c>
      <c r="D78" s="5">
        <v>53</v>
      </c>
    </row>
    <row r="79" spans="1:4" ht="18" customHeight="1" x14ac:dyDescent="0.15">
      <c r="A79" s="8">
        <v>61</v>
      </c>
      <c r="B79" s="21">
        <v>29</v>
      </c>
      <c r="C79" s="6">
        <v>34</v>
      </c>
      <c r="D79" s="5">
        <v>63</v>
      </c>
    </row>
    <row r="80" spans="1:4" ht="18" customHeight="1" x14ac:dyDescent="0.15">
      <c r="A80" s="8">
        <v>62</v>
      </c>
      <c r="B80" s="21">
        <v>21</v>
      </c>
      <c r="C80" s="6">
        <v>26</v>
      </c>
      <c r="D80" s="5">
        <v>47</v>
      </c>
    </row>
    <row r="81" spans="1:4" ht="18" customHeight="1" x14ac:dyDescent="0.15">
      <c r="A81" s="8">
        <v>63</v>
      </c>
      <c r="B81" s="21">
        <v>17</v>
      </c>
      <c r="C81" s="6">
        <v>12</v>
      </c>
      <c r="D81" s="5">
        <v>29</v>
      </c>
    </row>
    <row r="82" spans="1:4" ht="18" customHeight="1" x14ac:dyDescent="0.15">
      <c r="A82" s="8">
        <v>64</v>
      </c>
      <c r="B82" s="21">
        <v>16</v>
      </c>
      <c r="C82" s="6">
        <v>29</v>
      </c>
      <c r="D82" s="5">
        <v>45</v>
      </c>
    </row>
    <row r="83" spans="1:4" ht="18" customHeight="1" x14ac:dyDescent="0.15">
      <c r="A83" s="8" t="s">
        <v>12</v>
      </c>
      <c r="B83" s="21">
        <v>112</v>
      </c>
      <c r="C83" s="6">
        <v>125</v>
      </c>
      <c r="D83" s="5">
        <v>237</v>
      </c>
    </row>
    <row r="84" spans="1:4" ht="18" customHeight="1" x14ac:dyDescent="0.15">
      <c r="A84" s="8" t="s">
        <v>11</v>
      </c>
      <c r="B84" s="21">
        <v>1909</v>
      </c>
      <c r="C84" s="6">
        <v>1750</v>
      </c>
      <c r="D84" s="5">
        <v>3659</v>
      </c>
    </row>
    <row r="85" spans="1:4" ht="18" customHeight="1" x14ac:dyDescent="0.15">
      <c r="A85" s="8">
        <v>65</v>
      </c>
      <c r="B85" s="21">
        <v>17</v>
      </c>
      <c r="C85" s="6">
        <v>27</v>
      </c>
      <c r="D85" s="5">
        <v>44</v>
      </c>
    </row>
    <row r="86" spans="1:4" ht="18" customHeight="1" x14ac:dyDescent="0.15">
      <c r="A86" s="8">
        <v>66</v>
      </c>
      <c r="B86" s="21">
        <v>18</v>
      </c>
      <c r="C86" s="6">
        <v>20</v>
      </c>
      <c r="D86" s="5">
        <v>38</v>
      </c>
    </row>
    <row r="87" spans="1:4" ht="18" customHeight="1" x14ac:dyDescent="0.15">
      <c r="A87" s="8">
        <v>67</v>
      </c>
      <c r="B87" s="21">
        <v>22</v>
      </c>
      <c r="C87" s="6">
        <v>21</v>
      </c>
      <c r="D87" s="5">
        <v>43</v>
      </c>
    </row>
    <row r="88" spans="1:4" ht="18" customHeight="1" x14ac:dyDescent="0.15">
      <c r="A88" s="8">
        <v>68</v>
      </c>
      <c r="B88" s="21">
        <v>20</v>
      </c>
      <c r="C88" s="6">
        <v>19</v>
      </c>
      <c r="D88" s="5">
        <v>39</v>
      </c>
    </row>
    <row r="89" spans="1:4" ht="18" customHeight="1" x14ac:dyDescent="0.15">
      <c r="A89" s="8">
        <v>69</v>
      </c>
      <c r="B89" s="21">
        <v>23</v>
      </c>
      <c r="C89" s="6">
        <v>14</v>
      </c>
      <c r="D89" s="5">
        <v>37</v>
      </c>
    </row>
    <row r="90" spans="1:4" ht="18" customHeight="1" x14ac:dyDescent="0.15">
      <c r="A90" s="8" t="s">
        <v>10</v>
      </c>
      <c r="B90" s="21">
        <v>100</v>
      </c>
      <c r="C90" s="6">
        <v>101</v>
      </c>
      <c r="D90" s="5">
        <v>201</v>
      </c>
    </row>
    <row r="91" spans="1:4" ht="18" customHeight="1" x14ac:dyDescent="0.15">
      <c r="A91" s="8">
        <v>70</v>
      </c>
      <c r="B91" s="21">
        <v>30</v>
      </c>
      <c r="C91" s="6">
        <v>23</v>
      </c>
      <c r="D91" s="5">
        <v>53</v>
      </c>
    </row>
    <row r="92" spans="1:4" ht="18" customHeight="1" x14ac:dyDescent="0.15">
      <c r="A92" s="8">
        <v>71</v>
      </c>
      <c r="B92" s="21">
        <v>26</v>
      </c>
      <c r="C92" s="6">
        <v>25</v>
      </c>
      <c r="D92" s="5">
        <v>51</v>
      </c>
    </row>
    <row r="93" spans="1:4" ht="18" customHeight="1" x14ac:dyDescent="0.15">
      <c r="A93" s="8">
        <v>72</v>
      </c>
      <c r="B93" s="21">
        <v>18</v>
      </c>
      <c r="C93" s="6">
        <v>28</v>
      </c>
      <c r="D93" s="5">
        <v>46</v>
      </c>
    </row>
    <row r="94" spans="1:4" ht="18" customHeight="1" x14ac:dyDescent="0.15">
      <c r="A94" s="8">
        <v>73</v>
      </c>
      <c r="B94" s="21">
        <v>30</v>
      </c>
      <c r="C94" s="6">
        <v>24</v>
      </c>
      <c r="D94" s="5">
        <v>54</v>
      </c>
    </row>
    <row r="95" spans="1:4" ht="18" customHeight="1" x14ac:dyDescent="0.15">
      <c r="A95" s="8">
        <v>74</v>
      </c>
      <c r="B95" s="21">
        <v>27</v>
      </c>
      <c r="C95" s="6">
        <v>30</v>
      </c>
      <c r="D95" s="5">
        <v>57</v>
      </c>
    </row>
    <row r="96" spans="1:4" ht="18" customHeight="1" x14ac:dyDescent="0.15">
      <c r="A96" s="8" t="s">
        <v>9</v>
      </c>
      <c r="B96" s="21">
        <v>131</v>
      </c>
      <c r="C96" s="6">
        <v>130</v>
      </c>
      <c r="D96" s="5">
        <v>261</v>
      </c>
    </row>
    <row r="97" spans="1:4" ht="18" customHeight="1" x14ac:dyDescent="0.15">
      <c r="A97" s="8">
        <v>75</v>
      </c>
      <c r="B97" s="21">
        <v>28</v>
      </c>
      <c r="C97" s="6">
        <v>29</v>
      </c>
      <c r="D97" s="5">
        <v>57</v>
      </c>
    </row>
    <row r="98" spans="1:4" ht="18" customHeight="1" x14ac:dyDescent="0.15">
      <c r="A98" s="8">
        <v>76</v>
      </c>
      <c r="B98" s="21">
        <v>26</v>
      </c>
      <c r="C98" s="6">
        <v>31</v>
      </c>
      <c r="D98" s="5">
        <v>57</v>
      </c>
    </row>
    <row r="99" spans="1:4" ht="18" customHeight="1" x14ac:dyDescent="0.15">
      <c r="A99" s="8">
        <v>77</v>
      </c>
      <c r="B99" s="21">
        <v>31</v>
      </c>
      <c r="C99" s="6">
        <v>26</v>
      </c>
      <c r="D99" s="5">
        <v>57</v>
      </c>
    </row>
    <row r="100" spans="1:4" ht="18" customHeight="1" x14ac:dyDescent="0.15">
      <c r="A100" s="8">
        <v>78</v>
      </c>
      <c r="B100" s="21">
        <v>31</v>
      </c>
      <c r="C100" s="6">
        <v>32</v>
      </c>
      <c r="D100" s="5">
        <v>63</v>
      </c>
    </row>
    <row r="101" spans="1:4" ht="18" customHeight="1" x14ac:dyDescent="0.15">
      <c r="A101" s="8">
        <v>79</v>
      </c>
      <c r="B101" s="21">
        <v>11</v>
      </c>
      <c r="C101" s="6">
        <v>15</v>
      </c>
      <c r="D101" s="5">
        <v>26</v>
      </c>
    </row>
    <row r="102" spans="1:4" ht="18" customHeight="1" x14ac:dyDescent="0.15">
      <c r="A102" s="8" t="s">
        <v>8</v>
      </c>
      <c r="B102" s="21">
        <v>127</v>
      </c>
      <c r="C102" s="6">
        <v>133</v>
      </c>
      <c r="D102" s="5">
        <v>260</v>
      </c>
    </row>
    <row r="103" spans="1:4" ht="18" customHeight="1" x14ac:dyDescent="0.15">
      <c r="A103" s="8">
        <v>80</v>
      </c>
      <c r="B103" s="21">
        <v>6</v>
      </c>
      <c r="C103" s="6">
        <v>18</v>
      </c>
      <c r="D103" s="5">
        <v>24</v>
      </c>
    </row>
    <row r="104" spans="1:4" ht="18" customHeight="1" x14ac:dyDescent="0.15">
      <c r="A104" s="8">
        <v>81</v>
      </c>
      <c r="B104" s="21">
        <v>11</v>
      </c>
      <c r="C104" s="6">
        <v>23</v>
      </c>
      <c r="D104" s="5">
        <v>34</v>
      </c>
    </row>
    <row r="105" spans="1:4" ht="18" customHeight="1" x14ac:dyDescent="0.15">
      <c r="A105" s="8">
        <v>82</v>
      </c>
      <c r="B105" s="21">
        <v>9</v>
      </c>
      <c r="C105" s="6">
        <v>25</v>
      </c>
      <c r="D105" s="5">
        <v>34</v>
      </c>
    </row>
    <row r="106" spans="1:4" ht="18" customHeight="1" x14ac:dyDescent="0.15">
      <c r="A106" s="8">
        <v>83</v>
      </c>
      <c r="B106" s="21">
        <v>16</v>
      </c>
      <c r="C106" s="6">
        <v>22</v>
      </c>
      <c r="D106" s="5">
        <v>38</v>
      </c>
    </row>
    <row r="107" spans="1:4" ht="18" customHeight="1" x14ac:dyDescent="0.15">
      <c r="A107" s="8">
        <v>84</v>
      </c>
      <c r="B107" s="21">
        <v>15</v>
      </c>
      <c r="C107" s="6">
        <v>20</v>
      </c>
      <c r="D107" s="5">
        <v>35</v>
      </c>
    </row>
    <row r="108" spans="1:4" ht="18" customHeight="1" x14ac:dyDescent="0.15">
      <c r="A108" s="8" t="s">
        <v>7</v>
      </c>
      <c r="B108" s="21">
        <v>57</v>
      </c>
      <c r="C108" s="6">
        <v>108</v>
      </c>
      <c r="D108" s="5">
        <v>165</v>
      </c>
    </row>
    <row r="109" spans="1:4" ht="18" customHeight="1" x14ac:dyDescent="0.15">
      <c r="A109" s="8">
        <v>85</v>
      </c>
      <c r="B109" s="21">
        <v>11</v>
      </c>
      <c r="C109" s="6">
        <v>23</v>
      </c>
      <c r="D109" s="5">
        <v>34</v>
      </c>
    </row>
    <row r="110" spans="1:4" ht="18" customHeight="1" x14ac:dyDescent="0.15">
      <c r="A110" s="8">
        <v>86</v>
      </c>
      <c r="B110" s="21">
        <v>7</v>
      </c>
      <c r="C110" s="6">
        <v>8</v>
      </c>
      <c r="D110" s="5">
        <v>15</v>
      </c>
    </row>
    <row r="111" spans="1:4" ht="18" customHeight="1" x14ac:dyDescent="0.15">
      <c r="A111" s="8">
        <v>87</v>
      </c>
      <c r="B111" s="21">
        <v>10</v>
      </c>
      <c r="C111" s="6">
        <v>13</v>
      </c>
      <c r="D111" s="5">
        <v>23</v>
      </c>
    </row>
    <row r="112" spans="1:4" ht="18" customHeight="1" x14ac:dyDescent="0.15">
      <c r="A112" s="8">
        <v>88</v>
      </c>
      <c r="B112" s="21">
        <v>5</v>
      </c>
      <c r="C112" s="6">
        <v>14</v>
      </c>
      <c r="D112" s="5">
        <v>19</v>
      </c>
    </row>
    <row r="113" spans="1:4" ht="18" customHeight="1" x14ac:dyDescent="0.15">
      <c r="A113" s="8">
        <v>89</v>
      </c>
      <c r="B113" s="21">
        <v>7</v>
      </c>
      <c r="C113" s="6">
        <v>11</v>
      </c>
      <c r="D113" s="5">
        <v>18</v>
      </c>
    </row>
    <row r="114" spans="1:4" ht="18" customHeight="1" x14ac:dyDescent="0.15">
      <c r="A114" s="8" t="s">
        <v>6</v>
      </c>
      <c r="B114" s="21">
        <v>40</v>
      </c>
      <c r="C114" s="6">
        <v>69</v>
      </c>
      <c r="D114" s="5">
        <v>109</v>
      </c>
    </row>
    <row r="115" spans="1:4" ht="18" customHeight="1" x14ac:dyDescent="0.15">
      <c r="A115" s="8">
        <v>90</v>
      </c>
      <c r="B115" s="21">
        <v>3</v>
      </c>
      <c r="C115" s="6">
        <v>7</v>
      </c>
      <c r="D115" s="5">
        <v>10</v>
      </c>
    </row>
    <row r="116" spans="1:4" ht="18" customHeight="1" x14ac:dyDescent="0.15">
      <c r="A116" s="8">
        <v>91</v>
      </c>
      <c r="B116" s="21">
        <v>1</v>
      </c>
      <c r="C116" s="6">
        <v>12</v>
      </c>
      <c r="D116" s="5">
        <v>13</v>
      </c>
    </row>
    <row r="117" spans="1:4" ht="18" customHeight="1" x14ac:dyDescent="0.15">
      <c r="A117" s="8">
        <v>92</v>
      </c>
      <c r="B117" s="21">
        <v>1</v>
      </c>
      <c r="C117" s="6">
        <v>15</v>
      </c>
      <c r="D117" s="5">
        <v>16</v>
      </c>
    </row>
    <row r="118" spans="1:4" ht="18" customHeight="1" x14ac:dyDescent="0.15">
      <c r="A118" s="8">
        <v>93</v>
      </c>
      <c r="B118" s="21">
        <v>2</v>
      </c>
      <c r="C118" s="6">
        <v>7</v>
      </c>
      <c r="D118" s="5">
        <v>9</v>
      </c>
    </row>
    <row r="119" spans="1:4" ht="18" customHeight="1" x14ac:dyDescent="0.15">
      <c r="A119" s="8">
        <v>94</v>
      </c>
      <c r="B119" s="21">
        <v>2</v>
      </c>
      <c r="C119" s="6">
        <v>7</v>
      </c>
      <c r="D119" s="5">
        <v>9</v>
      </c>
    </row>
    <row r="120" spans="1:4" ht="18" customHeight="1" x14ac:dyDescent="0.15">
      <c r="A120" s="8" t="s">
        <v>5</v>
      </c>
      <c r="B120" s="21">
        <v>9</v>
      </c>
      <c r="C120" s="6">
        <v>48</v>
      </c>
      <c r="D120" s="5">
        <v>57</v>
      </c>
    </row>
    <row r="121" spans="1:4" ht="18" customHeight="1" x14ac:dyDescent="0.15">
      <c r="A121" s="8">
        <v>95</v>
      </c>
      <c r="B121" s="21">
        <v>1</v>
      </c>
      <c r="C121" s="6">
        <v>1</v>
      </c>
      <c r="D121" s="5">
        <v>2</v>
      </c>
    </row>
    <row r="122" spans="1:4" ht="18" customHeight="1" x14ac:dyDescent="0.15">
      <c r="A122" s="8">
        <v>96</v>
      </c>
      <c r="B122" s="21">
        <v>1</v>
      </c>
      <c r="C122" s="6">
        <v>3</v>
      </c>
      <c r="D122" s="5">
        <v>4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3</v>
      </c>
      <c r="C126" s="6">
        <v>9</v>
      </c>
      <c r="D126" s="5">
        <v>12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467</v>
      </c>
      <c r="C130" s="6">
        <v>602</v>
      </c>
      <c r="D130" s="5">
        <v>1069</v>
      </c>
    </row>
    <row r="131" spans="1:4" ht="18" customHeight="1" x14ac:dyDescent="0.15">
      <c r="A131" s="4" t="s">
        <v>0</v>
      </c>
      <c r="B131" s="20">
        <v>2804</v>
      </c>
      <c r="C131" s="2">
        <v>2797</v>
      </c>
      <c r="D131" s="1">
        <v>560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2873DC-24C3-4602-BED8-02AEB4CE56E0}">
  <sheetPr codeName="Sheet4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2</v>
      </c>
      <c r="C5" s="11">
        <v>7</v>
      </c>
      <c r="D5" s="10">
        <v>19</v>
      </c>
    </row>
    <row r="6" spans="1:4" ht="18" customHeight="1" x14ac:dyDescent="0.15">
      <c r="A6" s="8">
        <v>1</v>
      </c>
      <c r="B6" s="21">
        <v>8</v>
      </c>
      <c r="C6" s="6">
        <v>13</v>
      </c>
      <c r="D6" s="5">
        <v>21</v>
      </c>
    </row>
    <row r="7" spans="1:4" ht="18" customHeight="1" x14ac:dyDescent="0.15">
      <c r="A7" s="8">
        <v>2</v>
      </c>
      <c r="B7" s="21">
        <v>11</v>
      </c>
      <c r="C7" s="6">
        <v>17</v>
      </c>
      <c r="D7" s="5">
        <v>28</v>
      </c>
    </row>
    <row r="8" spans="1:4" ht="18" customHeight="1" x14ac:dyDescent="0.15">
      <c r="A8" s="8">
        <v>3</v>
      </c>
      <c r="B8" s="21">
        <v>21</v>
      </c>
      <c r="C8" s="6">
        <v>13</v>
      </c>
      <c r="D8" s="5">
        <v>34</v>
      </c>
    </row>
    <row r="9" spans="1:4" ht="18" customHeight="1" x14ac:dyDescent="0.15">
      <c r="A9" s="8">
        <v>4</v>
      </c>
      <c r="B9" s="21">
        <v>17</v>
      </c>
      <c r="C9" s="6">
        <v>17</v>
      </c>
      <c r="D9" s="5">
        <v>34</v>
      </c>
    </row>
    <row r="10" spans="1:4" ht="18" customHeight="1" x14ac:dyDescent="0.15">
      <c r="A10" s="8" t="s">
        <v>25</v>
      </c>
      <c r="B10" s="21">
        <v>69</v>
      </c>
      <c r="C10" s="6">
        <v>67</v>
      </c>
      <c r="D10" s="5">
        <v>136</v>
      </c>
    </row>
    <row r="11" spans="1:4" ht="18" customHeight="1" x14ac:dyDescent="0.15">
      <c r="A11" s="8">
        <v>5</v>
      </c>
      <c r="B11" s="21">
        <v>13</v>
      </c>
      <c r="C11" s="6">
        <v>11</v>
      </c>
      <c r="D11" s="5">
        <v>24</v>
      </c>
    </row>
    <row r="12" spans="1:4" ht="18" customHeight="1" x14ac:dyDescent="0.15">
      <c r="A12" s="8">
        <v>6</v>
      </c>
      <c r="B12" s="21">
        <v>26</v>
      </c>
      <c r="C12" s="6">
        <v>26</v>
      </c>
      <c r="D12" s="5">
        <v>52</v>
      </c>
    </row>
    <row r="13" spans="1:4" ht="18" customHeight="1" x14ac:dyDescent="0.15">
      <c r="A13" s="8">
        <v>7</v>
      </c>
      <c r="B13" s="21">
        <v>32</v>
      </c>
      <c r="C13" s="6">
        <v>16</v>
      </c>
      <c r="D13" s="5">
        <v>48</v>
      </c>
    </row>
    <row r="14" spans="1:4" ht="18" customHeight="1" x14ac:dyDescent="0.15">
      <c r="A14" s="8">
        <v>8</v>
      </c>
      <c r="B14" s="21">
        <v>30</v>
      </c>
      <c r="C14" s="6">
        <v>19</v>
      </c>
      <c r="D14" s="5">
        <v>49</v>
      </c>
    </row>
    <row r="15" spans="1:4" ht="18" customHeight="1" x14ac:dyDescent="0.15">
      <c r="A15" s="8">
        <v>9</v>
      </c>
      <c r="B15" s="21">
        <v>27</v>
      </c>
      <c r="C15" s="6">
        <v>21</v>
      </c>
      <c r="D15" s="5">
        <v>48</v>
      </c>
    </row>
    <row r="16" spans="1:4" ht="18" customHeight="1" x14ac:dyDescent="0.15">
      <c r="A16" s="8" t="s">
        <v>24</v>
      </c>
      <c r="B16" s="21">
        <v>128</v>
      </c>
      <c r="C16" s="6">
        <v>93</v>
      </c>
      <c r="D16" s="5">
        <v>221</v>
      </c>
    </row>
    <row r="17" spans="1:4" ht="18" customHeight="1" x14ac:dyDescent="0.15">
      <c r="A17" s="8">
        <v>10</v>
      </c>
      <c r="B17" s="21">
        <v>25</v>
      </c>
      <c r="C17" s="6">
        <v>22</v>
      </c>
      <c r="D17" s="5">
        <v>47</v>
      </c>
    </row>
    <row r="18" spans="1:4" ht="18" customHeight="1" x14ac:dyDescent="0.15">
      <c r="A18" s="8">
        <v>11</v>
      </c>
      <c r="B18" s="21">
        <v>29</v>
      </c>
      <c r="C18" s="6">
        <v>15</v>
      </c>
      <c r="D18" s="5">
        <v>44</v>
      </c>
    </row>
    <row r="19" spans="1:4" ht="18" customHeight="1" x14ac:dyDescent="0.15">
      <c r="A19" s="8">
        <v>12</v>
      </c>
      <c r="B19" s="21">
        <v>22</v>
      </c>
      <c r="C19" s="6">
        <v>23</v>
      </c>
      <c r="D19" s="5">
        <v>45</v>
      </c>
    </row>
    <row r="20" spans="1:4" ht="18" customHeight="1" x14ac:dyDescent="0.15">
      <c r="A20" s="8">
        <v>13</v>
      </c>
      <c r="B20" s="21">
        <v>35</v>
      </c>
      <c r="C20" s="6">
        <v>22</v>
      </c>
      <c r="D20" s="5">
        <v>57</v>
      </c>
    </row>
    <row r="21" spans="1:4" ht="18" customHeight="1" x14ac:dyDescent="0.15">
      <c r="A21" s="8">
        <v>14</v>
      </c>
      <c r="B21" s="21">
        <v>35</v>
      </c>
      <c r="C21" s="6">
        <v>41</v>
      </c>
      <c r="D21" s="5">
        <v>76</v>
      </c>
    </row>
    <row r="22" spans="1:4" ht="18" customHeight="1" x14ac:dyDescent="0.15">
      <c r="A22" s="8" t="s">
        <v>23</v>
      </c>
      <c r="B22" s="21">
        <v>146</v>
      </c>
      <c r="C22" s="6">
        <v>123</v>
      </c>
      <c r="D22" s="5">
        <v>269</v>
      </c>
    </row>
    <row r="23" spans="1:4" ht="18" customHeight="1" x14ac:dyDescent="0.15">
      <c r="A23" s="8" t="s">
        <v>22</v>
      </c>
      <c r="B23" s="21">
        <v>343</v>
      </c>
      <c r="C23" s="6">
        <v>283</v>
      </c>
      <c r="D23" s="5">
        <v>626</v>
      </c>
    </row>
    <row r="24" spans="1:4" ht="18" customHeight="1" x14ac:dyDescent="0.15">
      <c r="A24" s="8">
        <v>15</v>
      </c>
      <c r="B24" s="21">
        <v>39</v>
      </c>
      <c r="C24" s="6">
        <v>34</v>
      </c>
      <c r="D24" s="5">
        <v>73</v>
      </c>
    </row>
    <row r="25" spans="1:4" ht="18" customHeight="1" x14ac:dyDescent="0.15">
      <c r="A25" s="8">
        <v>16</v>
      </c>
      <c r="B25" s="21">
        <v>41</v>
      </c>
      <c r="C25" s="6">
        <v>42</v>
      </c>
      <c r="D25" s="5">
        <v>83</v>
      </c>
    </row>
    <row r="26" spans="1:4" ht="18" customHeight="1" x14ac:dyDescent="0.15">
      <c r="A26" s="8">
        <v>17</v>
      </c>
      <c r="B26" s="21">
        <v>35</v>
      </c>
      <c r="C26" s="6">
        <v>37</v>
      </c>
      <c r="D26" s="5">
        <v>72</v>
      </c>
    </row>
    <row r="27" spans="1:4" ht="18" customHeight="1" x14ac:dyDescent="0.15">
      <c r="A27" s="8">
        <v>18</v>
      </c>
      <c r="B27" s="21">
        <v>40</v>
      </c>
      <c r="C27" s="6">
        <v>39</v>
      </c>
      <c r="D27" s="5">
        <v>79</v>
      </c>
    </row>
    <row r="28" spans="1:4" ht="18" customHeight="1" x14ac:dyDescent="0.15">
      <c r="A28" s="8">
        <v>19</v>
      </c>
      <c r="B28" s="21">
        <v>37</v>
      </c>
      <c r="C28" s="6">
        <v>36</v>
      </c>
      <c r="D28" s="5">
        <v>73</v>
      </c>
    </row>
    <row r="29" spans="1:4" ht="18" customHeight="1" x14ac:dyDescent="0.15">
      <c r="A29" s="8" t="s">
        <v>21</v>
      </c>
      <c r="B29" s="21">
        <v>192</v>
      </c>
      <c r="C29" s="6">
        <v>188</v>
      </c>
      <c r="D29" s="5">
        <v>380</v>
      </c>
    </row>
    <row r="30" spans="1:4" ht="18" customHeight="1" x14ac:dyDescent="0.15">
      <c r="A30" s="8">
        <v>20</v>
      </c>
      <c r="B30" s="21">
        <v>42</v>
      </c>
      <c r="C30" s="6">
        <v>36</v>
      </c>
      <c r="D30" s="5">
        <v>78</v>
      </c>
    </row>
    <row r="31" spans="1:4" ht="18" customHeight="1" x14ac:dyDescent="0.15">
      <c r="A31" s="8">
        <v>21</v>
      </c>
      <c r="B31" s="21">
        <v>44</v>
      </c>
      <c r="C31" s="6">
        <v>39</v>
      </c>
      <c r="D31" s="5">
        <v>83</v>
      </c>
    </row>
    <row r="32" spans="1:4" ht="18" customHeight="1" x14ac:dyDescent="0.15">
      <c r="A32" s="8">
        <v>22</v>
      </c>
      <c r="B32" s="21">
        <v>31</v>
      </c>
      <c r="C32" s="6">
        <v>25</v>
      </c>
      <c r="D32" s="5">
        <v>56</v>
      </c>
    </row>
    <row r="33" spans="1:4" ht="18" customHeight="1" x14ac:dyDescent="0.15">
      <c r="A33" s="8">
        <v>23</v>
      </c>
      <c r="B33" s="21">
        <v>33</v>
      </c>
      <c r="C33" s="6">
        <v>30</v>
      </c>
      <c r="D33" s="5">
        <v>63</v>
      </c>
    </row>
    <row r="34" spans="1:4" ht="18" customHeight="1" x14ac:dyDescent="0.15">
      <c r="A34" s="8">
        <v>24</v>
      </c>
      <c r="B34" s="21">
        <v>33</v>
      </c>
      <c r="C34" s="6">
        <v>35</v>
      </c>
      <c r="D34" s="5">
        <v>68</v>
      </c>
    </row>
    <row r="35" spans="1:4" ht="18" customHeight="1" x14ac:dyDescent="0.15">
      <c r="A35" s="8" t="s">
        <v>20</v>
      </c>
      <c r="B35" s="21">
        <v>183</v>
      </c>
      <c r="C35" s="6">
        <v>165</v>
      </c>
      <c r="D35" s="5">
        <v>348</v>
      </c>
    </row>
    <row r="36" spans="1:4" ht="18" customHeight="1" x14ac:dyDescent="0.15">
      <c r="A36" s="8">
        <v>25</v>
      </c>
      <c r="B36" s="21">
        <v>33</v>
      </c>
      <c r="C36" s="6">
        <v>27</v>
      </c>
      <c r="D36" s="5">
        <v>60</v>
      </c>
    </row>
    <row r="37" spans="1:4" ht="18" customHeight="1" x14ac:dyDescent="0.15">
      <c r="A37" s="8">
        <v>26</v>
      </c>
      <c r="B37" s="21">
        <v>21</v>
      </c>
      <c r="C37" s="6">
        <v>18</v>
      </c>
      <c r="D37" s="5">
        <v>39</v>
      </c>
    </row>
    <row r="38" spans="1:4" ht="18" customHeight="1" x14ac:dyDescent="0.15">
      <c r="A38" s="8">
        <v>27</v>
      </c>
      <c r="B38" s="21">
        <v>25</v>
      </c>
      <c r="C38" s="6">
        <v>23</v>
      </c>
      <c r="D38" s="5">
        <v>48</v>
      </c>
    </row>
    <row r="39" spans="1:4" ht="18" customHeight="1" x14ac:dyDescent="0.15">
      <c r="A39" s="8">
        <v>28</v>
      </c>
      <c r="B39" s="21">
        <v>24</v>
      </c>
      <c r="C39" s="6">
        <v>18</v>
      </c>
      <c r="D39" s="5">
        <v>42</v>
      </c>
    </row>
    <row r="40" spans="1:4" ht="18" customHeight="1" x14ac:dyDescent="0.15">
      <c r="A40" s="8">
        <v>29</v>
      </c>
      <c r="B40" s="21">
        <v>18</v>
      </c>
      <c r="C40" s="6">
        <v>22</v>
      </c>
      <c r="D40" s="5">
        <v>40</v>
      </c>
    </row>
    <row r="41" spans="1:4" ht="18" customHeight="1" x14ac:dyDescent="0.15">
      <c r="A41" s="8" t="s">
        <v>19</v>
      </c>
      <c r="B41" s="21">
        <v>121</v>
      </c>
      <c r="C41" s="6">
        <v>108</v>
      </c>
      <c r="D41" s="5">
        <v>229</v>
      </c>
    </row>
    <row r="42" spans="1:4" ht="18" customHeight="1" x14ac:dyDescent="0.15">
      <c r="A42" s="8">
        <v>30</v>
      </c>
      <c r="B42" s="21">
        <v>16</v>
      </c>
      <c r="C42" s="6">
        <v>23</v>
      </c>
      <c r="D42" s="5">
        <v>39</v>
      </c>
    </row>
    <row r="43" spans="1:4" ht="18" customHeight="1" x14ac:dyDescent="0.15">
      <c r="A43" s="8">
        <v>31</v>
      </c>
      <c r="B43" s="21">
        <v>21</v>
      </c>
      <c r="C43" s="6">
        <v>12</v>
      </c>
      <c r="D43" s="5">
        <v>33</v>
      </c>
    </row>
    <row r="44" spans="1:4" ht="18" customHeight="1" x14ac:dyDescent="0.15">
      <c r="A44" s="8">
        <v>32</v>
      </c>
      <c r="B44" s="21">
        <v>24</v>
      </c>
      <c r="C44" s="6">
        <v>20</v>
      </c>
      <c r="D44" s="5">
        <v>44</v>
      </c>
    </row>
    <row r="45" spans="1:4" ht="18" customHeight="1" x14ac:dyDescent="0.15">
      <c r="A45" s="8">
        <v>33</v>
      </c>
      <c r="B45" s="21">
        <v>35</v>
      </c>
      <c r="C45" s="6">
        <v>26</v>
      </c>
      <c r="D45" s="5">
        <v>61</v>
      </c>
    </row>
    <row r="46" spans="1:4" ht="18" customHeight="1" x14ac:dyDescent="0.15">
      <c r="A46" s="8">
        <v>34</v>
      </c>
      <c r="B46" s="21">
        <v>22</v>
      </c>
      <c r="C46" s="6">
        <v>22</v>
      </c>
      <c r="D46" s="5">
        <v>44</v>
      </c>
    </row>
    <row r="47" spans="1:4" ht="18" customHeight="1" x14ac:dyDescent="0.15">
      <c r="A47" s="8" t="s">
        <v>18</v>
      </c>
      <c r="B47" s="21">
        <v>118</v>
      </c>
      <c r="C47" s="6">
        <v>103</v>
      </c>
      <c r="D47" s="5">
        <v>221</v>
      </c>
    </row>
    <row r="48" spans="1:4" ht="18" customHeight="1" x14ac:dyDescent="0.15">
      <c r="A48" s="8">
        <v>35</v>
      </c>
      <c r="B48" s="21">
        <v>20</v>
      </c>
      <c r="C48" s="6">
        <v>25</v>
      </c>
      <c r="D48" s="5">
        <v>45</v>
      </c>
    </row>
    <row r="49" spans="1:4" ht="18" customHeight="1" x14ac:dyDescent="0.15">
      <c r="A49" s="8">
        <v>36</v>
      </c>
      <c r="B49" s="21">
        <v>27</v>
      </c>
      <c r="C49" s="6">
        <v>31</v>
      </c>
      <c r="D49" s="5">
        <v>58</v>
      </c>
    </row>
    <row r="50" spans="1:4" ht="18" customHeight="1" x14ac:dyDescent="0.15">
      <c r="A50" s="8">
        <v>37</v>
      </c>
      <c r="B50" s="21">
        <v>27</v>
      </c>
      <c r="C50" s="6">
        <v>25</v>
      </c>
      <c r="D50" s="5">
        <v>52</v>
      </c>
    </row>
    <row r="51" spans="1:4" ht="18" customHeight="1" x14ac:dyDescent="0.15">
      <c r="A51" s="8">
        <v>38</v>
      </c>
      <c r="B51" s="21">
        <v>26</v>
      </c>
      <c r="C51" s="6">
        <v>23</v>
      </c>
      <c r="D51" s="5">
        <v>49</v>
      </c>
    </row>
    <row r="52" spans="1:4" ht="18" customHeight="1" x14ac:dyDescent="0.15">
      <c r="A52" s="8">
        <v>39</v>
      </c>
      <c r="B52" s="21">
        <v>35</v>
      </c>
      <c r="C52" s="6">
        <v>29</v>
      </c>
      <c r="D52" s="5">
        <v>64</v>
      </c>
    </row>
    <row r="53" spans="1:4" ht="18" customHeight="1" x14ac:dyDescent="0.15">
      <c r="A53" s="8" t="s">
        <v>17</v>
      </c>
      <c r="B53" s="21">
        <v>135</v>
      </c>
      <c r="C53" s="6">
        <v>133</v>
      </c>
      <c r="D53" s="5">
        <v>268</v>
      </c>
    </row>
    <row r="54" spans="1:4" ht="18" customHeight="1" x14ac:dyDescent="0.15">
      <c r="A54" s="8">
        <v>40</v>
      </c>
      <c r="B54" s="21">
        <v>33</v>
      </c>
      <c r="C54" s="6">
        <v>49</v>
      </c>
      <c r="D54" s="5">
        <v>82</v>
      </c>
    </row>
    <row r="55" spans="1:4" ht="18" customHeight="1" x14ac:dyDescent="0.15">
      <c r="A55" s="8">
        <v>41</v>
      </c>
      <c r="B55" s="21">
        <v>36</v>
      </c>
      <c r="C55" s="6">
        <v>23</v>
      </c>
      <c r="D55" s="5">
        <v>59</v>
      </c>
    </row>
    <row r="56" spans="1:4" ht="18" customHeight="1" x14ac:dyDescent="0.15">
      <c r="A56" s="8">
        <v>42</v>
      </c>
      <c r="B56" s="21">
        <v>26</v>
      </c>
      <c r="C56" s="6">
        <v>28</v>
      </c>
      <c r="D56" s="5">
        <v>54</v>
      </c>
    </row>
    <row r="57" spans="1:4" ht="18" customHeight="1" x14ac:dyDescent="0.15">
      <c r="A57" s="8">
        <v>43</v>
      </c>
      <c r="B57" s="21">
        <v>38</v>
      </c>
      <c r="C57" s="6">
        <v>36</v>
      </c>
      <c r="D57" s="5">
        <v>74</v>
      </c>
    </row>
    <row r="58" spans="1:4" ht="18" customHeight="1" x14ac:dyDescent="0.15">
      <c r="A58" s="8">
        <v>44</v>
      </c>
      <c r="B58" s="21">
        <v>44</v>
      </c>
      <c r="C58" s="6">
        <v>35</v>
      </c>
      <c r="D58" s="5">
        <v>79</v>
      </c>
    </row>
    <row r="59" spans="1:4" ht="18" customHeight="1" x14ac:dyDescent="0.15">
      <c r="A59" s="8" t="s">
        <v>16</v>
      </c>
      <c r="B59" s="21">
        <v>177</v>
      </c>
      <c r="C59" s="6">
        <v>171</v>
      </c>
      <c r="D59" s="5">
        <v>348</v>
      </c>
    </row>
    <row r="60" spans="1:4" ht="18" customHeight="1" x14ac:dyDescent="0.15">
      <c r="A60" s="8">
        <v>45</v>
      </c>
      <c r="B60" s="21">
        <v>41</v>
      </c>
      <c r="C60" s="6">
        <v>30</v>
      </c>
      <c r="D60" s="5">
        <v>71</v>
      </c>
    </row>
    <row r="61" spans="1:4" ht="18" customHeight="1" x14ac:dyDescent="0.15">
      <c r="A61" s="8">
        <v>46</v>
      </c>
      <c r="B61" s="21">
        <v>45</v>
      </c>
      <c r="C61" s="6">
        <v>48</v>
      </c>
      <c r="D61" s="5">
        <v>93</v>
      </c>
    </row>
    <row r="62" spans="1:4" ht="18" customHeight="1" x14ac:dyDescent="0.15">
      <c r="A62" s="8">
        <v>47</v>
      </c>
      <c r="B62" s="21">
        <v>51</v>
      </c>
      <c r="C62" s="6">
        <v>39</v>
      </c>
      <c r="D62" s="5">
        <v>90</v>
      </c>
    </row>
    <row r="63" spans="1:4" ht="18" customHeight="1" x14ac:dyDescent="0.15">
      <c r="A63" s="8">
        <v>48</v>
      </c>
      <c r="B63" s="21">
        <v>53</v>
      </c>
      <c r="C63" s="6">
        <v>51</v>
      </c>
      <c r="D63" s="5">
        <v>104</v>
      </c>
    </row>
    <row r="64" spans="1:4" ht="18" customHeight="1" x14ac:dyDescent="0.15">
      <c r="A64" s="8">
        <v>49</v>
      </c>
      <c r="B64" s="21">
        <v>49</v>
      </c>
      <c r="C64" s="6">
        <v>53</v>
      </c>
      <c r="D64" s="5">
        <v>102</v>
      </c>
    </row>
    <row r="65" spans="1:4" ht="18" customHeight="1" x14ac:dyDescent="0.15">
      <c r="A65" s="8" t="s">
        <v>15</v>
      </c>
      <c r="B65" s="21">
        <v>239</v>
      </c>
      <c r="C65" s="6">
        <v>221</v>
      </c>
      <c r="D65" s="5">
        <v>460</v>
      </c>
    </row>
    <row r="66" spans="1:4" ht="18" customHeight="1" x14ac:dyDescent="0.15">
      <c r="A66" s="8">
        <v>50</v>
      </c>
      <c r="B66" s="21">
        <v>58</v>
      </c>
      <c r="C66" s="6">
        <v>53</v>
      </c>
      <c r="D66" s="5">
        <v>111</v>
      </c>
    </row>
    <row r="67" spans="1:4" ht="18" customHeight="1" x14ac:dyDescent="0.15">
      <c r="A67" s="8">
        <v>51</v>
      </c>
      <c r="B67" s="21">
        <v>67</v>
      </c>
      <c r="C67" s="6">
        <v>68</v>
      </c>
      <c r="D67" s="5">
        <v>135</v>
      </c>
    </row>
    <row r="68" spans="1:4" ht="18" customHeight="1" x14ac:dyDescent="0.15">
      <c r="A68" s="8">
        <v>52</v>
      </c>
      <c r="B68" s="21">
        <v>80</v>
      </c>
      <c r="C68" s="6">
        <v>91</v>
      </c>
      <c r="D68" s="5">
        <v>171</v>
      </c>
    </row>
    <row r="69" spans="1:4" ht="18" customHeight="1" x14ac:dyDescent="0.15">
      <c r="A69" s="8">
        <v>53</v>
      </c>
      <c r="B69" s="21">
        <v>73</v>
      </c>
      <c r="C69" s="6">
        <v>73</v>
      </c>
      <c r="D69" s="5">
        <v>146</v>
      </c>
    </row>
    <row r="70" spans="1:4" ht="18" customHeight="1" x14ac:dyDescent="0.15">
      <c r="A70" s="8">
        <v>54</v>
      </c>
      <c r="B70" s="21">
        <v>45</v>
      </c>
      <c r="C70" s="6">
        <v>67</v>
      </c>
      <c r="D70" s="5">
        <v>112</v>
      </c>
    </row>
    <row r="71" spans="1:4" ht="18" customHeight="1" x14ac:dyDescent="0.15">
      <c r="A71" s="8" t="s">
        <v>14</v>
      </c>
      <c r="B71" s="21">
        <v>323</v>
      </c>
      <c r="C71" s="6">
        <v>352</v>
      </c>
      <c r="D71" s="5">
        <v>675</v>
      </c>
    </row>
    <row r="72" spans="1:4" ht="18" customHeight="1" x14ac:dyDescent="0.15">
      <c r="A72" s="8">
        <v>55</v>
      </c>
      <c r="B72" s="21">
        <v>73</v>
      </c>
      <c r="C72" s="6">
        <v>48</v>
      </c>
      <c r="D72" s="5">
        <v>121</v>
      </c>
    </row>
    <row r="73" spans="1:4" ht="18" customHeight="1" x14ac:dyDescent="0.15">
      <c r="A73" s="8">
        <v>56</v>
      </c>
      <c r="B73" s="21">
        <v>56</v>
      </c>
      <c r="C73" s="6">
        <v>47</v>
      </c>
      <c r="D73" s="5">
        <v>103</v>
      </c>
    </row>
    <row r="74" spans="1:4" ht="18" customHeight="1" x14ac:dyDescent="0.15">
      <c r="A74" s="8">
        <v>57</v>
      </c>
      <c r="B74" s="21">
        <v>49</v>
      </c>
      <c r="C74" s="6">
        <v>40</v>
      </c>
      <c r="D74" s="5">
        <v>89</v>
      </c>
    </row>
    <row r="75" spans="1:4" ht="18" customHeight="1" x14ac:dyDescent="0.15">
      <c r="A75" s="8">
        <v>58</v>
      </c>
      <c r="B75" s="21">
        <v>56</v>
      </c>
      <c r="C75" s="6">
        <v>50</v>
      </c>
      <c r="D75" s="5">
        <v>106</v>
      </c>
    </row>
    <row r="76" spans="1:4" ht="18" customHeight="1" x14ac:dyDescent="0.15">
      <c r="A76" s="8">
        <v>59</v>
      </c>
      <c r="B76" s="21">
        <v>38</v>
      </c>
      <c r="C76" s="6">
        <v>35</v>
      </c>
      <c r="D76" s="5">
        <v>73</v>
      </c>
    </row>
    <row r="77" spans="1:4" ht="18" customHeight="1" x14ac:dyDescent="0.15">
      <c r="A77" s="8" t="s">
        <v>13</v>
      </c>
      <c r="B77" s="21">
        <v>272</v>
      </c>
      <c r="C77" s="6">
        <v>220</v>
      </c>
      <c r="D77" s="5">
        <v>492</v>
      </c>
    </row>
    <row r="78" spans="1:4" ht="18" customHeight="1" x14ac:dyDescent="0.15">
      <c r="A78" s="8">
        <v>60</v>
      </c>
      <c r="B78" s="21">
        <v>48</v>
      </c>
      <c r="C78" s="6">
        <v>52</v>
      </c>
      <c r="D78" s="5">
        <v>100</v>
      </c>
    </row>
    <row r="79" spans="1:4" ht="18" customHeight="1" x14ac:dyDescent="0.15">
      <c r="A79" s="8">
        <v>61</v>
      </c>
      <c r="B79" s="21">
        <v>42</v>
      </c>
      <c r="C79" s="6">
        <v>47</v>
      </c>
      <c r="D79" s="5">
        <v>89</v>
      </c>
    </row>
    <row r="80" spans="1:4" ht="18" customHeight="1" x14ac:dyDescent="0.15">
      <c r="A80" s="8">
        <v>62</v>
      </c>
      <c r="B80" s="21">
        <v>29</v>
      </c>
      <c r="C80" s="6">
        <v>33</v>
      </c>
      <c r="D80" s="5">
        <v>62</v>
      </c>
    </row>
    <row r="81" spans="1:4" ht="18" customHeight="1" x14ac:dyDescent="0.15">
      <c r="A81" s="8">
        <v>63</v>
      </c>
      <c r="B81" s="21">
        <v>41</v>
      </c>
      <c r="C81" s="6">
        <v>33</v>
      </c>
      <c r="D81" s="5">
        <v>74</v>
      </c>
    </row>
    <row r="82" spans="1:4" ht="18" customHeight="1" x14ac:dyDescent="0.15">
      <c r="A82" s="8">
        <v>64</v>
      </c>
      <c r="B82" s="21">
        <v>39</v>
      </c>
      <c r="C82" s="6">
        <v>35</v>
      </c>
      <c r="D82" s="5">
        <v>74</v>
      </c>
    </row>
    <row r="83" spans="1:4" ht="18" customHeight="1" x14ac:dyDescent="0.15">
      <c r="A83" s="8" t="s">
        <v>12</v>
      </c>
      <c r="B83" s="21">
        <v>199</v>
      </c>
      <c r="C83" s="6">
        <v>200</v>
      </c>
      <c r="D83" s="5">
        <v>399</v>
      </c>
    </row>
    <row r="84" spans="1:4" ht="18" customHeight="1" x14ac:dyDescent="0.15">
      <c r="A84" s="8" t="s">
        <v>11</v>
      </c>
      <c r="B84" s="21">
        <v>1959</v>
      </c>
      <c r="C84" s="6">
        <v>1861</v>
      </c>
      <c r="D84" s="5">
        <v>3820</v>
      </c>
    </row>
    <row r="85" spans="1:4" ht="18" customHeight="1" x14ac:dyDescent="0.15">
      <c r="A85" s="8">
        <v>65</v>
      </c>
      <c r="B85" s="21">
        <v>39</v>
      </c>
      <c r="C85" s="6">
        <v>43</v>
      </c>
      <c r="D85" s="5">
        <v>82</v>
      </c>
    </row>
    <row r="86" spans="1:4" ht="18" customHeight="1" x14ac:dyDescent="0.15">
      <c r="A86" s="8">
        <v>66</v>
      </c>
      <c r="B86" s="21">
        <v>37</v>
      </c>
      <c r="C86" s="6">
        <v>50</v>
      </c>
      <c r="D86" s="5">
        <v>87</v>
      </c>
    </row>
    <row r="87" spans="1:4" ht="18" customHeight="1" x14ac:dyDescent="0.15">
      <c r="A87" s="8">
        <v>67</v>
      </c>
      <c r="B87" s="21">
        <v>51</v>
      </c>
      <c r="C87" s="6">
        <v>45</v>
      </c>
      <c r="D87" s="5">
        <v>96</v>
      </c>
    </row>
    <row r="88" spans="1:4" ht="18" customHeight="1" x14ac:dyDescent="0.15">
      <c r="A88" s="8">
        <v>68</v>
      </c>
      <c r="B88" s="21">
        <v>46</v>
      </c>
      <c r="C88" s="6">
        <v>40</v>
      </c>
      <c r="D88" s="5">
        <v>86</v>
      </c>
    </row>
    <row r="89" spans="1:4" ht="18" customHeight="1" x14ac:dyDescent="0.15">
      <c r="A89" s="8">
        <v>69</v>
      </c>
      <c r="B89" s="21">
        <v>36</v>
      </c>
      <c r="C89" s="6">
        <v>48</v>
      </c>
      <c r="D89" s="5">
        <v>84</v>
      </c>
    </row>
    <row r="90" spans="1:4" ht="18" customHeight="1" x14ac:dyDescent="0.15">
      <c r="A90" s="8" t="s">
        <v>10</v>
      </c>
      <c r="B90" s="21">
        <v>209</v>
      </c>
      <c r="C90" s="6">
        <v>226</v>
      </c>
      <c r="D90" s="5">
        <v>435</v>
      </c>
    </row>
    <row r="91" spans="1:4" ht="18" customHeight="1" x14ac:dyDescent="0.15">
      <c r="A91" s="8">
        <v>70</v>
      </c>
      <c r="B91" s="21">
        <v>32</v>
      </c>
      <c r="C91" s="6">
        <v>48</v>
      </c>
      <c r="D91" s="5">
        <v>80</v>
      </c>
    </row>
    <row r="92" spans="1:4" ht="18" customHeight="1" x14ac:dyDescent="0.15">
      <c r="A92" s="8">
        <v>71</v>
      </c>
      <c r="B92" s="21">
        <v>40</v>
      </c>
      <c r="C92" s="6">
        <v>41</v>
      </c>
      <c r="D92" s="5">
        <v>81</v>
      </c>
    </row>
    <row r="93" spans="1:4" ht="18" customHeight="1" x14ac:dyDescent="0.15">
      <c r="A93" s="8">
        <v>72</v>
      </c>
      <c r="B93" s="21">
        <v>47</v>
      </c>
      <c r="C93" s="6">
        <v>39</v>
      </c>
      <c r="D93" s="5">
        <v>86</v>
      </c>
    </row>
    <row r="94" spans="1:4" ht="18" customHeight="1" x14ac:dyDescent="0.15">
      <c r="A94" s="8">
        <v>73</v>
      </c>
      <c r="B94" s="21">
        <v>48</v>
      </c>
      <c r="C94" s="6">
        <v>55</v>
      </c>
      <c r="D94" s="5">
        <v>103</v>
      </c>
    </row>
    <row r="95" spans="1:4" ht="18" customHeight="1" x14ac:dyDescent="0.15">
      <c r="A95" s="8">
        <v>74</v>
      </c>
      <c r="B95" s="21">
        <v>33</v>
      </c>
      <c r="C95" s="6">
        <v>51</v>
      </c>
      <c r="D95" s="5">
        <v>84</v>
      </c>
    </row>
    <row r="96" spans="1:4" ht="18" customHeight="1" x14ac:dyDescent="0.15">
      <c r="A96" s="8" t="s">
        <v>9</v>
      </c>
      <c r="B96" s="21">
        <v>200</v>
      </c>
      <c r="C96" s="6">
        <v>234</v>
      </c>
      <c r="D96" s="5">
        <v>434</v>
      </c>
    </row>
    <row r="97" spans="1:4" ht="18" customHeight="1" x14ac:dyDescent="0.15">
      <c r="A97" s="8">
        <v>75</v>
      </c>
      <c r="B97" s="21">
        <v>48</v>
      </c>
      <c r="C97" s="6">
        <v>67</v>
      </c>
      <c r="D97" s="5">
        <v>115</v>
      </c>
    </row>
    <row r="98" spans="1:4" ht="18" customHeight="1" x14ac:dyDescent="0.15">
      <c r="A98" s="8">
        <v>76</v>
      </c>
      <c r="B98" s="21">
        <v>63</v>
      </c>
      <c r="C98" s="6">
        <v>75</v>
      </c>
      <c r="D98" s="5">
        <v>138</v>
      </c>
    </row>
    <row r="99" spans="1:4" ht="18" customHeight="1" x14ac:dyDescent="0.15">
      <c r="A99" s="8">
        <v>77</v>
      </c>
      <c r="B99" s="21">
        <v>56</v>
      </c>
      <c r="C99" s="6">
        <v>68</v>
      </c>
      <c r="D99" s="5">
        <v>124</v>
      </c>
    </row>
    <row r="100" spans="1:4" ht="18" customHeight="1" x14ac:dyDescent="0.15">
      <c r="A100" s="8">
        <v>78</v>
      </c>
      <c r="B100" s="21">
        <v>58</v>
      </c>
      <c r="C100" s="6">
        <v>67</v>
      </c>
      <c r="D100" s="5">
        <v>125</v>
      </c>
    </row>
    <row r="101" spans="1:4" ht="18" customHeight="1" x14ac:dyDescent="0.15">
      <c r="A101" s="8">
        <v>79</v>
      </c>
      <c r="B101" s="21">
        <v>25</v>
      </c>
      <c r="C101" s="6">
        <v>35</v>
      </c>
      <c r="D101" s="5">
        <v>60</v>
      </c>
    </row>
    <row r="102" spans="1:4" ht="18" customHeight="1" x14ac:dyDescent="0.15">
      <c r="A102" s="8" t="s">
        <v>8</v>
      </c>
      <c r="B102" s="21">
        <v>250</v>
      </c>
      <c r="C102" s="6">
        <v>312</v>
      </c>
      <c r="D102" s="5">
        <v>562</v>
      </c>
    </row>
    <row r="103" spans="1:4" ht="18" customHeight="1" x14ac:dyDescent="0.15">
      <c r="A103" s="8">
        <v>80</v>
      </c>
      <c r="B103" s="21">
        <v>23</v>
      </c>
      <c r="C103" s="6">
        <v>44</v>
      </c>
      <c r="D103" s="5">
        <v>67</v>
      </c>
    </row>
    <row r="104" spans="1:4" ht="18" customHeight="1" x14ac:dyDescent="0.15">
      <c r="A104" s="8">
        <v>81</v>
      </c>
      <c r="B104" s="21">
        <v>39</v>
      </c>
      <c r="C104" s="6">
        <v>65</v>
      </c>
      <c r="D104" s="5">
        <v>104</v>
      </c>
    </row>
    <row r="105" spans="1:4" ht="18" customHeight="1" x14ac:dyDescent="0.15">
      <c r="A105" s="8">
        <v>82</v>
      </c>
      <c r="B105" s="21">
        <v>36</v>
      </c>
      <c r="C105" s="6">
        <v>52</v>
      </c>
      <c r="D105" s="5">
        <v>88</v>
      </c>
    </row>
    <row r="106" spans="1:4" ht="18" customHeight="1" x14ac:dyDescent="0.15">
      <c r="A106" s="8">
        <v>83</v>
      </c>
      <c r="B106" s="21">
        <v>30</v>
      </c>
      <c r="C106" s="6">
        <v>49</v>
      </c>
      <c r="D106" s="5">
        <v>79</v>
      </c>
    </row>
    <row r="107" spans="1:4" ht="18" customHeight="1" x14ac:dyDescent="0.15">
      <c r="A107" s="8">
        <v>84</v>
      </c>
      <c r="B107" s="21">
        <v>29</v>
      </c>
      <c r="C107" s="6">
        <v>39</v>
      </c>
      <c r="D107" s="5">
        <v>68</v>
      </c>
    </row>
    <row r="108" spans="1:4" ht="18" customHeight="1" x14ac:dyDescent="0.15">
      <c r="A108" s="8" t="s">
        <v>7</v>
      </c>
      <c r="B108" s="21">
        <v>157</v>
      </c>
      <c r="C108" s="6">
        <v>249</v>
      </c>
      <c r="D108" s="5">
        <v>406</v>
      </c>
    </row>
    <row r="109" spans="1:4" ht="18" customHeight="1" x14ac:dyDescent="0.15">
      <c r="A109" s="8">
        <v>85</v>
      </c>
      <c r="B109" s="21">
        <v>37</v>
      </c>
      <c r="C109" s="6">
        <v>33</v>
      </c>
      <c r="D109" s="5">
        <v>70</v>
      </c>
    </row>
    <row r="110" spans="1:4" ht="18" customHeight="1" x14ac:dyDescent="0.15">
      <c r="A110" s="8">
        <v>86</v>
      </c>
      <c r="B110" s="21">
        <v>26</v>
      </c>
      <c r="C110" s="6">
        <v>23</v>
      </c>
      <c r="D110" s="5">
        <v>49</v>
      </c>
    </row>
    <row r="111" spans="1:4" ht="18" customHeight="1" x14ac:dyDescent="0.15">
      <c r="A111" s="8">
        <v>87</v>
      </c>
      <c r="B111" s="21">
        <v>15</v>
      </c>
      <c r="C111" s="6">
        <v>28</v>
      </c>
      <c r="D111" s="5">
        <v>43</v>
      </c>
    </row>
    <row r="112" spans="1:4" ht="18" customHeight="1" x14ac:dyDescent="0.15">
      <c r="A112" s="8">
        <v>88</v>
      </c>
      <c r="B112" s="21">
        <v>22</v>
      </c>
      <c r="C112" s="6">
        <v>33</v>
      </c>
      <c r="D112" s="5">
        <v>55</v>
      </c>
    </row>
    <row r="113" spans="1:4" ht="18" customHeight="1" x14ac:dyDescent="0.15">
      <c r="A113" s="8">
        <v>89</v>
      </c>
      <c r="B113" s="21">
        <v>13</v>
      </c>
      <c r="C113" s="6">
        <v>36</v>
      </c>
      <c r="D113" s="5">
        <v>49</v>
      </c>
    </row>
    <row r="114" spans="1:4" ht="18" customHeight="1" x14ac:dyDescent="0.15">
      <c r="A114" s="8" t="s">
        <v>6</v>
      </c>
      <c r="B114" s="21">
        <v>113</v>
      </c>
      <c r="C114" s="6">
        <v>153</v>
      </c>
      <c r="D114" s="5">
        <v>266</v>
      </c>
    </row>
    <row r="115" spans="1:4" ht="18" customHeight="1" x14ac:dyDescent="0.15">
      <c r="A115" s="8">
        <v>90</v>
      </c>
      <c r="B115" s="21">
        <v>8</v>
      </c>
      <c r="C115" s="6">
        <v>29</v>
      </c>
      <c r="D115" s="5">
        <v>37</v>
      </c>
    </row>
    <row r="116" spans="1:4" ht="18" customHeight="1" x14ac:dyDescent="0.15">
      <c r="A116" s="8">
        <v>91</v>
      </c>
      <c r="B116" s="21">
        <v>7</v>
      </c>
      <c r="C116" s="6">
        <v>20</v>
      </c>
      <c r="D116" s="5">
        <v>27</v>
      </c>
    </row>
    <row r="117" spans="1:4" ht="18" customHeight="1" x14ac:dyDescent="0.15">
      <c r="A117" s="8">
        <v>92</v>
      </c>
      <c r="B117" s="21">
        <v>10</v>
      </c>
      <c r="C117" s="6">
        <v>20</v>
      </c>
      <c r="D117" s="5">
        <v>30</v>
      </c>
    </row>
    <row r="118" spans="1:4" ht="18" customHeight="1" x14ac:dyDescent="0.15">
      <c r="A118" s="8">
        <v>93</v>
      </c>
      <c r="B118" s="21">
        <v>5</v>
      </c>
      <c r="C118" s="6">
        <v>20</v>
      </c>
      <c r="D118" s="5">
        <v>25</v>
      </c>
    </row>
    <row r="119" spans="1:4" ht="18" customHeight="1" x14ac:dyDescent="0.15">
      <c r="A119" s="8">
        <v>94</v>
      </c>
      <c r="B119" s="21">
        <v>6</v>
      </c>
      <c r="C119" s="6">
        <v>9</v>
      </c>
      <c r="D119" s="5">
        <v>15</v>
      </c>
    </row>
    <row r="120" spans="1:4" ht="18" customHeight="1" x14ac:dyDescent="0.15">
      <c r="A120" s="8" t="s">
        <v>5</v>
      </c>
      <c r="B120" s="21">
        <v>36</v>
      </c>
      <c r="C120" s="6">
        <v>98</v>
      </c>
      <c r="D120" s="5">
        <v>134</v>
      </c>
    </row>
    <row r="121" spans="1:4" ht="18" customHeight="1" x14ac:dyDescent="0.15">
      <c r="A121" s="8">
        <v>95</v>
      </c>
      <c r="B121" s="21">
        <v>2</v>
      </c>
      <c r="C121" s="6">
        <v>6</v>
      </c>
      <c r="D121" s="5">
        <v>8</v>
      </c>
    </row>
    <row r="122" spans="1:4" ht="18" customHeight="1" x14ac:dyDescent="0.15">
      <c r="A122" s="8">
        <v>96</v>
      </c>
      <c r="B122" s="21">
        <v>2</v>
      </c>
      <c r="C122" s="6">
        <v>6</v>
      </c>
      <c r="D122" s="5">
        <v>8</v>
      </c>
    </row>
    <row r="123" spans="1:4" ht="18" customHeight="1" x14ac:dyDescent="0.15">
      <c r="A123" s="8">
        <v>97</v>
      </c>
      <c r="B123" s="21">
        <v>1</v>
      </c>
      <c r="C123" s="6">
        <v>5</v>
      </c>
      <c r="D123" s="5">
        <v>6</v>
      </c>
    </row>
    <row r="124" spans="1:4" ht="18" customHeight="1" x14ac:dyDescent="0.15">
      <c r="A124" s="8">
        <v>98</v>
      </c>
      <c r="B124" s="21">
        <v>1</v>
      </c>
      <c r="C124" s="6">
        <v>2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6</v>
      </c>
      <c r="C126" s="6">
        <v>20</v>
      </c>
      <c r="D126" s="5">
        <v>26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5</v>
      </c>
      <c r="D128" s="5">
        <v>6</v>
      </c>
    </row>
    <row r="129" spans="1:4" ht="18" customHeight="1" x14ac:dyDescent="0.15">
      <c r="A129" s="8" t="s">
        <v>2</v>
      </c>
      <c r="B129" s="21">
        <v>1</v>
      </c>
      <c r="C129" s="6">
        <v>8</v>
      </c>
      <c r="D129" s="5">
        <v>9</v>
      </c>
    </row>
    <row r="130" spans="1:4" ht="18" customHeight="1" x14ac:dyDescent="0.15">
      <c r="A130" s="8" t="s">
        <v>1</v>
      </c>
      <c r="B130" s="21">
        <v>972</v>
      </c>
      <c r="C130" s="6">
        <v>1300</v>
      </c>
      <c r="D130" s="5">
        <v>2272</v>
      </c>
    </row>
    <row r="131" spans="1:4" ht="18" customHeight="1" x14ac:dyDescent="0.15">
      <c r="A131" s="4" t="s">
        <v>0</v>
      </c>
      <c r="B131" s="20">
        <v>3274</v>
      </c>
      <c r="C131" s="2">
        <v>3444</v>
      </c>
      <c r="D131" s="1">
        <v>671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A0B9EA-2FAA-49B2-A802-1D6A6E9865D2}">
  <sheetPr codeName="Sheet4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8</v>
      </c>
      <c r="C5" s="11">
        <v>5</v>
      </c>
      <c r="D5" s="10">
        <v>13</v>
      </c>
    </row>
    <row r="6" spans="1:4" ht="18" customHeight="1" x14ac:dyDescent="0.15">
      <c r="A6" s="8">
        <v>1</v>
      </c>
      <c r="B6" s="21">
        <v>11</v>
      </c>
      <c r="C6" s="6">
        <v>11</v>
      </c>
      <c r="D6" s="5">
        <v>22</v>
      </c>
    </row>
    <row r="7" spans="1:4" ht="18" customHeight="1" x14ac:dyDescent="0.15">
      <c r="A7" s="8">
        <v>2</v>
      </c>
      <c r="B7" s="21">
        <v>13</v>
      </c>
      <c r="C7" s="6">
        <v>11</v>
      </c>
      <c r="D7" s="5">
        <v>24</v>
      </c>
    </row>
    <row r="8" spans="1:4" ht="18" customHeight="1" x14ac:dyDescent="0.15">
      <c r="A8" s="8">
        <v>3</v>
      </c>
      <c r="B8" s="21">
        <v>15</v>
      </c>
      <c r="C8" s="6">
        <v>11</v>
      </c>
      <c r="D8" s="5">
        <v>26</v>
      </c>
    </row>
    <row r="9" spans="1:4" ht="18" customHeight="1" x14ac:dyDescent="0.15">
      <c r="A9" s="8">
        <v>4</v>
      </c>
      <c r="B9" s="21">
        <v>12</v>
      </c>
      <c r="C9" s="6">
        <v>15</v>
      </c>
      <c r="D9" s="5">
        <v>27</v>
      </c>
    </row>
    <row r="10" spans="1:4" ht="18" customHeight="1" x14ac:dyDescent="0.15">
      <c r="A10" s="8" t="s">
        <v>25</v>
      </c>
      <c r="B10" s="21">
        <v>59</v>
      </c>
      <c r="C10" s="6">
        <v>53</v>
      </c>
      <c r="D10" s="5">
        <v>112</v>
      </c>
    </row>
    <row r="11" spans="1:4" ht="18" customHeight="1" x14ac:dyDescent="0.15">
      <c r="A11" s="8">
        <v>5</v>
      </c>
      <c r="B11" s="21">
        <v>12</v>
      </c>
      <c r="C11" s="6">
        <v>13</v>
      </c>
      <c r="D11" s="5">
        <v>25</v>
      </c>
    </row>
    <row r="12" spans="1:4" ht="18" customHeight="1" x14ac:dyDescent="0.15">
      <c r="A12" s="8">
        <v>6</v>
      </c>
      <c r="B12" s="21">
        <v>16</v>
      </c>
      <c r="C12" s="6">
        <v>16</v>
      </c>
      <c r="D12" s="5">
        <v>32</v>
      </c>
    </row>
    <row r="13" spans="1:4" ht="18" customHeight="1" x14ac:dyDescent="0.15">
      <c r="A13" s="8">
        <v>7</v>
      </c>
      <c r="B13" s="21">
        <v>15</v>
      </c>
      <c r="C13" s="6">
        <v>15</v>
      </c>
      <c r="D13" s="5">
        <v>30</v>
      </c>
    </row>
    <row r="14" spans="1:4" ht="18" customHeight="1" x14ac:dyDescent="0.15">
      <c r="A14" s="8">
        <v>8</v>
      </c>
      <c r="B14" s="21">
        <v>22</v>
      </c>
      <c r="C14" s="6">
        <v>9</v>
      </c>
      <c r="D14" s="5">
        <v>31</v>
      </c>
    </row>
    <row r="15" spans="1:4" ht="18" customHeight="1" x14ac:dyDescent="0.15">
      <c r="A15" s="8">
        <v>9</v>
      </c>
      <c r="B15" s="21">
        <v>25</v>
      </c>
      <c r="C15" s="6">
        <v>13</v>
      </c>
      <c r="D15" s="5">
        <v>38</v>
      </c>
    </row>
    <row r="16" spans="1:4" ht="18" customHeight="1" x14ac:dyDescent="0.15">
      <c r="A16" s="8" t="s">
        <v>24</v>
      </c>
      <c r="B16" s="21">
        <v>90</v>
      </c>
      <c r="C16" s="6">
        <v>66</v>
      </c>
      <c r="D16" s="5">
        <v>156</v>
      </c>
    </row>
    <row r="17" spans="1:4" ht="18" customHeight="1" x14ac:dyDescent="0.15">
      <c r="A17" s="8">
        <v>10</v>
      </c>
      <c r="B17" s="21">
        <v>15</v>
      </c>
      <c r="C17" s="6">
        <v>25</v>
      </c>
      <c r="D17" s="5">
        <v>40</v>
      </c>
    </row>
    <row r="18" spans="1:4" ht="18" customHeight="1" x14ac:dyDescent="0.15">
      <c r="A18" s="8">
        <v>11</v>
      </c>
      <c r="B18" s="21">
        <v>22</v>
      </c>
      <c r="C18" s="6">
        <v>22</v>
      </c>
      <c r="D18" s="5">
        <v>44</v>
      </c>
    </row>
    <row r="19" spans="1:4" ht="18" customHeight="1" x14ac:dyDescent="0.15">
      <c r="A19" s="8">
        <v>12</v>
      </c>
      <c r="B19" s="21">
        <v>21</v>
      </c>
      <c r="C19" s="6">
        <v>18</v>
      </c>
      <c r="D19" s="5">
        <v>39</v>
      </c>
    </row>
    <row r="20" spans="1:4" ht="18" customHeight="1" x14ac:dyDescent="0.15">
      <c r="A20" s="8">
        <v>13</v>
      </c>
      <c r="B20" s="21">
        <v>25</v>
      </c>
      <c r="C20" s="6">
        <v>22</v>
      </c>
      <c r="D20" s="5">
        <v>47</v>
      </c>
    </row>
    <row r="21" spans="1:4" ht="18" customHeight="1" x14ac:dyDescent="0.15">
      <c r="A21" s="8">
        <v>14</v>
      </c>
      <c r="B21" s="21">
        <v>30</v>
      </c>
      <c r="C21" s="6">
        <v>25</v>
      </c>
      <c r="D21" s="5">
        <v>55</v>
      </c>
    </row>
    <row r="22" spans="1:4" ht="18" customHeight="1" x14ac:dyDescent="0.15">
      <c r="A22" s="8" t="s">
        <v>23</v>
      </c>
      <c r="B22" s="21">
        <v>113</v>
      </c>
      <c r="C22" s="6">
        <v>112</v>
      </c>
      <c r="D22" s="5">
        <v>225</v>
      </c>
    </row>
    <row r="23" spans="1:4" ht="18" customHeight="1" x14ac:dyDescent="0.15">
      <c r="A23" s="8" t="s">
        <v>22</v>
      </c>
      <c r="B23" s="21">
        <v>262</v>
      </c>
      <c r="C23" s="6">
        <v>231</v>
      </c>
      <c r="D23" s="5">
        <v>493</v>
      </c>
    </row>
    <row r="24" spans="1:4" ht="18" customHeight="1" x14ac:dyDescent="0.15">
      <c r="A24" s="8">
        <v>15</v>
      </c>
      <c r="B24" s="21">
        <v>22</v>
      </c>
      <c r="C24" s="6">
        <v>34</v>
      </c>
      <c r="D24" s="5">
        <v>56</v>
      </c>
    </row>
    <row r="25" spans="1:4" ht="18" customHeight="1" x14ac:dyDescent="0.15">
      <c r="A25" s="8">
        <v>16</v>
      </c>
      <c r="B25" s="21">
        <v>24</v>
      </c>
      <c r="C25" s="6">
        <v>25</v>
      </c>
      <c r="D25" s="5">
        <v>49</v>
      </c>
    </row>
    <row r="26" spans="1:4" ht="18" customHeight="1" x14ac:dyDescent="0.15">
      <c r="A26" s="8">
        <v>17</v>
      </c>
      <c r="B26" s="21">
        <v>27</v>
      </c>
      <c r="C26" s="6">
        <v>22</v>
      </c>
      <c r="D26" s="5">
        <v>49</v>
      </c>
    </row>
    <row r="27" spans="1:4" ht="18" customHeight="1" x14ac:dyDescent="0.15">
      <c r="A27" s="8">
        <v>18</v>
      </c>
      <c r="B27" s="21">
        <v>30</v>
      </c>
      <c r="C27" s="6">
        <v>29</v>
      </c>
      <c r="D27" s="5">
        <v>59</v>
      </c>
    </row>
    <row r="28" spans="1:4" ht="18" customHeight="1" x14ac:dyDescent="0.15">
      <c r="A28" s="8">
        <v>19</v>
      </c>
      <c r="B28" s="21">
        <v>27</v>
      </c>
      <c r="C28" s="6">
        <v>20</v>
      </c>
      <c r="D28" s="5">
        <v>47</v>
      </c>
    </row>
    <row r="29" spans="1:4" ht="18" customHeight="1" x14ac:dyDescent="0.15">
      <c r="A29" s="8" t="s">
        <v>21</v>
      </c>
      <c r="B29" s="21">
        <v>130</v>
      </c>
      <c r="C29" s="6">
        <v>130</v>
      </c>
      <c r="D29" s="5">
        <v>260</v>
      </c>
    </row>
    <row r="30" spans="1:4" ht="18" customHeight="1" x14ac:dyDescent="0.15">
      <c r="A30" s="8">
        <v>20</v>
      </c>
      <c r="B30" s="21">
        <v>27</v>
      </c>
      <c r="C30" s="6">
        <v>26</v>
      </c>
      <c r="D30" s="5">
        <v>53</v>
      </c>
    </row>
    <row r="31" spans="1:4" ht="18" customHeight="1" x14ac:dyDescent="0.15">
      <c r="A31" s="8">
        <v>21</v>
      </c>
      <c r="B31" s="21">
        <v>22</v>
      </c>
      <c r="C31" s="6">
        <v>20</v>
      </c>
      <c r="D31" s="5">
        <v>42</v>
      </c>
    </row>
    <row r="32" spans="1:4" ht="18" customHeight="1" x14ac:dyDescent="0.15">
      <c r="A32" s="8">
        <v>22</v>
      </c>
      <c r="B32" s="21">
        <v>22</v>
      </c>
      <c r="C32" s="6">
        <v>23</v>
      </c>
      <c r="D32" s="5">
        <v>45</v>
      </c>
    </row>
    <row r="33" spans="1:4" ht="18" customHeight="1" x14ac:dyDescent="0.15">
      <c r="A33" s="8">
        <v>23</v>
      </c>
      <c r="B33" s="21">
        <v>26</v>
      </c>
      <c r="C33" s="6">
        <v>15</v>
      </c>
      <c r="D33" s="5">
        <v>41</v>
      </c>
    </row>
    <row r="34" spans="1:4" ht="18" customHeight="1" x14ac:dyDescent="0.15">
      <c r="A34" s="8">
        <v>24</v>
      </c>
      <c r="B34" s="21">
        <v>31</v>
      </c>
      <c r="C34" s="6">
        <v>22</v>
      </c>
      <c r="D34" s="5">
        <v>53</v>
      </c>
    </row>
    <row r="35" spans="1:4" ht="18" customHeight="1" x14ac:dyDescent="0.15">
      <c r="A35" s="8" t="s">
        <v>20</v>
      </c>
      <c r="B35" s="21">
        <v>128</v>
      </c>
      <c r="C35" s="6">
        <v>106</v>
      </c>
      <c r="D35" s="5">
        <v>234</v>
      </c>
    </row>
    <row r="36" spans="1:4" ht="18" customHeight="1" x14ac:dyDescent="0.15">
      <c r="A36" s="8">
        <v>25</v>
      </c>
      <c r="B36" s="21">
        <v>18</v>
      </c>
      <c r="C36" s="6">
        <v>16</v>
      </c>
      <c r="D36" s="5">
        <v>34</v>
      </c>
    </row>
    <row r="37" spans="1:4" ht="18" customHeight="1" x14ac:dyDescent="0.15">
      <c r="A37" s="8">
        <v>26</v>
      </c>
      <c r="B37" s="21">
        <v>14</v>
      </c>
      <c r="C37" s="6">
        <v>15</v>
      </c>
      <c r="D37" s="5">
        <v>29</v>
      </c>
    </row>
    <row r="38" spans="1:4" ht="18" customHeight="1" x14ac:dyDescent="0.15">
      <c r="A38" s="8">
        <v>27</v>
      </c>
      <c r="B38" s="21">
        <v>24</v>
      </c>
      <c r="C38" s="6">
        <v>16</v>
      </c>
      <c r="D38" s="5">
        <v>40</v>
      </c>
    </row>
    <row r="39" spans="1:4" ht="18" customHeight="1" x14ac:dyDescent="0.15">
      <c r="A39" s="8">
        <v>28</v>
      </c>
      <c r="B39" s="21">
        <v>17</v>
      </c>
      <c r="C39" s="6">
        <v>15</v>
      </c>
      <c r="D39" s="5">
        <v>32</v>
      </c>
    </row>
    <row r="40" spans="1:4" ht="18" customHeight="1" x14ac:dyDescent="0.15">
      <c r="A40" s="8">
        <v>29</v>
      </c>
      <c r="B40" s="21">
        <v>21</v>
      </c>
      <c r="C40" s="6">
        <v>18</v>
      </c>
      <c r="D40" s="5">
        <v>39</v>
      </c>
    </row>
    <row r="41" spans="1:4" ht="18" customHeight="1" x14ac:dyDescent="0.15">
      <c r="A41" s="8" t="s">
        <v>19</v>
      </c>
      <c r="B41" s="21">
        <v>94</v>
      </c>
      <c r="C41" s="6">
        <v>80</v>
      </c>
      <c r="D41" s="5">
        <v>174</v>
      </c>
    </row>
    <row r="42" spans="1:4" ht="18" customHeight="1" x14ac:dyDescent="0.15">
      <c r="A42" s="8">
        <v>30</v>
      </c>
      <c r="B42" s="21">
        <v>17</v>
      </c>
      <c r="C42" s="6">
        <v>15</v>
      </c>
      <c r="D42" s="5">
        <v>32</v>
      </c>
    </row>
    <row r="43" spans="1:4" ht="18" customHeight="1" x14ac:dyDescent="0.15">
      <c r="A43" s="8">
        <v>31</v>
      </c>
      <c r="B43" s="21">
        <v>21</v>
      </c>
      <c r="C43" s="6">
        <v>15</v>
      </c>
      <c r="D43" s="5">
        <v>36</v>
      </c>
    </row>
    <row r="44" spans="1:4" ht="18" customHeight="1" x14ac:dyDescent="0.15">
      <c r="A44" s="8">
        <v>32</v>
      </c>
      <c r="B44" s="21">
        <v>22</v>
      </c>
      <c r="C44" s="6">
        <v>17</v>
      </c>
      <c r="D44" s="5">
        <v>39</v>
      </c>
    </row>
    <row r="45" spans="1:4" ht="18" customHeight="1" x14ac:dyDescent="0.15">
      <c r="A45" s="8">
        <v>33</v>
      </c>
      <c r="B45" s="21">
        <v>13</v>
      </c>
      <c r="C45" s="6">
        <v>14</v>
      </c>
      <c r="D45" s="5">
        <v>27</v>
      </c>
    </row>
    <row r="46" spans="1:4" ht="18" customHeight="1" x14ac:dyDescent="0.15">
      <c r="A46" s="8">
        <v>34</v>
      </c>
      <c r="B46" s="21">
        <v>22</v>
      </c>
      <c r="C46" s="6">
        <v>17</v>
      </c>
      <c r="D46" s="5">
        <v>39</v>
      </c>
    </row>
    <row r="47" spans="1:4" ht="18" customHeight="1" x14ac:dyDescent="0.15">
      <c r="A47" s="8" t="s">
        <v>18</v>
      </c>
      <c r="B47" s="21">
        <v>95</v>
      </c>
      <c r="C47" s="6">
        <v>78</v>
      </c>
      <c r="D47" s="5">
        <v>173</v>
      </c>
    </row>
    <row r="48" spans="1:4" ht="18" customHeight="1" x14ac:dyDescent="0.15">
      <c r="A48" s="8">
        <v>35</v>
      </c>
      <c r="B48" s="21">
        <v>14</v>
      </c>
      <c r="C48" s="6">
        <v>15</v>
      </c>
      <c r="D48" s="5">
        <v>29</v>
      </c>
    </row>
    <row r="49" spans="1:4" ht="18" customHeight="1" x14ac:dyDescent="0.15">
      <c r="A49" s="8">
        <v>36</v>
      </c>
      <c r="B49" s="21">
        <v>15</v>
      </c>
      <c r="C49" s="6">
        <v>20</v>
      </c>
      <c r="D49" s="5">
        <v>35</v>
      </c>
    </row>
    <row r="50" spans="1:4" ht="18" customHeight="1" x14ac:dyDescent="0.15">
      <c r="A50" s="8">
        <v>37</v>
      </c>
      <c r="B50" s="21">
        <v>23</v>
      </c>
      <c r="C50" s="6">
        <v>22</v>
      </c>
      <c r="D50" s="5">
        <v>45</v>
      </c>
    </row>
    <row r="51" spans="1:4" ht="18" customHeight="1" x14ac:dyDescent="0.15">
      <c r="A51" s="8">
        <v>38</v>
      </c>
      <c r="B51" s="21">
        <v>24</v>
      </c>
      <c r="C51" s="6">
        <v>23</v>
      </c>
      <c r="D51" s="5">
        <v>47</v>
      </c>
    </row>
    <row r="52" spans="1:4" ht="18" customHeight="1" x14ac:dyDescent="0.15">
      <c r="A52" s="8">
        <v>39</v>
      </c>
      <c r="B52" s="21">
        <v>30</v>
      </c>
      <c r="C52" s="6">
        <v>22</v>
      </c>
      <c r="D52" s="5">
        <v>52</v>
      </c>
    </row>
    <row r="53" spans="1:4" ht="18" customHeight="1" x14ac:dyDescent="0.15">
      <c r="A53" s="8" t="s">
        <v>17</v>
      </c>
      <c r="B53" s="21">
        <v>106</v>
      </c>
      <c r="C53" s="6">
        <v>102</v>
      </c>
      <c r="D53" s="5">
        <v>208</v>
      </c>
    </row>
    <row r="54" spans="1:4" ht="18" customHeight="1" x14ac:dyDescent="0.15">
      <c r="A54" s="8">
        <v>40</v>
      </c>
      <c r="B54" s="21">
        <v>21</v>
      </c>
      <c r="C54" s="6">
        <v>23</v>
      </c>
      <c r="D54" s="5">
        <v>44</v>
      </c>
    </row>
    <row r="55" spans="1:4" ht="18" customHeight="1" x14ac:dyDescent="0.15">
      <c r="A55" s="8">
        <v>41</v>
      </c>
      <c r="B55" s="21">
        <v>26</v>
      </c>
      <c r="C55" s="6">
        <v>28</v>
      </c>
      <c r="D55" s="5">
        <v>54</v>
      </c>
    </row>
    <row r="56" spans="1:4" ht="18" customHeight="1" x14ac:dyDescent="0.15">
      <c r="A56" s="8">
        <v>42</v>
      </c>
      <c r="B56" s="21">
        <v>29</v>
      </c>
      <c r="C56" s="6">
        <v>27</v>
      </c>
      <c r="D56" s="5">
        <v>56</v>
      </c>
    </row>
    <row r="57" spans="1:4" ht="18" customHeight="1" x14ac:dyDescent="0.15">
      <c r="A57" s="8">
        <v>43</v>
      </c>
      <c r="B57" s="21">
        <v>28</v>
      </c>
      <c r="C57" s="6">
        <v>35</v>
      </c>
      <c r="D57" s="5">
        <v>63</v>
      </c>
    </row>
    <row r="58" spans="1:4" ht="18" customHeight="1" x14ac:dyDescent="0.15">
      <c r="A58" s="8">
        <v>44</v>
      </c>
      <c r="B58" s="21">
        <v>38</v>
      </c>
      <c r="C58" s="6">
        <v>32</v>
      </c>
      <c r="D58" s="5">
        <v>70</v>
      </c>
    </row>
    <row r="59" spans="1:4" ht="18" customHeight="1" x14ac:dyDescent="0.15">
      <c r="A59" s="8" t="s">
        <v>16</v>
      </c>
      <c r="B59" s="21">
        <v>142</v>
      </c>
      <c r="C59" s="6">
        <v>145</v>
      </c>
      <c r="D59" s="5">
        <v>287</v>
      </c>
    </row>
    <row r="60" spans="1:4" ht="18" customHeight="1" x14ac:dyDescent="0.15">
      <c r="A60" s="8">
        <v>45</v>
      </c>
      <c r="B60" s="21">
        <v>38</v>
      </c>
      <c r="C60" s="6">
        <v>39</v>
      </c>
      <c r="D60" s="5">
        <v>77</v>
      </c>
    </row>
    <row r="61" spans="1:4" ht="18" customHeight="1" x14ac:dyDescent="0.15">
      <c r="A61" s="8">
        <v>46</v>
      </c>
      <c r="B61" s="21">
        <v>34</v>
      </c>
      <c r="C61" s="6">
        <v>41</v>
      </c>
      <c r="D61" s="5">
        <v>75</v>
      </c>
    </row>
    <row r="62" spans="1:4" ht="18" customHeight="1" x14ac:dyDescent="0.15">
      <c r="A62" s="8">
        <v>47</v>
      </c>
      <c r="B62" s="21">
        <v>48</v>
      </c>
      <c r="C62" s="6">
        <v>36</v>
      </c>
      <c r="D62" s="5">
        <v>84</v>
      </c>
    </row>
    <row r="63" spans="1:4" ht="18" customHeight="1" x14ac:dyDescent="0.15">
      <c r="A63" s="8">
        <v>48</v>
      </c>
      <c r="B63" s="21">
        <v>46</v>
      </c>
      <c r="C63" s="6">
        <v>32</v>
      </c>
      <c r="D63" s="5">
        <v>78</v>
      </c>
    </row>
    <row r="64" spans="1:4" ht="18" customHeight="1" x14ac:dyDescent="0.15">
      <c r="A64" s="8">
        <v>49</v>
      </c>
      <c r="B64" s="21">
        <v>45</v>
      </c>
      <c r="C64" s="6">
        <v>31</v>
      </c>
      <c r="D64" s="5">
        <v>76</v>
      </c>
    </row>
    <row r="65" spans="1:4" ht="18" customHeight="1" x14ac:dyDescent="0.15">
      <c r="A65" s="8" t="s">
        <v>15</v>
      </c>
      <c r="B65" s="21">
        <v>211</v>
      </c>
      <c r="C65" s="6">
        <v>179</v>
      </c>
      <c r="D65" s="5">
        <v>390</v>
      </c>
    </row>
    <row r="66" spans="1:4" ht="18" customHeight="1" x14ac:dyDescent="0.15">
      <c r="A66" s="8">
        <v>50</v>
      </c>
      <c r="B66" s="21">
        <v>49</v>
      </c>
      <c r="C66" s="6">
        <v>43</v>
      </c>
      <c r="D66" s="5">
        <v>92</v>
      </c>
    </row>
    <row r="67" spans="1:4" ht="18" customHeight="1" x14ac:dyDescent="0.15">
      <c r="A67" s="8">
        <v>51</v>
      </c>
      <c r="B67" s="21">
        <v>46</v>
      </c>
      <c r="C67" s="6">
        <v>52</v>
      </c>
      <c r="D67" s="5">
        <v>98</v>
      </c>
    </row>
    <row r="68" spans="1:4" ht="18" customHeight="1" x14ac:dyDescent="0.15">
      <c r="A68" s="8">
        <v>52</v>
      </c>
      <c r="B68" s="21">
        <v>55</v>
      </c>
      <c r="C68" s="6">
        <v>43</v>
      </c>
      <c r="D68" s="5">
        <v>98</v>
      </c>
    </row>
    <row r="69" spans="1:4" ht="18" customHeight="1" x14ac:dyDescent="0.15">
      <c r="A69" s="8">
        <v>53</v>
      </c>
      <c r="B69" s="21">
        <v>45</v>
      </c>
      <c r="C69" s="6">
        <v>53</v>
      </c>
      <c r="D69" s="5">
        <v>98</v>
      </c>
    </row>
    <row r="70" spans="1:4" ht="18" customHeight="1" x14ac:dyDescent="0.15">
      <c r="A70" s="8">
        <v>54</v>
      </c>
      <c r="B70" s="21">
        <v>43</v>
      </c>
      <c r="C70" s="6">
        <v>58</v>
      </c>
      <c r="D70" s="5">
        <v>101</v>
      </c>
    </row>
    <row r="71" spans="1:4" ht="18" customHeight="1" x14ac:dyDescent="0.15">
      <c r="A71" s="8" t="s">
        <v>14</v>
      </c>
      <c r="B71" s="21">
        <v>238</v>
      </c>
      <c r="C71" s="6">
        <v>249</v>
      </c>
      <c r="D71" s="5">
        <v>487</v>
      </c>
    </row>
    <row r="72" spans="1:4" ht="18" customHeight="1" x14ac:dyDescent="0.15">
      <c r="A72" s="8">
        <v>55</v>
      </c>
      <c r="B72" s="21">
        <v>52</v>
      </c>
      <c r="C72" s="6">
        <v>53</v>
      </c>
      <c r="D72" s="5">
        <v>105</v>
      </c>
    </row>
    <row r="73" spans="1:4" ht="18" customHeight="1" x14ac:dyDescent="0.15">
      <c r="A73" s="8">
        <v>56</v>
      </c>
      <c r="B73" s="21">
        <v>61</v>
      </c>
      <c r="C73" s="6">
        <v>45</v>
      </c>
      <c r="D73" s="5">
        <v>106</v>
      </c>
    </row>
    <row r="74" spans="1:4" ht="18" customHeight="1" x14ac:dyDescent="0.15">
      <c r="A74" s="8">
        <v>57</v>
      </c>
      <c r="B74" s="21">
        <v>42</v>
      </c>
      <c r="C74" s="6">
        <v>35</v>
      </c>
      <c r="D74" s="5">
        <v>77</v>
      </c>
    </row>
    <row r="75" spans="1:4" ht="18" customHeight="1" x14ac:dyDescent="0.15">
      <c r="A75" s="8">
        <v>58</v>
      </c>
      <c r="B75" s="21">
        <v>44</v>
      </c>
      <c r="C75" s="6">
        <v>44</v>
      </c>
      <c r="D75" s="5">
        <v>88</v>
      </c>
    </row>
    <row r="76" spans="1:4" ht="18" customHeight="1" x14ac:dyDescent="0.15">
      <c r="A76" s="8">
        <v>59</v>
      </c>
      <c r="B76" s="21">
        <v>31</v>
      </c>
      <c r="C76" s="6">
        <v>37</v>
      </c>
      <c r="D76" s="5">
        <v>68</v>
      </c>
    </row>
    <row r="77" spans="1:4" ht="18" customHeight="1" x14ac:dyDescent="0.15">
      <c r="A77" s="8" t="s">
        <v>13</v>
      </c>
      <c r="B77" s="21">
        <v>230</v>
      </c>
      <c r="C77" s="6">
        <v>214</v>
      </c>
      <c r="D77" s="5">
        <v>444</v>
      </c>
    </row>
    <row r="78" spans="1:4" ht="18" customHeight="1" x14ac:dyDescent="0.15">
      <c r="A78" s="8">
        <v>60</v>
      </c>
      <c r="B78" s="21">
        <v>43</v>
      </c>
      <c r="C78" s="6">
        <v>37</v>
      </c>
      <c r="D78" s="5">
        <v>80</v>
      </c>
    </row>
    <row r="79" spans="1:4" ht="18" customHeight="1" x14ac:dyDescent="0.15">
      <c r="A79" s="8">
        <v>61</v>
      </c>
      <c r="B79" s="21">
        <v>32</v>
      </c>
      <c r="C79" s="6">
        <v>44</v>
      </c>
      <c r="D79" s="5">
        <v>76</v>
      </c>
    </row>
    <row r="80" spans="1:4" ht="18" customHeight="1" x14ac:dyDescent="0.15">
      <c r="A80" s="8">
        <v>62</v>
      </c>
      <c r="B80" s="21">
        <v>34</v>
      </c>
      <c r="C80" s="6">
        <v>43</v>
      </c>
      <c r="D80" s="5">
        <v>77</v>
      </c>
    </row>
    <row r="81" spans="1:4" ht="18" customHeight="1" x14ac:dyDescent="0.15">
      <c r="A81" s="8">
        <v>63</v>
      </c>
      <c r="B81" s="21">
        <v>33</v>
      </c>
      <c r="C81" s="6">
        <v>37</v>
      </c>
      <c r="D81" s="5">
        <v>70</v>
      </c>
    </row>
    <row r="82" spans="1:4" ht="18" customHeight="1" x14ac:dyDescent="0.15">
      <c r="A82" s="8">
        <v>64</v>
      </c>
      <c r="B82" s="21">
        <v>41</v>
      </c>
      <c r="C82" s="6">
        <v>41</v>
      </c>
      <c r="D82" s="5">
        <v>82</v>
      </c>
    </row>
    <row r="83" spans="1:4" ht="18" customHeight="1" x14ac:dyDescent="0.15">
      <c r="A83" s="8" t="s">
        <v>12</v>
      </c>
      <c r="B83" s="21">
        <v>183</v>
      </c>
      <c r="C83" s="6">
        <v>202</v>
      </c>
      <c r="D83" s="5">
        <v>385</v>
      </c>
    </row>
    <row r="84" spans="1:4" ht="18" customHeight="1" x14ac:dyDescent="0.15">
      <c r="A84" s="8" t="s">
        <v>11</v>
      </c>
      <c r="B84" s="21">
        <v>1557</v>
      </c>
      <c r="C84" s="6">
        <v>1485</v>
      </c>
      <c r="D84" s="5">
        <v>3042</v>
      </c>
    </row>
    <row r="85" spans="1:4" ht="18" customHeight="1" x14ac:dyDescent="0.15">
      <c r="A85" s="8">
        <v>65</v>
      </c>
      <c r="B85" s="21">
        <v>36</v>
      </c>
      <c r="C85" s="6">
        <v>40</v>
      </c>
      <c r="D85" s="5">
        <v>76</v>
      </c>
    </row>
    <row r="86" spans="1:4" ht="18" customHeight="1" x14ac:dyDescent="0.15">
      <c r="A86" s="8">
        <v>66</v>
      </c>
      <c r="B86" s="21">
        <v>24</v>
      </c>
      <c r="C86" s="6">
        <v>37</v>
      </c>
      <c r="D86" s="5">
        <v>61</v>
      </c>
    </row>
    <row r="87" spans="1:4" ht="18" customHeight="1" x14ac:dyDescent="0.15">
      <c r="A87" s="8">
        <v>67</v>
      </c>
      <c r="B87" s="21">
        <v>43</v>
      </c>
      <c r="C87" s="6">
        <v>44</v>
      </c>
      <c r="D87" s="5">
        <v>87</v>
      </c>
    </row>
    <row r="88" spans="1:4" ht="18" customHeight="1" x14ac:dyDescent="0.15">
      <c r="A88" s="8">
        <v>68</v>
      </c>
      <c r="B88" s="21">
        <v>38</v>
      </c>
      <c r="C88" s="6">
        <v>43</v>
      </c>
      <c r="D88" s="5">
        <v>81</v>
      </c>
    </row>
    <row r="89" spans="1:4" ht="18" customHeight="1" x14ac:dyDescent="0.15">
      <c r="A89" s="8">
        <v>69</v>
      </c>
      <c r="B89" s="21">
        <v>36</v>
      </c>
      <c r="C89" s="6">
        <v>34</v>
      </c>
      <c r="D89" s="5">
        <v>70</v>
      </c>
    </row>
    <row r="90" spans="1:4" ht="18" customHeight="1" x14ac:dyDescent="0.15">
      <c r="A90" s="8" t="s">
        <v>10</v>
      </c>
      <c r="B90" s="21">
        <v>177</v>
      </c>
      <c r="C90" s="6">
        <v>198</v>
      </c>
      <c r="D90" s="5">
        <v>375</v>
      </c>
    </row>
    <row r="91" spans="1:4" ht="18" customHeight="1" x14ac:dyDescent="0.15">
      <c r="A91" s="8">
        <v>70</v>
      </c>
      <c r="B91" s="21">
        <v>42</v>
      </c>
      <c r="C91" s="6">
        <v>54</v>
      </c>
      <c r="D91" s="5">
        <v>96</v>
      </c>
    </row>
    <row r="92" spans="1:4" ht="18" customHeight="1" x14ac:dyDescent="0.15">
      <c r="A92" s="8">
        <v>71</v>
      </c>
      <c r="B92" s="21">
        <v>25</v>
      </c>
      <c r="C92" s="6">
        <v>46</v>
      </c>
      <c r="D92" s="5">
        <v>71</v>
      </c>
    </row>
    <row r="93" spans="1:4" ht="18" customHeight="1" x14ac:dyDescent="0.15">
      <c r="A93" s="8">
        <v>72</v>
      </c>
      <c r="B93" s="21">
        <v>40</v>
      </c>
      <c r="C93" s="6">
        <v>67</v>
      </c>
      <c r="D93" s="5">
        <v>107</v>
      </c>
    </row>
    <row r="94" spans="1:4" ht="18" customHeight="1" x14ac:dyDescent="0.15">
      <c r="A94" s="8">
        <v>73</v>
      </c>
      <c r="B94" s="21">
        <v>52</v>
      </c>
      <c r="C94" s="6">
        <v>74</v>
      </c>
      <c r="D94" s="5">
        <v>126</v>
      </c>
    </row>
    <row r="95" spans="1:4" ht="18" customHeight="1" x14ac:dyDescent="0.15">
      <c r="A95" s="8">
        <v>74</v>
      </c>
      <c r="B95" s="21">
        <v>63</v>
      </c>
      <c r="C95" s="6">
        <v>69</v>
      </c>
      <c r="D95" s="5">
        <v>132</v>
      </c>
    </row>
    <row r="96" spans="1:4" ht="18" customHeight="1" x14ac:dyDescent="0.15">
      <c r="A96" s="8" t="s">
        <v>9</v>
      </c>
      <c r="B96" s="21">
        <v>222</v>
      </c>
      <c r="C96" s="6">
        <v>310</v>
      </c>
      <c r="D96" s="5">
        <v>532</v>
      </c>
    </row>
    <row r="97" spans="1:4" ht="18" customHeight="1" x14ac:dyDescent="0.15">
      <c r="A97" s="8">
        <v>75</v>
      </c>
      <c r="B97" s="21">
        <v>69</v>
      </c>
      <c r="C97" s="6">
        <v>72</v>
      </c>
      <c r="D97" s="5">
        <v>141</v>
      </c>
    </row>
    <row r="98" spans="1:4" ht="18" customHeight="1" x14ac:dyDescent="0.15">
      <c r="A98" s="8">
        <v>76</v>
      </c>
      <c r="B98" s="21">
        <v>83</v>
      </c>
      <c r="C98" s="6">
        <v>69</v>
      </c>
      <c r="D98" s="5">
        <v>152</v>
      </c>
    </row>
    <row r="99" spans="1:4" ht="18" customHeight="1" x14ac:dyDescent="0.15">
      <c r="A99" s="8">
        <v>77</v>
      </c>
      <c r="B99" s="21">
        <v>62</v>
      </c>
      <c r="C99" s="6">
        <v>66</v>
      </c>
      <c r="D99" s="5">
        <v>128</v>
      </c>
    </row>
    <row r="100" spans="1:4" ht="18" customHeight="1" x14ac:dyDescent="0.15">
      <c r="A100" s="8">
        <v>78</v>
      </c>
      <c r="B100" s="21">
        <v>67</v>
      </c>
      <c r="C100" s="6">
        <v>99</v>
      </c>
      <c r="D100" s="5">
        <v>166</v>
      </c>
    </row>
    <row r="101" spans="1:4" ht="18" customHeight="1" x14ac:dyDescent="0.15">
      <c r="A101" s="8">
        <v>79</v>
      </c>
      <c r="B101" s="21">
        <v>33</v>
      </c>
      <c r="C101" s="6">
        <v>39</v>
      </c>
      <c r="D101" s="5">
        <v>72</v>
      </c>
    </row>
    <row r="102" spans="1:4" ht="18" customHeight="1" x14ac:dyDescent="0.15">
      <c r="A102" s="8" t="s">
        <v>8</v>
      </c>
      <c r="B102" s="21">
        <v>314</v>
      </c>
      <c r="C102" s="6">
        <v>345</v>
      </c>
      <c r="D102" s="5">
        <v>659</v>
      </c>
    </row>
    <row r="103" spans="1:4" ht="18" customHeight="1" x14ac:dyDescent="0.15">
      <c r="A103" s="8">
        <v>80</v>
      </c>
      <c r="B103" s="21">
        <v>40</v>
      </c>
      <c r="C103" s="6">
        <v>61</v>
      </c>
      <c r="D103" s="5">
        <v>101</v>
      </c>
    </row>
    <row r="104" spans="1:4" ht="18" customHeight="1" x14ac:dyDescent="0.15">
      <c r="A104" s="8">
        <v>81</v>
      </c>
      <c r="B104" s="21">
        <v>46</v>
      </c>
      <c r="C104" s="6">
        <v>45</v>
      </c>
      <c r="D104" s="5">
        <v>91</v>
      </c>
    </row>
    <row r="105" spans="1:4" ht="18" customHeight="1" x14ac:dyDescent="0.15">
      <c r="A105" s="8">
        <v>82</v>
      </c>
      <c r="B105" s="21">
        <v>43</v>
      </c>
      <c r="C105" s="6">
        <v>38</v>
      </c>
      <c r="D105" s="5">
        <v>81</v>
      </c>
    </row>
    <row r="106" spans="1:4" ht="18" customHeight="1" x14ac:dyDescent="0.15">
      <c r="A106" s="8">
        <v>83</v>
      </c>
      <c r="B106" s="21">
        <v>44</v>
      </c>
      <c r="C106" s="6">
        <v>50</v>
      </c>
      <c r="D106" s="5">
        <v>94</v>
      </c>
    </row>
    <row r="107" spans="1:4" ht="18" customHeight="1" x14ac:dyDescent="0.15">
      <c r="A107" s="8">
        <v>84</v>
      </c>
      <c r="B107" s="21">
        <v>28</v>
      </c>
      <c r="C107" s="6">
        <v>51</v>
      </c>
      <c r="D107" s="5">
        <v>79</v>
      </c>
    </row>
    <row r="108" spans="1:4" ht="18" customHeight="1" x14ac:dyDescent="0.15">
      <c r="A108" s="8" t="s">
        <v>7</v>
      </c>
      <c r="B108" s="21">
        <v>201</v>
      </c>
      <c r="C108" s="6">
        <v>245</v>
      </c>
      <c r="D108" s="5">
        <v>446</v>
      </c>
    </row>
    <row r="109" spans="1:4" ht="18" customHeight="1" x14ac:dyDescent="0.15">
      <c r="A109" s="8">
        <v>85</v>
      </c>
      <c r="B109" s="21">
        <v>33</v>
      </c>
      <c r="C109" s="6">
        <v>40</v>
      </c>
      <c r="D109" s="5">
        <v>73</v>
      </c>
    </row>
    <row r="110" spans="1:4" ht="18" customHeight="1" x14ac:dyDescent="0.15">
      <c r="A110" s="8">
        <v>86</v>
      </c>
      <c r="B110" s="21">
        <v>21</v>
      </c>
      <c r="C110" s="6">
        <v>41</v>
      </c>
      <c r="D110" s="5">
        <v>62</v>
      </c>
    </row>
    <row r="111" spans="1:4" ht="18" customHeight="1" x14ac:dyDescent="0.15">
      <c r="A111" s="8">
        <v>87</v>
      </c>
      <c r="B111" s="21">
        <v>19</v>
      </c>
      <c r="C111" s="6">
        <v>18</v>
      </c>
      <c r="D111" s="5">
        <v>37</v>
      </c>
    </row>
    <row r="112" spans="1:4" ht="18" customHeight="1" x14ac:dyDescent="0.15">
      <c r="A112" s="8">
        <v>88</v>
      </c>
      <c r="B112" s="21">
        <v>16</v>
      </c>
      <c r="C112" s="6">
        <v>25</v>
      </c>
      <c r="D112" s="5">
        <v>41</v>
      </c>
    </row>
    <row r="113" spans="1:4" ht="18" customHeight="1" x14ac:dyDescent="0.15">
      <c r="A113" s="8">
        <v>89</v>
      </c>
      <c r="B113" s="21">
        <v>9</v>
      </c>
      <c r="C113" s="6">
        <v>27</v>
      </c>
      <c r="D113" s="5">
        <v>36</v>
      </c>
    </row>
    <row r="114" spans="1:4" ht="18" customHeight="1" x14ac:dyDescent="0.15">
      <c r="A114" s="8" t="s">
        <v>6</v>
      </c>
      <c r="B114" s="21">
        <v>98</v>
      </c>
      <c r="C114" s="6">
        <v>151</v>
      </c>
      <c r="D114" s="5">
        <v>249</v>
      </c>
    </row>
    <row r="115" spans="1:4" ht="18" customHeight="1" x14ac:dyDescent="0.15">
      <c r="A115" s="8">
        <v>90</v>
      </c>
      <c r="B115" s="21">
        <v>12</v>
      </c>
      <c r="C115" s="6">
        <v>24</v>
      </c>
      <c r="D115" s="5">
        <v>36</v>
      </c>
    </row>
    <row r="116" spans="1:4" ht="18" customHeight="1" x14ac:dyDescent="0.15">
      <c r="A116" s="8">
        <v>91</v>
      </c>
      <c r="B116" s="21">
        <v>7</v>
      </c>
      <c r="C116" s="6">
        <v>18</v>
      </c>
      <c r="D116" s="5">
        <v>25</v>
      </c>
    </row>
    <row r="117" spans="1:4" ht="18" customHeight="1" x14ac:dyDescent="0.15">
      <c r="A117" s="8">
        <v>92</v>
      </c>
      <c r="B117" s="21">
        <v>5</v>
      </c>
      <c r="C117" s="6">
        <v>13</v>
      </c>
      <c r="D117" s="5">
        <v>18</v>
      </c>
    </row>
    <row r="118" spans="1:4" ht="18" customHeight="1" x14ac:dyDescent="0.15">
      <c r="A118" s="8">
        <v>93</v>
      </c>
      <c r="B118" s="21">
        <v>3</v>
      </c>
      <c r="C118" s="6">
        <v>11</v>
      </c>
      <c r="D118" s="5">
        <v>14</v>
      </c>
    </row>
    <row r="119" spans="1:4" ht="18" customHeight="1" x14ac:dyDescent="0.15">
      <c r="A119" s="8">
        <v>94</v>
      </c>
      <c r="B119" s="21">
        <v>3</v>
      </c>
      <c r="C119" s="6">
        <v>8</v>
      </c>
      <c r="D119" s="5">
        <v>11</v>
      </c>
    </row>
    <row r="120" spans="1:4" ht="18" customHeight="1" x14ac:dyDescent="0.15">
      <c r="A120" s="8" t="s">
        <v>5</v>
      </c>
      <c r="B120" s="21">
        <v>30</v>
      </c>
      <c r="C120" s="6">
        <v>74</v>
      </c>
      <c r="D120" s="5">
        <v>104</v>
      </c>
    </row>
    <row r="121" spans="1:4" ht="18" customHeight="1" x14ac:dyDescent="0.15">
      <c r="A121" s="8">
        <v>95</v>
      </c>
      <c r="B121" s="21">
        <v>5</v>
      </c>
      <c r="C121" s="6">
        <v>17</v>
      </c>
      <c r="D121" s="5">
        <v>22</v>
      </c>
    </row>
    <row r="122" spans="1:4" ht="18" customHeight="1" x14ac:dyDescent="0.15">
      <c r="A122" s="8">
        <v>96</v>
      </c>
      <c r="B122" s="21">
        <v>1</v>
      </c>
      <c r="C122" s="6">
        <v>7</v>
      </c>
      <c r="D122" s="5">
        <v>8</v>
      </c>
    </row>
    <row r="123" spans="1:4" ht="18" customHeight="1" x14ac:dyDescent="0.15">
      <c r="A123" s="8">
        <v>97</v>
      </c>
      <c r="B123" s="21">
        <v>4</v>
      </c>
      <c r="C123" s="6">
        <v>7</v>
      </c>
      <c r="D123" s="5">
        <v>11</v>
      </c>
    </row>
    <row r="124" spans="1:4" ht="18" customHeight="1" x14ac:dyDescent="0.15">
      <c r="A124" s="8">
        <v>98</v>
      </c>
      <c r="B124" s="21">
        <v>1</v>
      </c>
      <c r="C124" s="6">
        <v>3</v>
      </c>
      <c r="D124" s="5">
        <v>4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1</v>
      </c>
      <c r="C126" s="6">
        <v>35</v>
      </c>
      <c r="D126" s="5">
        <v>46</v>
      </c>
    </row>
    <row r="127" spans="1:4" ht="18" customHeight="1" x14ac:dyDescent="0.15">
      <c r="A127" s="8">
        <v>100</v>
      </c>
      <c r="B127" s="21">
        <v>1</v>
      </c>
      <c r="C127" s="6">
        <v>3</v>
      </c>
      <c r="D127" s="5">
        <v>4</v>
      </c>
    </row>
    <row r="128" spans="1:4" ht="18" customHeight="1" x14ac:dyDescent="0.15">
      <c r="A128" s="9" t="s">
        <v>3</v>
      </c>
      <c r="B128" s="21">
        <v>1</v>
      </c>
      <c r="C128" s="6">
        <v>3</v>
      </c>
      <c r="D128" s="5">
        <v>4</v>
      </c>
    </row>
    <row r="129" spans="1:4" ht="18" customHeight="1" x14ac:dyDescent="0.15">
      <c r="A129" s="8" t="s">
        <v>2</v>
      </c>
      <c r="B129" s="21">
        <v>2</v>
      </c>
      <c r="C129" s="6">
        <v>6</v>
      </c>
      <c r="D129" s="5">
        <v>8</v>
      </c>
    </row>
    <row r="130" spans="1:4" ht="18" customHeight="1" x14ac:dyDescent="0.15">
      <c r="A130" s="8" t="s">
        <v>1</v>
      </c>
      <c r="B130" s="21">
        <v>1055</v>
      </c>
      <c r="C130" s="6">
        <v>1364</v>
      </c>
      <c r="D130" s="5">
        <v>2419</v>
      </c>
    </row>
    <row r="131" spans="1:4" ht="18" customHeight="1" x14ac:dyDescent="0.15">
      <c r="A131" s="4" t="s">
        <v>0</v>
      </c>
      <c r="B131" s="20">
        <v>2874</v>
      </c>
      <c r="C131" s="2">
        <v>3080</v>
      </c>
      <c r="D131" s="1">
        <v>595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B8D714-C5B8-49A8-871E-D28D8CAC5DBA}">
  <sheetPr codeName="Sheet4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9</v>
      </c>
      <c r="C5" s="11">
        <v>5</v>
      </c>
      <c r="D5" s="10">
        <v>14</v>
      </c>
    </row>
    <row r="6" spans="1:4" ht="18" customHeight="1" x14ac:dyDescent="0.15">
      <c r="A6" s="8">
        <v>1</v>
      </c>
      <c r="B6" s="21">
        <v>6</v>
      </c>
      <c r="C6" s="6">
        <v>8</v>
      </c>
      <c r="D6" s="5">
        <v>14</v>
      </c>
    </row>
    <row r="7" spans="1:4" ht="18" customHeight="1" x14ac:dyDescent="0.15">
      <c r="A7" s="8">
        <v>2</v>
      </c>
      <c r="B7" s="21">
        <v>6</v>
      </c>
      <c r="C7" s="6">
        <v>11</v>
      </c>
      <c r="D7" s="5">
        <v>17</v>
      </c>
    </row>
    <row r="8" spans="1:4" ht="18" customHeight="1" x14ac:dyDescent="0.15">
      <c r="A8" s="8">
        <v>3</v>
      </c>
      <c r="B8" s="21">
        <v>6</v>
      </c>
      <c r="C8" s="6">
        <v>7</v>
      </c>
      <c r="D8" s="5">
        <v>13</v>
      </c>
    </row>
    <row r="9" spans="1:4" ht="18" customHeight="1" x14ac:dyDescent="0.15">
      <c r="A9" s="8">
        <v>4</v>
      </c>
      <c r="B9" s="21">
        <v>7</v>
      </c>
      <c r="C9" s="6">
        <v>7</v>
      </c>
      <c r="D9" s="5">
        <v>14</v>
      </c>
    </row>
    <row r="10" spans="1:4" ht="18" customHeight="1" x14ac:dyDescent="0.15">
      <c r="A10" s="8" t="s">
        <v>25</v>
      </c>
      <c r="B10" s="21">
        <v>34</v>
      </c>
      <c r="C10" s="6">
        <v>38</v>
      </c>
      <c r="D10" s="5">
        <v>72</v>
      </c>
    </row>
    <row r="11" spans="1:4" ht="18" customHeight="1" x14ac:dyDescent="0.15">
      <c r="A11" s="8">
        <v>5</v>
      </c>
      <c r="B11" s="21">
        <v>6</v>
      </c>
      <c r="C11" s="6">
        <v>9</v>
      </c>
      <c r="D11" s="5">
        <v>15</v>
      </c>
    </row>
    <row r="12" spans="1:4" ht="18" customHeight="1" x14ac:dyDescent="0.15">
      <c r="A12" s="8">
        <v>6</v>
      </c>
      <c r="B12" s="21">
        <v>11</v>
      </c>
      <c r="C12" s="6">
        <v>6</v>
      </c>
      <c r="D12" s="5">
        <v>17</v>
      </c>
    </row>
    <row r="13" spans="1:4" ht="18" customHeight="1" x14ac:dyDescent="0.15">
      <c r="A13" s="8">
        <v>7</v>
      </c>
      <c r="B13" s="21">
        <v>1</v>
      </c>
      <c r="C13" s="6">
        <v>5</v>
      </c>
      <c r="D13" s="5">
        <v>6</v>
      </c>
    </row>
    <row r="14" spans="1:4" ht="18" customHeight="1" x14ac:dyDescent="0.15">
      <c r="A14" s="8">
        <v>8</v>
      </c>
      <c r="B14" s="21">
        <v>10</v>
      </c>
      <c r="C14" s="6">
        <v>8</v>
      </c>
      <c r="D14" s="5">
        <v>18</v>
      </c>
    </row>
    <row r="15" spans="1:4" ht="18" customHeight="1" x14ac:dyDescent="0.15">
      <c r="A15" s="8">
        <v>9</v>
      </c>
      <c r="B15" s="21">
        <v>4</v>
      </c>
      <c r="C15" s="6">
        <v>3</v>
      </c>
      <c r="D15" s="5">
        <v>7</v>
      </c>
    </row>
    <row r="16" spans="1:4" ht="18" customHeight="1" x14ac:dyDescent="0.15">
      <c r="A16" s="8" t="s">
        <v>24</v>
      </c>
      <c r="B16" s="21">
        <v>32</v>
      </c>
      <c r="C16" s="6">
        <v>31</v>
      </c>
      <c r="D16" s="5">
        <v>63</v>
      </c>
    </row>
    <row r="17" spans="1:4" ht="18" customHeight="1" x14ac:dyDescent="0.15">
      <c r="A17" s="8">
        <v>10</v>
      </c>
      <c r="B17" s="21">
        <v>14</v>
      </c>
      <c r="C17" s="6">
        <v>3</v>
      </c>
      <c r="D17" s="5">
        <v>17</v>
      </c>
    </row>
    <row r="18" spans="1:4" ht="18" customHeight="1" x14ac:dyDescent="0.15">
      <c r="A18" s="8">
        <v>11</v>
      </c>
      <c r="B18" s="21">
        <v>6</v>
      </c>
      <c r="C18" s="6">
        <v>8</v>
      </c>
      <c r="D18" s="5">
        <v>14</v>
      </c>
    </row>
    <row r="19" spans="1:4" ht="18" customHeight="1" x14ac:dyDescent="0.15">
      <c r="A19" s="8">
        <v>12</v>
      </c>
      <c r="B19" s="21">
        <v>17</v>
      </c>
      <c r="C19" s="6">
        <v>12</v>
      </c>
      <c r="D19" s="5">
        <v>29</v>
      </c>
    </row>
    <row r="20" spans="1:4" ht="18" customHeight="1" x14ac:dyDescent="0.15">
      <c r="A20" s="8">
        <v>13</v>
      </c>
      <c r="B20" s="21">
        <v>11</v>
      </c>
      <c r="C20" s="6">
        <v>6</v>
      </c>
      <c r="D20" s="5">
        <v>17</v>
      </c>
    </row>
    <row r="21" spans="1:4" ht="18" customHeight="1" x14ac:dyDescent="0.15">
      <c r="A21" s="8">
        <v>14</v>
      </c>
      <c r="B21" s="21">
        <v>13</v>
      </c>
      <c r="C21" s="6">
        <v>8</v>
      </c>
      <c r="D21" s="5">
        <v>21</v>
      </c>
    </row>
    <row r="22" spans="1:4" ht="18" customHeight="1" x14ac:dyDescent="0.15">
      <c r="A22" s="8" t="s">
        <v>23</v>
      </c>
      <c r="B22" s="21">
        <v>61</v>
      </c>
      <c r="C22" s="6">
        <v>37</v>
      </c>
      <c r="D22" s="5">
        <v>98</v>
      </c>
    </row>
    <row r="23" spans="1:4" ht="18" customHeight="1" x14ac:dyDescent="0.15">
      <c r="A23" s="8" t="s">
        <v>22</v>
      </c>
      <c r="B23" s="21">
        <v>127</v>
      </c>
      <c r="C23" s="6">
        <v>106</v>
      </c>
      <c r="D23" s="5">
        <v>233</v>
      </c>
    </row>
    <row r="24" spans="1:4" ht="18" customHeight="1" x14ac:dyDescent="0.15">
      <c r="A24" s="8">
        <v>15</v>
      </c>
      <c r="B24" s="21">
        <v>17</v>
      </c>
      <c r="C24" s="6">
        <v>18</v>
      </c>
      <c r="D24" s="5">
        <v>35</v>
      </c>
    </row>
    <row r="25" spans="1:4" ht="18" customHeight="1" x14ac:dyDescent="0.15">
      <c r="A25" s="8">
        <v>16</v>
      </c>
      <c r="B25" s="21">
        <v>12</v>
      </c>
      <c r="C25" s="6">
        <v>8</v>
      </c>
      <c r="D25" s="5">
        <v>20</v>
      </c>
    </row>
    <row r="26" spans="1:4" ht="18" customHeight="1" x14ac:dyDescent="0.15">
      <c r="A26" s="8">
        <v>17</v>
      </c>
      <c r="B26" s="21">
        <v>21</v>
      </c>
      <c r="C26" s="6">
        <v>18</v>
      </c>
      <c r="D26" s="5">
        <v>39</v>
      </c>
    </row>
    <row r="27" spans="1:4" ht="18" customHeight="1" x14ac:dyDescent="0.15">
      <c r="A27" s="8">
        <v>18</v>
      </c>
      <c r="B27" s="21">
        <v>14</v>
      </c>
      <c r="C27" s="6">
        <v>15</v>
      </c>
      <c r="D27" s="5">
        <v>29</v>
      </c>
    </row>
    <row r="28" spans="1:4" ht="18" customHeight="1" x14ac:dyDescent="0.15">
      <c r="A28" s="8">
        <v>19</v>
      </c>
      <c r="B28" s="21">
        <v>20</v>
      </c>
      <c r="C28" s="6">
        <v>13</v>
      </c>
      <c r="D28" s="5">
        <v>33</v>
      </c>
    </row>
    <row r="29" spans="1:4" ht="18" customHeight="1" x14ac:dyDescent="0.15">
      <c r="A29" s="8" t="s">
        <v>21</v>
      </c>
      <c r="B29" s="21">
        <v>84</v>
      </c>
      <c r="C29" s="6">
        <v>72</v>
      </c>
      <c r="D29" s="5">
        <v>156</v>
      </c>
    </row>
    <row r="30" spans="1:4" ht="18" customHeight="1" x14ac:dyDescent="0.15">
      <c r="A30" s="8">
        <v>20</v>
      </c>
      <c r="B30" s="21">
        <v>21</v>
      </c>
      <c r="C30" s="6">
        <v>11</v>
      </c>
      <c r="D30" s="5">
        <v>32</v>
      </c>
    </row>
    <row r="31" spans="1:4" ht="18" customHeight="1" x14ac:dyDescent="0.15">
      <c r="A31" s="8">
        <v>21</v>
      </c>
      <c r="B31" s="21">
        <v>15</v>
      </c>
      <c r="C31" s="6">
        <v>17</v>
      </c>
      <c r="D31" s="5">
        <v>32</v>
      </c>
    </row>
    <row r="32" spans="1:4" ht="18" customHeight="1" x14ac:dyDescent="0.15">
      <c r="A32" s="8">
        <v>22</v>
      </c>
      <c r="B32" s="21">
        <v>23</v>
      </c>
      <c r="C32" s="6">
        <v>17</v>
      </c>
      <c r="D32" s="5">
        <v>40</v>
      </c>
    </row>
    <row r="33" spans="1:4" ht="18" customHeight="1" x14ac:dyDescent="0.15">
      <c r="A33" s="8">
        <v>23</v>
      </c>
      <c r="B33" s="21">
        <v>22</v>
      </c>
      <c r="C33" s="6">
        <v>19</v>
      </c>
      <c r="D33" s="5">
        <v>41</v>
      </c>
    </row>
    <row r="34" spans="1:4" ht="18" customHeight="1" x14ac:dyDescent="0.15">
      <c r="A34" s="8">
        <v>24</v>
      </c>
      <c r="B34" s="21">
        <v>16</v>
      </c>
      <c r="C34" s="6">
        <v>15</v>
      </c>
      <c r="D34" s="5">
        <v>31</v>
      </c>
    </row>
    <row r="35" spans="1:4" ht="18" customHeight="1" x14ac:dyDescent="0.15">
      <c r="A35" s="8" t="s">
        <v>20</v>
      </c>
      <c r="B35" s="21">
        <v>97</v>
      </c>
      <c r="C35" s="6">
        <v>79</v>
      </c>
      <c r="D35" s="5">
        <v>176</v>
      </c>
    </row>
    <row r="36" spans="1:4" ht="18" customHeight="1" x14ac:dyDescent="0.15">
      <c r="A36" s="8">
        <v>25</v>
      </c>
      <c r="B36" s="21">
        <v>27</v>
      </c>
      <c r="C36" s="6">
        <v>26</v>
      </c>
      <c r="D36" s="5">
        <v>53</v>
      </c>
    </row>
    <row r="37" spans="1:4" ht="18" customHeight="1" x14ac:dyDescent="0.15">
      <c r="A37" s="8">
        <v>26</v>
      </c>
      <c r="B37" s="21">
        <v>13</v>
      </c>
      <c r="C37" s="6">
        <v>19</v>
      </c>
      <c r="D37" s="5">
        <v>32</v>
      </c>
    </row>
    <row r="38" spans="1:4" ht="18" customHeight="1" x14ac:dyDescent="0.15">
      <c r="A38" s="8">
        <v>27</v>
      </c>
      <c r="B38" s="21">
        <v>15</v>
      </c>
      <c r="C38" s="6">
        <v>17</v>
      </c>
      <c r="D38" s="5">
        <v>32</v>
      </c>
    </row>
    <row r="39" spans="1:4" ht="18" customHeight="1" x14ac:dyDescent="0.15">
      <c r="A39" s="8">
        <v>28</v>
      </c>
      <c r="B39" s="21">
        <v>26</v>
      </c>
      <c r="C39" s="6">
        <v>13</v>
      </c>
      <c r="D39" s="5">
        <v>39</v>
      </c>
    </row>
    <row r="40" spans="1:4" ht="18" customHeight="1" x14ac:dyDescent="0.15">
      <c r="A40" s="8">
        <v>29</v>
      </c>
      <c r="B40" s="21">
        <v>15</v>
      </c>
      <c r="C40" s="6">
        <v>14</v>
      </c>
      <c r="D40" s="5">
        <v>29</v>
      </c>
    </row>
    <row r="41" spans="1:4" ht="18" customHeight="1" x14ac:dyDescent="0.15">
      <c r="A41" s="8" t="s">
        <v>19</v>
      </c>
      <c r="B41" s="21">
        <v>96</v>
      </c>
      <c r="C41" s="6">
        <v>89</v>
      </c>
      <c r="D41" s="5">
        <v>185</v>
      </c>
    </row>
    <row r="42" spans="1:4" ht="18" customHeight="1" x14ac:dyDescent="0.15">
      <c r="A42" s="8">
        <v>30</v>
      </c>
      <c r="B42" s="21">
        <v>16</v>
      </c>
      <c r="C42" s="6">
        <v>6</v>
      </c>
      <c r="D42" s="5">
        <v>22</v>
      </c>
    </row>
    <row r="43" spans="1:4" ht="18" customHeight="1" x14ac:dyDescent="0.15">
      <c r="A43" s="8">
        <v>31</v>
      </c>
      <c r="B43" s="21">
        <v>15</v>
      </c>
      <c r="C43" s="6">
        <v>18</v>
      </c>
      <c r="D43" s="5">
        <v>33</v>
      </c>
    </row>
    <row r="44" spans="1:4" ht="18" customHeight="1" x14ac:dyDescent="0.15">
      <c r="A44" s="8">
        <v>32</v>
      </c>
      <c r="B44" s="21">
        <v>19</v>
      </c>
      <c r="C44" s="6">
        <v>16</v>
      </c>
      <c r="D44" s="5">
        <v>35</v>
      </c>
    </row>
    <row r="45" spans="1:4" ht="18" customHeight="1" x14ac:dyDescent="0.15">
      <c r="A45" s="8">
        <v>33</v>
      </c>
      <c r="B45" s="21">
        <v>18</v>
      </c>
      <c r="C45" s="6">
        <v>9</v>
      </c>
      <c r="D45" s="5">
        <v>27</v>
      </c>
    </row>
    <row r="46" spans="1:4" ht="18" customHeight="1" x14ac:dyDescent="0.15">
      <c r="A46" s="8">
        <v>34</v>
      </c>
      <c r="B46" s="21">
        <v>16</v>
      </c>
      <c r="C46" s="6">
        <v>10</v>
      </c>
      <c r="D46" s="5">
        <v>26</v>
      </c>
    </row>
    <row r="47" spans="1:4" ht="18" customHeight="1" x14ac:dyDescent="0.15">
      <c r="A47" s="8" t="s">
        <v>18</v>
      </c>
      <c r="B47" s="21">
        <v>84</v>
      </c>
      <c r="C47" s="6">
        <v>59</v>
      </c>
      <c r="D47" s="5">
        <v>143</v>
      </c>
    </row>
    <row r="48" spans="1:4" ht="18" customHeight="1" x14ac:dyDescent="0.15">
      <c r="A48" s="8">
        <v>35</v>
      </c>
      <c r="B48" s="21">
        <v>18</v>
      </c>
      <c r="C48" s="6">
        <v>10</v>
      </c>
      <c r="D48" s="5">
        <v>28</v>
      </c>
    </row>
    <row r="49" spans="1:4" ht="18" customHeight="1" x14ac:dyDescent="0.15">
      <c r="A49" s="8">
        <v>36</v>
      </c>
      <c r="B49" s="21">
        <v>14</v>
      </c>
      <c r="C49" s="6">
        <v>9</v>
      </c>
      <c r="D49" s="5">
        <v>23</v>
      </c>
    </row>
    <row r="50" spans="1:4" ht="18" customHeight="1" x14ac:dyDescent="0.15">
      <c r="A50" s="8">
        <v>37</v>
      </c>
      <c r="B50" s="21">
        <v>14</v>
      </c>
      <c r="C50" s="6">
        <v>11</v>
      </c>
      <c r="D50" s="5">
        <v>25</v>
      </c>
    </row>
    <row r="51" spans="1:4" ht="18" customHeight="1" x14ac:dyDescent="0.15">
      <c r="A51" s="8">
        <v>38</v>
      </c>
      <c r="B51" s="21">
        <v>14</v>
      </c>
      <c r="C51" s="6">
        <v>14</v>
      </c>
      <c r="D51" s="5">
        <v>28</v>
      </c>
    </row>
    <row r="52" spans="1:4" ht="18" customHeight="1" x14ac:dyDescent="0.15">
      <c r="A52" s="8">
        <v>39</v>
      </c>
      <c r="B52" s="21">
        <v>9</v>
      </c>
      <c r="C52" s="6">
        <v>18</v>
      </c>
      <c r="D52" s="5">
        <v>27</v>
      </c>
    </row>
    <row r="53" spans="1:4" ht="18" customHeight="1" x14ac:dyDescent="0.15">
      <c r="A53" s="8" t="s">
        <v>17</v>
      </c>
      <c r="B53" s="21">
        <v>69</v>
      </c>
      <c r="C53" s="6">
        <v>62</v>
      </c>
      <c r="D53" s="5">
        <v>131</v>
      </c>
    </row>
    <row r="54" spans="1:4" ht="18" customHeight="1" x14ac:dyDescent="0.15">
      <c r="A54" s="8">
        <v>40</v>
      </c>
      <c r="B54" s="21">
        <v>16</v>
      </c>
      <c r="C54" s="6">
        <v>16</v>
      </c>
      <c r="D54" s="5">
        <v>32</v>
      </c>
    </row>
    <row r="55" spans="1:4" ht="18" customHeight="1" x14ac:dyDescent="0.15">
      <c r="A55" s="8">
        <v>41</v>
      </c>
      <c r="B55" s="21">
        <v>13</v>
      </c>
      <c r="C55" s="6">
        <v>10</v>
      </c>
      <c r="D55" s="5">
        <v>23</v>
      </c>
    </row>
    <row r="56" spans="1:4" ht="18" customHeight="1" x14ac:dyDescent="0.15">
      <c r="A56" s="8">
        <v>42</v>
      </c>
      <c r="B56" s="21">
        <v>12</v>
      </c>
      <c r="C56" s="6">
        <v>14</v>
      </c>
      <c r="D56" s="5">
        <v>26</v>
      </c>
    </row>
    <row r="57" spans="1:4" ht="18" customHeight="1" x14ac:dyDescent="0.15">
      <c r="A57" s="8">
        <v>43</v>
      </c>
      <c r="B57" s="21">
        <v>19</v>
      </c>
      <c r="C57" s="6">
        <v>18</v>
      </c>
      <c r="D57" s="5">
        <v>37</v>
      </c>
    </row>
    <row r="58" spans="1:4" ht="18" customHeight="1" x14ac:dyDescent="0.15">
      <c r="A58" s="8">
        <v>44</v>
      </c>
      <c r="B58" s="21">
        <v>18</v>
      </c>
      <c r="C58" s="6">
        <v>14</v>
      </c>
      <c r="D58" s="5">
        <v>32</v>
      </c>
    </row>
    <row r="59" spans="1:4" ht="18" customHeight="1" x14ac:dyDescent="0.15">
      <c r="A59" s="8" t="s">
        <v>16</v>
      </c>
      <c r="B59" s="21">
        <v>78</v>
      </c>
      <c r="C59" s="6">
        <v>72</v>
      </c>
      <c r="D59" s="5">
        <v>150</v>
      </c>
    </row>
    <row r="60" spans="1:4" ht="18" customHeight="1" x14ac:dyDescent="0.15">
      <c r="A60" s="8">
        <v>45</v>
      </c>
      <c r="B60" s="21">
        <v>15</v>
      </c>
      <c r="C60" s="6">
        <v>12</v>
      </c>
      <c r="D60" s="5">
        <v>27</v>
      </c>
    </row>
    <row r="61" spans="1:4" ht="18" customHeight="1" x14ac:dyDescent="0.15">
      <c r="A61" s="8">
        <v>46</v>
      </c>
      <c r="B61" s="21">
        <v>14</v>
      </c>
      <c r="C61" s="6">
        <v>12</v>
      </c>
      <c r="D61" s="5">
        <v>26</v>
      </c>
    </row>
    <row r="62" spans="1:4" ht="18" customHeight="1" x14ac:dyDescent="0.15">
      <c r="A62" s="8">
        <v>47</v>
      </c>
      <c r="B62" s="21">
        <v>28</v>
      </c>
      <c r="C62" s="6">
        <v>20</v>
      </c>
      <c r="D62" s="5">
        <v>48</v>
      </c>
    </row>
    <row r="63" spans="1:4" ht="18" customHeight="1" x14ac:dyDescent="0.15">
      <c r="A63" s="8">
        <v>48</v>
      </c>
      <c r="B63" s="21">
        <v>13</v>
      </c>
      <c r="C63" s="6">
        <v>22</v>
      </c>
      <c r="D63" s="5">
        <v>35</v>
      </c>
    </row>
    <row r="64" spans="1:4" ht="18" customHeight="1" x14ac:dyDescent="0.15">
      <c r="A64" s="8">
        <v>49</v>
      </c>
      <c r="B64" s="21">
        <v>25</v>
      </c>
      <c r="C64" s="6">
        <v>19</v>
      </c>
      <c r="D64" s="5">
        <v>44</v>
      </c>
    </row>
    <row r="65" spans="1:4" ht="18" customHeight="1" x14ac:dyDescent="0.15">
      <c r="A65" s="8" t="s">
        <v>15</v>
      </c>
      <c r="B65" s="21">
        <v>95</v>
      </c>
      <c r="C65" s="6">
        <v>85</v>
      </c>
      <c r="D65" s="5">
        <v>180</v>
      </c>
    </row>
    <row r="66" spans="1:4" ht="18" customHeight="1" x14ac:dyDescent="0.15">
      <c r="A66" s="8">
        <v>50</v>
      </c>
      <c r="B66" s="21">
        <v>32</v>
      </c>
      <c r="C66" s="6">
        <v>21</v>
      </c>
      <c r="D66" s="5">
        <v>53</v>
      </c>
    </row>
    <row r="67" spans="1:4" ht="18" customHeight="1" x14ac:dyDescent="0.15">
      <c r="A67" s="8">
        <v>51</v>
      </c>
      <c r="B67" s="21">
        <v>30</v>
      </c>
      <c r="C67" s="6">
        <v>32</v>
      </c>
      <c r="D67" s="5">
        <v>62</v>
      </c>
    </row>
    <row r="68" spans="1:4" ht="18" customHeight="1" x14ac:dyDescent="0.15">
      <c r="A68" s="8">
        <v>52</v>
      </c>
      <c r="B68" s="21">
        <v>22</v>
      </c>
      <c r="C68" s="6">
        <v>38</v>
      </c>
      <c r="D68" s="5">
        <v>60</v>
      </c>
    </row>
    <row r="69" spans="1:4" ht="18" customHeight="1" x14ac:dyDescent="0.15">
      <c r="A69" s="8">
        <v>53</v>
      </c>
      <c r="B69" s="21">
        <v>30</v>
      </c>
      <c r="C69" s="6">
        <v>36</v>
      </c>
      <c r="D69" s="5">
        <v>66</v>
      </c>
    </row>
    <row r="70" spans="1:4" ht="18" customHeight="1" x14ac:dyDescent="0.15">
      <c r="A70" s="8">
        <v>54</v>
      </c>
      <c r="B70" s="21">
        <v>30</v>
      </c>
      <c r="C70" s="6">
        <v>27</v>
      </c>
      <c r="D70" s="5">
        <v>57</v>
      </c>
    </row>
    <row r="71" spans="1:4" ht="18" customHeight="1" x14ac:dyDescent="0.15">
      <c r="A71" s="8" t="s">
        <v>14</v>
      </c>
      <c r="B71" s="21">
        <v>144</v>
      </c>
      <c r="C71" s="6">
        <v>154</v>
      </c>
      <c r="D71" s="5">
        <v>298</v>
      </c>
    </row>
    <row r="72" spans="1:4" ht="18" customHeight="1" x14ac:dyDescent="0.15">
      <c r="A72" s="8">
        <v>55</v>
      </c>
      <c r="B72" s="21">
        <v>37</v>
      </c>
      <c r="C72" s="6">
        <v>32</v>
      </c>
      <c r="D72" s="5">
        <v>69</v>
      </c>
    </row>
    <row r="73" spans="1:4" ht="18" customHeight="1" x14ac:dyDescent="0.15">
      <c r="A73" s="8">
        <v>56</v>
      </c>
      <c r="B73" s="21">
        <v>38</v>
      </c>
      <c r="C73" s="6">
        <v>36</v>
      </c>
      <c r="D73" s="5">
        <v>74</v>
      </c>
    </row>
    <row r="74" spans="1:4" ht="18" customHeight="1" x14ac:dyDescent="0.15">
      <c r="A74" s="8">
        <v>57</v>
      </c>
      <c r="B74" s="21">
        <v>20</v>
      </c>
      <c r="C74" s="6">
        <v>20</v>
      </c>
      <c r="D74" s="5">
        <v>40</v>
      </c>
    </row>
    <row r="75" spans="1:4" ht="18" customHeight="1" x14ac:dyDescent="0.15">
      <c r="A75" s="8">
        <v>58</v>
      </c>
      <c r="B75" s="21">
        <v>36</v>
      </c>
      <c r="C75" s="6">
        <v>33</v>
      </c>
      <c r="D75" s="5">
        <v>69</v>
      </c>
    </row>
    <row r="76" spans="1:4" ht="18" customHeight="1" x14ac:dyDescent="0.15">
      <c r="A76" s="8">
        <v>59</v>
      </c>
      <c r="B76" s="21">
        <v>20</v>
      </c>
      <c r="C76" s="6">
        <v>26</v>
      </c>
      <c r="D76" s="5">
        <v>46</v>
      </c>
    </row>
    <row r="77" spans="1:4" ht="18" customHeight="1" x14ac:dyDescent="0.15">
      <c r="A77" s="8" t="s">
        <v>13</v>
      </c>
      <c r="B77" s="21">
        <v>151</v>
      </c>
      <c r="C77" s="6">
        <v>147</v>
      </c>
      <c r="D77" s="5">
        <v>298</v>
      </c>
    </row>
    <row r="78" spans="1:4" ht="18" customHeight="1" x14ac:dyDescent="0.15">
      <c r="A78" s="8">
        <v>60</v>
      </c>
      <c r="B78" s="21">
        <v>23</v>
      </c>
      <c r="C78" s="6">
        <v>20</v>
      </c>
      <c r="D78" s="5">
        <v>43</v>
      </c>
    </row>
    <row r="79" spans="1:4" ht="18" customHeight="1" x14ac:dyDescent="0.15">
      <c r="A79" s="8">
        <v>61</v>
      </c>
      <c r="B79" s="21">
        <v>24</v>
      </c>
      <c r="C79" s="6">
        <v>23</v>
      </c>
      <c r="D79" s="5">
        <v>47</v>
      </c>
    </row>
    <row r="80" spans="1:4" ht="18" customHeight="1" x14ac:dyDescent="0.15">
      <c r="A80" s="8">
        <v>62</v>
      </c>
      <c r="B80" s="21">
        <v>23</v>
      </c>
      <c r="C80" s="6">
        <v>25</v>
      </c>
      <c r="D80" s="5">
        <v>48</v>
      </c>
    </row>
    <row r="81" spans="1:4" ht="18" customHeight="1" x14ac:dyDescent="0.15">
      <c r="A81" s="8">
        <v>63</v>
      </c>
      <c r="B81" s="21">
        <v>28</v>
      </c>
      <c r="C81" s="6">
        <v>21</v>
      </c>
      <c r="D81" s="5">
        <v>49</v>
      </c>
    </row>
    <row r="82" spans="1:4" ht="18" customHeight="1" x14ac:dyDescent="0.15">
      <c r="A82" s="8">
        <v>64</v>
      </c>
      <c r="B82" s="21">
        <v>16</v>
      </c>
      <c r="C82" s="6">
        <v>28</v>
      </c>
      <c r="D82" s="5">
        <v>44</v>
      </c>
    </row>
    <row r="83" spans="1:4" ht="18" customHeight="1" x14ac:dyDescent="0.15">
      <c r="A83" s="8" t="s">
        <v>12</v>
      </c>
      <c r="B83" s="21">
        <v>114</v>
      </c>
      <c r="C83" s="6">
        <v>117</v>
      </c>
      <c r="D83" s="5">
        <v>231</v>
      </c>
    </row>
    <row r="84" spans="1:4" ht="18" customHeight="1" x14ac:dyDescent="0.15">
      <c r="A84" s="8" t="s">
        <v>11</v>
      </c>
      <c r="B84" s="21">
        <v>1012</v>
      </c>
      <c r="C84" s="6">
        <v>936</v>
      </c>
      <c r="D84" s="5">
        <v>1948</v>
      </c>
    </row>
    <row r="85" spans="1:4" ht="18" customHeight="1" x14ac:dyDescent="0.15">
      <c r="A85" s="8">
        <v>65</v>
      </c>
      <c r="B85" s="21">
        <v>14</v>
      </c>
      <c r="C85" s="6">
        <v>12</v>
      </c>
      <c r="D85" s="5">
        <v>26</v>
      </c>
    </row>
    <row r="86" spans="1:4" ht="18" customHeight="1" x14ac:dyDescent="0.15">
      <c r="A86" s="8">
        <v>66</v>
      </c>
      <c r="B86" s="21">
        <v>25</v>
      </c>
      <c r="C86" s="6">
        <v>23</v>
      </c>
      <c r="D86" s="5">
        <v>48</v>
      </c>
    </row>
    <row r="87" spans="1:4" ht="18" customHeight="1" x14ac:dyDescent="0.15">
      <c r="A87" s="8">
        <v>67</v>
      </c>
      <c r="B87" s="21">
        <v>17</v>
      </c>
      <c r="C87" s="6">
        <v>22</v>
      </c>
      <c r="D87" s="5">
        <v>39</v>
      </c>
    </row>
    <row r="88" spans="1:4" ht="18" customHeight="1" x14ac:dyDescent="0.15">
      <c r="A88" s="8">
        <v>68</v>
      </c>
      <c r="B88" s="21">
        <v>29</v>
      </c>
      <c r="C88" s="6">
        <v>18</v>
      </c>
      <c r="D88" s="5">
        <v>47</v>
      </c>
    </row>
    <row r="89" spans="1:4" ht="18" customHeight="1" x14ac:dyDescent="0.15">
      <c r="A89" s="8">
        <v>69</v>
      </c>
      <c r="B89" s="21">
        <v>20</v>
      </c>
      <c r="C89" s="6">
        <v>28</v>
      </c>
      <c r="D89" s="5">
        <v>48</v>
      </c>
    </row>
    <row r="90" spans="1:4" ht="18" customHeight="1" x14ac:dyDescent="0.15">
      <c r="A90" s="8" t="s">
        <v>10</v>
      </c>
      <c r="B90" s="21">
        <v>105</v>
      </c>
      <c r="C90" s="6">
        <v>103</v>
      </c>
      <c r="D90" s="5">
        <v>208</v>
      </c>
    </row>
    <row r="91" spans="1:4" ht="18" customHeight="1" x14ac:dyDescent="0.15">
      <c r="A91" s="8">
        <v>70</v>
      </c>
      <c r="B91" s="21">
        <v>23</v>
      </c>
      <c r="C91" s="6">
        <v>14</v>
      </c>
      <c r="D91" s="5">
        <v>37</v>
      </c>
    </row>
    <row r="92" spans="1:4" ht="18" customHeight="1" x14ac:dyDescent="0.15">
      <c r="A92" s="8">
        <v>71</v>
      </c>
      <c r="B92" s="21">
        <v>17</v>
      </c>
      <c r="C92" s="6">
        <v>17</v>
      </c>
      <c r="D92" s="5">
        <v>34</v>
      </c>
    </row>
    <row r="93" spans="1:4" ht="18" customHeight="1" x14ac:dyDescent="0.15">
      <c r="A93" s="8">
        <v>72</v>
      </c>
      <c r="B93" s="21">
        <v>23</v>
      </c>
      <c r="C93" s="6">
        <v>25</v>
      </c>
      <c r="D93" s="5">
        <v>48</v>
      </c>
    </row>
    <row r="94" spans="1:4" ht="18" customHeight="1" x14ac:dyDescent="0.15">
      <c r="A94" s="8">
        <v>73</v>
      </c>
      <c r="B94" s="21">
        <v>20</v>
      </c>
      <c r="C94" s="6">
        <v>10</v>
      </c>
      <c r="D94" s="5">
        <v>30</v>
      </c>
    </row>
    <row r="95" spans="1:4" ht="18" customHeight="1" x14ac:dyDescent="0.15">
      <c r="A95" s="8">
        <v>74</v>
      </c>
      <c r="B95" s="21">
        <v>18</v>
      </c>
      <c r="C95" s="6">
        <v>15</v>
      </c>
      <c r="D95" s="5">
        <v>33</v>
      </c>
    </row>
    <row r="96" spans="1:4" ht="18" customHeight="1" x14ac:dyDescent="0.15">
      <c r="A96" s="8" t="s">
        <v>9</v>
      </c>
      <c r="B96" s="21">
        <v>101</v>
      </c>
      <c r="C96" s="6">
        <v>81</v>
      </c>
      <c r="D96" s="5">
        <v>182</v>
      </c>
    </row>
    <row r="97" spans="1:4" ht="18" customHeight="1" x14ac:dyDescent="0.15">
      <c r="A97" s="8">
        <v>75</v>
      </c>
      <c r="B97" s="21">
        <v>20</v>
      </c>
      <c r="C97" s="6">
        <v>28</v>
      </c>
      <c r="D97" s="5">
        <v>48</v>
      </c>
    </row>
    <row r="98" spans="1:4" ht="18" customHeight="1" x14ac:dyDescent="0.15">
      <c r="A98" s="8">
        <v>76</v>
      </c>
      <c r="B98" s="21">
        <v>19</v>
      </c>
      <c r="C98" s="6">
        <v>36</v>
      </c>
      <c r="D98" s="5">
        <v>55</v>
      </c>
    </row>
    <row r="99" spans="1:4" ht="18" customHeight="1" x14ac:dyDescent="0.15">
      <c r="A99" s="8">
        <v>77</v>
      </c>
      <c r="B99" s="21">
        <v>26</v>
      </c>
      <c r="C99" s="6">
        <v>24</v>
      </c>
      <c r="D99" s="5">
        <v>50</v>
      </c>
    </row>
    <row r="100" spans="1:4" ht="18" customHeight="1" x14ac:dyDescent="0.15">
      <c r="A100" s="8">
        <v>78</v>
      </c>
      <c r="B100" s="21">
        <v>25</v>
      </c>
      <c r="C100" s="6">
        <v>38</v>
      </c>
      <c r="D100" s="5">
        <v>63</v>
      </c>
    </row>
    <row r="101" spans="1:4" ht="18" customHeight="1" x14ac:dyDescent="0.15">
      <c r="A101" s="8">
        <v>79</v>
      </c>
      <c r="B101" s="21">
        <v>11</v>
      </c>
      <c r="C101" s="6">
        <v>20</v>
      </c>
      <c r="D101" s="5">
        <v>31</v>
      </c>
    </row>
    <row r="102" spans="1:4" ht="18" customHeight="1" x14ac:dyDescent="0.15">
      <c r="A102" s="8" t="s">
        <v>8</v>
      </c>
      <c r="B102" s="21">
        <v>101</v>
      </c>
      <c r="C102" s="6">
        <v>146</v>
      </c>
      <c r="D102" s="5">
        <v>247</v>
      </c>
    </row>
    <row r="103" spans="1:4" ht="18" customHeight="1" x14ac:dyDescent="0.15">
      <c r="A103" s="8">
        <v>80</v>
      </c>
      <c r="B103" s="21">
        <v>17</v>
      </c>
      <c r="C103" s="6">
        <v>24</v>
      </c>
      <c r="D103" s="5">
        <v>41</v>
      </c>
    </row>
    <row r="104" spans="1:4" ht="18" customHeight="1" x14ac:dyDescent="0.15">
      <c r="A104" s="8">
        <v>81</v>
      </c>
      <c r="B104" s="21">
        <v>19</v>
      </c>
      <c r="C104" s="6">
        <v>26</v>
      </c>
      <c r="D104" s="5">
        <v>45</v>
      </c>
    </row>
    <row r="105" spans="1:4" ht="18" customHeight="1" x14ac:dyDescent="0.15">
      <c r="A105" s="8">
        <v>82</v>
      </c>
      <c r="B105" s="21">
        <v>16</v>
      </c>
      <c r="C105" s="6">
        <v>18</v>
      </c>
      <c r="D105" s="5">
        <v>34</v>
      </c>
    </row>
    <row r="106" spans="1:4" ht="18" customHeight="1" x14ac:dyDescent="0.15">
      <c r="A106" s="8">
        <v>83</v>
      </c>
      <c r="B106" s="21">
        <v>15</v>
      </c>
      <c r="C106" s="6">
        <v>20</v>
      </c>
      <c r="D106" s="5">
        <v>35</v>
      </c>
    </row>
    <row r="107" spans="1:4" ht="18" customHeight="1" x14ac:dyDescent="0.15">
      <c r="A107" s="8">
        <v>84</v>
      </c>
      <c r="B107" s="21">
        <v>9</v>
      </c>
      <c r="C107" s="6">
        <v>15</v>
      </c>
      <c r="D107" s="5">
        <v>24</v>
      </c>
    </row>
    <row r="108" spans="1:4" ht="18" customHeight="1" x14ac:dyDescent="0.15">
      <c r="A108" s="8" t="s">
        <v>7</v>
      </c>
      <c r="B108" s="21">
        <v>76</v>
      </c>
      <c r="C108" s="6">
        <v>103</v>
      </c>
      <c r="D108" s="5">
        <v>179</v>
      </c>
    </row>
    <row r="109" spans="1:4" ht="18" customHeight="1" x14ac:dyDescent="0.15">
      <c r="A109" s="8">
        <v>85</v>
      </c>
      <c r="B109" s="21">
        <v>10</v>
      </c>
      <c r="C109" s="6">
        <v>13</v>
      </c>
      <c r="D109" s="5">
        <v>23</v>
      </c>
    </row>
    <row r="110" spans="1:4" ht="18" customHeight="1" x14ac:dyDescent="0.15">
      <c r="A110" s="8">
        <v>86</v>
      </c>
      <c r="B110" s="21">
        <v>6</v>
      </c>
      <c r="C110" s="6">
        <v>12</v>
      </c>
      <c r="D110" s="5">
        <v>18</v>
      </c>
    </row>
    <row r="111" spans="1:4" ht="18" customHeight="1" x14ac:dyDescent="0.15">
      <c r="A111" s="8">
        <v>87</v>
      </c>
      <c r="B111" s="21">
        <v>6</v>
      </c>
      <c r="C111" s="6">
        <v>15</v>
      </c>
      <c r="D111" s="5">
        <v>21</v>
      </c>
    </row>
    <row r="112" spans="1:4" ht="18" customHeight="1" x14ac:dyDescent="0.15">
      <c r="A112" s="8">
        <v>88</v>
      </c>
      <c r="B112" s="21">
        <v>6</v>
      </c>
      <c r="C112" s="6">
        <v>17</v>
      </c>
      <c r="D112" s="5">
        <v>23</v>
      </c>
    </row>
    <row r="113" spans="1:4" ht="18" customHeight="1" x14ac:dyDescent="0.15">
      <c r="A113" s="8">
        <v>89</v>
      </c>
      <c r="B113" s="21">
        <v>4</v>
      </c>
      <c r="C113" s="6">
        <v>13</v>
      </c>
      <c r="D113" s="5">
        <v>17</v>
      </c>
    </row>
    <row r="114" spans="1:4" ht="18" customHeight="1" x14ac:dyDescent="0.15">
      <c r="A114" s="8" t="s">
        <v>6</v>
      </c>
      <c r="B114" s="21">
        <v>32</v>
      </c>
      <c r="C114" s="6">
        <v>70</v>
      </c>
      <c r="D114" s="5">
        <v>102</v>
      </c>
    </row>
    <row r="115" spans="1:4" ht="18" customHeight="1" x14ac:dyDescent="0.15">
      <c r="A115" s="8">
        <v>90</v>
      </c>
      <c r="B115" s="21">
        <v>4</v>
      </c>
      <c r="C115" s="6">
        <v>12</v>
      </c>
      <c r="D115" s="5">
        <v>16</v>
      </c>
    </row>
    <row r="116" spans="1:4" ht="18" customHeight="1" x14ac:dyDescent="0.15">
      <c r="A116" s="8">
        <v>91</v>
      </c>
      <c r="B116" s="21">
        <v>3</v>
      </c>
      <c r="C116" s="6">
        <v>13</v>
      </c>
      <c r="D116" s="5">
        <v>16</v>
      </c>
    </row>
    <row r="117" spans="1:4" ht="18" customHeight="1" x14ac:dyDescent="0.15">
      <c r="A117" s="8">
        <v>92</v>
      </c>
      <c r="B117" s="21">
        <v>4</v>
      </c>
      <c r="C117" s="6">
        <v>11</v>
      </c>
      <c r="D117" s="5">
        <v>15</v>
      </c>
    </row>
    <row r="118" spans="1:4" ht="18" customHeight="1" x14ac:dyDescent="0.15">
      <c r="A118" s="8">
        <v>93</v>
      </c>
      <c r="B118" s="21">
        <v>2</v>
      </c>
      <c r="C118" s="6">
        <v>7</v>
      </c>
      <c r="D118" s="5">
        <v>9</v>
      </c>
    </row>
    <row r="119" spans="1:4" ht="18" customHeight="1" x14ac:dyDescent="0.15">
      <c r="A119" s="8">
        <v>94</v>
      </c>
      <c r="B119" s="21">
        <v>1</v>
      </c>
      <c r="C119" s="6">
        <v>8</v>
      </c>
      <c r="D119" s="5">
        <v>9</v>
      </c>
    </row>
    <row r="120" spans="1:4" ht="18" customHeight="1" x14ac:dyDescent="0.15">
      <c r="A120" s="8" t="s">
        <v>5</v>
      </c>
      <c r="B120" s="21">
        <v>14</v>
      </c>
      <c r="C120" s="6">
        <v>51</v>
      </c>
      <c r="D120" s="5">
        <v>65</v>
      </c>
    </row>
    <row r="121" spans="1:4" ht="18" customHeight="1" x14ac:dyDescent="0.15">
      <c r="A121" s="8">
        <v>95</v>
      </c>
      <c r="B121" s="21">
        <v>1</v>
      </c>
      <c r="C121" s="6">
        <v>10</v>
      </c>
      <c r="D121" s="5">
        <v>11</v>
      </c>
    </row>
    <row r="122" spans="1:4" ht="18" customHeight="1" x14ac:dyDescent="0.15">
      <c r="A122" s="8">
        <v>96</v>
      </c>
      <c r="B122" s="21">
        <v>1</v>
      </c>
      <c r="C122" s="6">
        <v>2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2</v>
      </c>
      <c r="C124" s="6">
        <v>5</v>
      </c>
      <c r="D124" s="5">
        <v>7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4</v>
      </c>
      <c r="C126" s="6">
        <v>21</v>
      </c>
      <c r="D126" s="5">
        <v>25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433</v>
      </c>
      <c r="C130" s="6">
        <v>579</v>
      </c>
      <c r="D130" s="5">
        <v>1012</v>
      </c>
    </row>
    <row r="131" spans="1:4" ht="18" customHeight="1" x14ac:dyDescent="0.15">
      <c r="A131" s="4" t="s">
        <v>0</v>
      </c>
      <c r="B131" s="20">
        <v>1572</v>
      </c>
      <c r="C131" s="2">
        <v>1621</v>
      </c>
      <c r="D131" s="1">
        <v>319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C1EE6A-F661-490F-BD83-DADE14389CA9}">
  <sheetPr codeName="Sheet4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</v>
      </c>
      <c r="C5" s="11">
        <v>3</v>
      </c>
      <c r="D5" s="10">
        <v>6</v>
      </c>
    </row>
    <row r="6" spans="1:4" ht="18" customHeight="1" x14ac:dyDescent="0.15">
      <c r="A6" s="8">
        <v>1</v>
      </c>
      <c r="B6" s="21">
        <v>4</v>
      </c>
      <c r="C6" s="6">
        <v>6</v>
      </c>
      <c r="D6" s="5">
        <v>10</v>
      </c>
    </row>
    <row r="7" spans="1:4" ht="18" customHeight="1" x14ac:dyDescent="0.15">
      <c r="A7" s="8">
        <v>2</v>
      </c>
      <c r="B7" s="21">
        <v>5</v>
      </c>
      <c r="C7" s="6">
        <v>5</v>
      </c>
      <c r="D7" s="5">
        <v>10</v>
      </c>
    </row>
    <row r="8" spans="1:4" ht="18" customHeight="1" x14ac:dyDescent="0.15">
      <c r="A8" s="8">
        <v>3</v>
      </c>
      <c r="B8" s="21">
        <v>5</v>
      </c>
      <c r="C8" s="6">
        <v>3</v>
      </c>
      <c r="D8" s="5">
        <v>8</v>
      </c>
    </row>
    <row r="9" spans="1:4" ht="18" customHeight="1" x14ac:dyDescent="0.15">
      <c r="A9" s="8">
        <v>4</v>
      </c>
      <c r="B9" s="21">
        <v>5</v>
      </c>
      <c r="C9" s="6">
        <v>4</v>
      </c>
      <c r="D9" s="5">
        <v>9</v>
      </c>
    </row>
    <row r="10" spans="1:4" ht="18" customHeight="1" x14ac:dyDescent="0.15">
      <c r="A10" s="8" t="s">
        <v>25</v>
      </c>
      <c r="B10" s="21">
        <v>22</v>
      </c>
      <c r="C10" s="6">
        <v>21</v>
      </c>
      <c r="D10" s="5">
        <v>43</v>
      </c>
    </row>
    <row r="11" spans="1:4" ht="18" customHeight="1" x14ac:dyDescent="0.15">
      <c r="A11" s="8">
        <v>5</v>
      </c>
      <c r="B11" s="21">
        <v>5</v>
      </c>
      <c r="C11" s="6">
        <v>7</v>
      </c>
      <c r="D11" s="5">
        <v>12</v>
      </c>
    </row>
    <row r="12" spans="1:4" ht="18" customHeight="1" x14ac:dyDescent="0.15">
      <c r="A12" s="8">
        <v>6</v>
      </c>
      <c r="B12" s="21">
        <v>9</v>
      </c>
      <c r="C12" s="6">
        <v>4</v>
      </c>
      <c r="D12" s="5">
        <v>13</v>
      </c>
    </row>
    <row r="13" spans="1:4" ht="18" customHeight="1" x14ac:dyDescent="0.15">
      <c r="A13" s="8">
        <v>7</v>
      </c>
      <c r="B13" s="21">
        <v>5</v>
      </c>
      <c r="C13" s="6">
        <v>6</v>
      </c>
      <c r="D13" s="5">
        <v>11</v>
      </c>
    </row>
    <row r="14" spans="1:4" ht="18" customHeight="1" x14ac:dyDescent="0.15">
      <c r="A14" s="8">
        <v>8</v>
      </c>
      <c r="B14" s="21">
        <v>6</v>
      </c>
      <c r="C14" s="6">
        <v>6</v>
      </c>
      <c r="D14" s="5">
        <v>12</v>
      </c>
    </row>
    <row r="15" spans="1:4" ht="18" customHeight="1" x14ac:dyDescent="0.15">
      <c r="A15" s="8">
        <v>9</v>
      </c>
      <c r="B15" s="21">
        <v>4</v>
      </c>
      <c r="C15" s="6">
        <v>10</v>
      </c>
      <c r="D15" s="5">
        <v>14</v>
      </c>
    </row>
    <row r="16" spans="1:4" ht="18" customHeight="1" x14ac:dyDescent="0.15">
      <c r="A16" s="8" t="s">
        <v>24</v>
      </c>
      <c r="B16" s="21">
        <v>29</v>
      </c>
      <c r="C16" s="6">
        <v>33</v>
      </c>
      <c r="D16" s="5">
        <v>62</v>
      </c>
    </row>
    <row r="17" spans="1:4" ht="18" customHeight="1" x14ac:dyDescent="0.15">
      <c r="A17" s="8">
        <v>10</v>
      </c>
      <c r="B17" s="21">
        <v>9</v>
      </c>
      <c r="C17" s="6">
        <v>6</v>
      </c>
      <c r="D17" s="5">
        <v>15</v>
      </c>
    </row>
    <row r="18" spans="1:4" ht="18" customHeight="1" x14ac:dyDescent="0.15">
      <c r="A18" s="8">
        <v>11</v>
      </c>
      <c r="B18" s="21">
        <v>9</v>
      </c>
      <c r="C18" s="6">
        <v>3</v>
      </c>
      <c r="D18" s="5">
        <v>12</v>
      </c>
    </row>
    <row r="19" spans="1:4" ht="18" customHeight="1" x14ac:dyDescent="0.15">
      <c r="A19" s="8">
        <v>12</v>
      </c>
      <c r="B19" s="21">
        <v>6</v>
      </c>
      <c r="C19" s="6">
        <v>4</v>
      </c>
      <c r="D19" s="5">
        <v>10</v>
      </c>
    </row>
    <row r="20" spans="1:4" ht="18" customHeight="1" x14ac:dyDescent="0.15">
      <c r="A20" s="8">
        <v>13</v>
      </c>
      <c r="B20" s="21">
        <v>10</v>
      </c>
      <c r="C20" s="6">
        <v>4</v>
      </c>
      <c r="D20" s="5">
        <v>14</v>
      </c>
    </row>
    <row r="21" spans="1:4" ht="18" customHeight="1" x14ac:dyDescent="0.15">
      <c r="A21" s="8">
        <v>14</v>
      </c>
      <c r="B21" s="21">
        <v>9</v>
      </c>
      <c r="C21" s="6">
        <v>8</v>
      </c>
      <c r="D21" s="5">
        <v>17</v>
      </c>
    </row>
    <row r="22" spans="1:4" ht="18" customHeight="1" x14ac:dyDescent="0.15">
      <c r="A22" s="8" t="s">
        <v>23</v>
      </c>
      <c r="B22" s="21">
        <v>43</v>
      </c>
      <c r="C22" s="6">
        <v>25</v>
      </c>
      <c r="D22" s="5">
        <v>68</v>
      </c>
    </row>
    <row r="23" spans="1:4" ht="18" customHeight="1" x14ac:dyDescent="0.15">
      <c r="A23" s="8" t="s">
        <v>22</v>
      </c>
      <c r="B23" s="21">
        <v>94</v>
      </c>
      <c r="C23" s="6">
        <v>79</v>
      </c>
      <c r="D23" s="5">
        <v>173</v>
      </c>
    </row>
    <row r="24" spans="1:4" ht="18" customHeight="1" x14ac:dyDescent="0.15">
      <c r="A24" s="8">
        <v>15</v>
      </c>
      <c r="B24" s="21">
        <v>8</v>
      </c>
      <c r="C24" s="6">
        <v>8</v>
      </c>
      <c r="D24" s="5">
        <v>16</v>
      </c>
    </row>
    <row r="25" spans="1:4" ht="18" customHeight="1" x14ac:dyDescent="0.15">
      <c r="A25" s="8">
        <v>16</v>
      </c>
      <c r="B25" s="21">
        <v>7</v>
      </c>
      <c r="C25" s="6">
        <v>4</v>
      </c>
      <c r="D25" s="5">
        <v>11</v>
      </c>
    </row>
    <row r="26" spans="1:4" ht="18" customHeight="1" x14ac:dyDescent="0.15">
      <c r="A26" s="8">
        <v>17</v>
      </c>
      <c r="B26" s="21">
        <v>9</v>
      </c>
      <c r="C26" s="6">
        <v>12</v>
      </c>
      <c r="D26" s="5">
        <v>21</v>
      </c>
    </row>
    <row r="27" spans="1:4" ht="18" customHeight="1" x14ac:dyDescent="0.15">
      <c r="A27" s="8">
        <v>18</v>
      </c>
      <c r="B27" s="21">
        <v>9</v>
      </c>
      <c r="C27" s="6">
        <v>9</v>
      </c>
      <c r="D27" s="5">
        <v>18</v>
      </c>
    </row>
    <row r="28" spans="1:4" ht="18" customHeight="1" x14ac:dyDescent="0.15">
      <c r="A28" s="8">
        <v>19</v>
      </c>
      <c r="B28" s="21">
        <v>6</v>
      </c>
      <c r="C28" s="6">
        <v>8</v>
      </c>
      <c r="D28" s="5">
        <v>14</v>
      </c>
    </row>
    <row r="29" spans="1:4" ht="18" customHeight="1" x14ac:dyDescent="0.15">
      <c r="A29" s="8" t="s">
        <v>21</v>
      </c>
      <c r="B29" s="21">
        <v>39</v>
      </c>
      <c r="C29" s="6">
        <v>41</v>
      </c>
      <c r="D29" s="5">
        <v>80</v>
      </c>
    </row>
    <row r="30" spans="1:4" ht="18" customHeight="1" x14ac:dyDescent="0.15">
      <c r="A30" s="8">
        <v>20</v>
      </c>
      <c r="B30" s="21">
        <v>7</v>
      </c>
      <c r="C30" s="6">
        <v>7</v>
      </c>
      <c r="D30" s="5">
        <v>14</v>
      </c>
    </row>
    <row r="31" spans="1:4" ht="18" customHeight="1" x14ac:dyDescent="0.15">
      <c r="A31" s="8">
        <v>21</v>
      </c>
      <c r="B31" s="21">
        <v>10</v>
      </c>
      <c r="C31" s="6">
        <v>6</v>
      </c>
      <c r="D31" s="5">
        <v>16</v>
      </c>
    </row>
    <row r="32" spans="1:4" ht="18" customHeight="1" x14ac:dyDescent="0.15">
      <c r="A32" s="8">
        <v>22</v>
      </c>
      <c r="B32" s="21">
        <v>6</v>
      </c>
      <c r="C32" s="6">
        <v>4</v>
      </c>
      <c r="D32" s="5">
        <v>10</v>
      </c>
    </row>
    <row r="33" spans="1:4" ht="18" customHeight="1" x14ac:dyDescent="0.15">
      <c r="A33" s="8">
        <v>23</v>
      </c>
      <c r="B33" s="21">
        <v>11</v>
      </c>
      <c r="C33" s="6">
        <v>5</v>
      </c>
      <c r="D33" s="5">
        <v>16</v>
      </c>
    </row>
    <row r="34" spans="1:4" ht="18" customHeight="1" x14ac:dyDescent="0.15">
      <c r="A34" s="8">
        <v>24</v>
      </c>
      <c r="B34" s="21">
        <v>9</v>
      </c>
      <c r="C34" s="6">
        <v>5</v>
      </c>
      <c r="D34" s="5">
        <v>14</v>
      </c>
    </row>
    <row r="35" spans="1:4" ht="18" customHeight="1" x14ac:dyDescent="0.15">
      <c r="A35" s="8" t="s">
        <v>20</v>
      </c>
      <c r="B35" s="21">
        <v>43</v>
      </c>
      <c r="C35" s="6">
        <v>27</v>
      </c>
      <c r="D35" s="5">
        <v>70</v>
      </c>
    </row>
    <row r="36" spans="1:4" ht="18" customHeight="1" x14ac:dyDescent="0.15">
      <c r="A36" s="8">
        <v>25</v>
      </c>
      <c r="B36" s="21">
        <v>6</v>
      </c>
      <c r="C36" s="6">
        <v>11</v>
      </c>
      <c r="D36" s="5">
        <v>17</v>
      </c>
    </row>
    <row r="37" spans="1:4" ht="18" customHeight="1" x14ac:dyDescent="0.15">
      <c r="A37" s="8">
        <v>26</v>
      </c>
      <c r="B37" s="21">
        <v>6</v>
      </c>
      <c r="C37" s="6">
        <v>6</v>
      </c>
      <c r="D37" s="5">
        <v>12</v>
      </c>
    </row>
    <row r="38" spans="1:4" ht="18" customHeight="1" x14ac:dyDescent="0.15">
      <c r="A38" s="8">
        <v>27</v>
      </c>
      <c r="B38" s="21">
        <v>5</v>
      </c>
      <c r="C38" s="6">
        <v>6</v>
      </c>
      <c r="D38" s="5">
        <v>11</v>
      </c>
    </row>
    <row r="39" spans="1:4" ht="18" customHeight="1" x14ac:dyDescent="0.15">
      <c r="A39" s="8">
        <v>28</v>
      </c>
      <c r="B39" s="21">
        <v>14</v>
      </c>
      <c r="C39" s="6">
        <v>5</v>
      </c>
      <c r="D39" s="5">
        <v>19</v>
      </c>
    </row>
    <row r="40" spans="1:4" ht="18" customHeight="1" x14ac:dyDescent="0.15">
      <c r="A40" s="8">
        <v>29</v>
      </c>
      <c r="B40" s="21">
        <v>7</v>
      </c>
      <c r="C40" s="6">
        <v>12</v>
      </c>
      <c r="D40" s="5">
        <v>19</v>
      </c>
    </row>
    <row r="41" spans="1:4" ht="18" customHeight="1" x14ac:dyDescent="0.15">
      <c r="A41" s="8" t="s">
        <v>19</v>
      </c>
      <c r="B41" s="21">
        <v>38</v>
      </c>
      <c r="C41" s="6">
        <v>40</v>
      </c>
      <c r="D41" s="5">
        <v>78</v>
      </c>
    </row>
    <row r="42" spans="1:4" ht="18" customHeight="1" x14ac:dyDescent="0.15">
      <c r="A42" s="8">
        <v>30</v>
      </c>
      <c r="B42" s="21">
        <v>11</v>
      </c>
      <c r="C42" s="6">
        <v>2</v>
      </c>
      <c r="D42" s="5">
        <v>13</v>
      </c>
    </row>
    <row r="43" spans="1:4" ht="18" customHeight="1" x14ac:dyDescent="0.15">
      <c r="A43" s="8">
        <v>31</v>
      </c>
      <c r="B43" s="21">
        <v>6</v>
      </c>
      <c r="C43" s="6">
        <v>5</v>
      </c>
      <c r="D43" s="5">
        <v>11</v>
      </c>
    </row>
    <row r="44" spans="1:4" ht="18" customHeight="1" x14ac:dyDescent="0.15">
      <c r="A44" s="8">
        <v>32</v>
      </c>
      <c r="B44" s="21">
        <v>12</v>
      </c>
      <c r="C44" s="6">
        <v>3</v>
      </c>
      <c r="D44" s="5">
        <v>15</v>
      </c>
    </row>
    <row r="45" spans="1:4" ht="18" customHeight="1" x14ac:dyDescent="0.15">
      <c r="A45" s="8">
        <v>33</v>
      </c>
      <c r="B45" s="21">
        <v>11</v>
      </c>
      <c r="C45" s="6">
        <v>2</v>
      </c>
      <c r="D45" s="5">
        <v>13</v>
      </c>
    </row>
    <row r="46" spans="1:4" ht="18" customHeight="1" x14ac:dyDescent="0.15">
      <c r="A46" s="8">
        <v>34</v>
      </c>
      <c r="B46" s="21">
        <v>6</v>
      </c>
      <c r="C46" s="6">
        <v>6</v>
      </c>
      <c r="D46" s="5">
        <v>12</v>
      </c>
    </row>
    <row r="47" spans="1:4" ht="18" customHeight="1" x14ac:dyDescent="0.15">
      <c r="A47" s="8" t="s">
        <v>18</v>
      </c>
      <c r="B47" s="21">
        <v>46</v>
      </c>
      <c r="C47" s="6">
        <v>18</v>
      </c>
      <c r="D47" s="5">
        <v>64</v>
      </c>
    </row>
    <row r="48" spans="1:4" ht="18" customHeight="1" x14ac:dyDescent="0.15">
      <c r="A48" s="8">
        <v>35</v>
      </c>
      <c r="B48" s="21">
        <v>6</v>
      </c>
      <c r="C48" s="6">
        <v>6</v>
      </c>
      <c r="D48" s="5">
        <v>12</v>
      </c>
    </row>
    <row r="49" spans="1:4" ht="18" customHeight="1" x14ac:dyDescent="0.15">
      <c r="A49" s="8">
        <v>36</v>
      </c>
      <c r="B49" s="21">
        <v>9</v>
      </c>
      <c r="C49" s="6">
        <v>9</v>
      </c>
      <c r="D49" s="5">
        <v>18</v>
      </c>
    </row>
    <row r="50" spans="1:4" ht="18" customHeight="1" x14ac:dyDescent="0.15">
      <c r="A50" s="8">
        <v>37</v>
      </c>
      <c r="B50" s="21">
        <v>8</v>
      </c>
      <c r="C50" s="6">
        <v>10</v>
      </c>
      <c r="D50" s="5">
        <v>18</v>
      </c>
    </row>
    <row r="51" spans="1:4" ht="18" customHeight="1" x14ac:dyDescent="0.15">
      <c r="A51" s="8">
        <v>38</v>
      </c>
      <c r="B51" s="21">
        <v>9</v>
      </c>
      <c r="C51" s="6">
        <v>7</v>
      </c>
      <c r="D51" s="5">
        <v>16</v>
      </c>
    </row>
    <row r="52" spans="1:4" ht="18" customHeight="1" x14ac:dyDescent="0.15">
      <c r="A52" s="8">
        <v>39</v>
      </c>
      <c r="B52" s="21">
        <v>8</v>
      </c>
      <c r="C52" s="6">
        <v>4</v>
      </c>
      <c r="D52" s="5">
        <v>12</v>
      </c>
    </row>
    <row r="53" spans="1:4" ht="18" customHeight="1" x14ac:dyDescent="0.15">
      <c r="A53" s="8" t="s">
        <v>17</v>
      </c>
      <c r="B53" s="21">
        <v>40</v>
      </c>
      <c r="C53" s="6">
        <v>36</v>
      </c>
      <c r="D53" s="5">
        <v>76</v>
      </c>
    </row>
    <row r="54" spans="1:4" ht="18" customHeight="1" x14ac:dyDescent="0.15">
      <c r="A54" s="8">
        <v>40</v>
      </c>
      <c r="B54" s="21">
        <v>11</v>
      </c>
      <c r="C54" s="6">
        <v>5</v>
      </c>
      <c r="D54" s="5">
        <v>16</v>
      </c>
    </row>
    <row r="55" spans="1:4" ht="18" customHeight="1" x14ac:dyDescent="0.15">
      <c r="A55" s="8">
        <v>41</v>
      </c>
      <c r="B55" s="21">
        <v>6</v>
      </c>
      <c r="C55" s="6">
        <v>10</v>
      </c>
      <c r="D55" s="5">
        <v>16</v>
      </c>
    </row>
    <row r="56" spans="1:4" ht="18" customHeight="1" x14ac:dyDescent="0.15">
      <c r="A56" s="8">
        <v>42</v>
      </c>
      <c r="B56" s="21">
        <v>18</v>
      </c>
      <c r="C56" s="6">
        <v>12</v>
      </c>
      <c r="D56" s="5">
        <v>30</v>
      </c>
    </row>
    <row r="57" spans="1:4" ht="18" customHeight="1" x14ac:dyDescent="0.15">
      <c r="A57" s="8">
        <v>43</v>
      </c>
      <c r="B57" s="21">
        <v>12</v>
      </c>
      <c r="C57" s="6">
        <v>9</v>
      </c>
      <c r="D57" s="5">
        <v>21</v>
      </c>
    </row>
    <row r="58" spans="1:4" ht="18" customHeight="1" x14ac:dyDescent="0.15">
      <c r="A58" s="8">
        <v>44</v>
      </c>
      <c r="B58" s="21">
        <v>10</v>
      </c>
      <c r="C58" s="6">
        <v>11</v>
      </c>
      <c r="D58" s="5">
        <v>21</v>
      </c>
    </row>
    <row r="59" spans="1:4" ht="18" customHeight="1" x14ac:dyDescent="0.15">
      <c r="A59" s="8" t="s">
        <v>16</v>
      </c>
      <c r="B59" s="21">
        <v>57</v>
      </c>
      <c r="C59" s="6">
        <v>47</v>
      </c>
      <c r="D59" s="5">
        <v>104</v>
      </c>
    </row>
    <row r="60" spans="1:4" ht="18" customHeight="1" x14ac:dyDescent="0.15">
      <c r="A60" s="8">
        <v>45</v>
      </c>
      <c r="B60" s="21">
        <v>10</v>
      </c>
      <c r="C60" s="6">
        <v>15</v>
      </c>
      <c r="D60" s="5">
        <v>25</v>
      </c>
    </row>
    <row r="61" spans="1:4" ht="18" customHeight="1" x14ac:dyDescent="0.15">
      <c r="A61" s="8">
        <v>46</v>
      </c>
      <c r="B61" s="21">
        <v>17</v>
      </c>
      <c r="C61" s="6">
        <v>14</v>
      </c>
      <c r="D61" s="5">
        <v>31</v>
      </c>
    </row>
    <row r="62" spans="1:4" ht="18" customHeight="1" x14ac:dyDescent="0.15">
      <c r="A62" s="8">
        <v>47</v>
      </c>
      <c r="B62" s="21">
        <v>13</v>
      </c>
      <c r="C62" s="6">
        <v>10</v>
      </c>
      <c r="D62" s="5">
        <v>23</v>
      </c>
    </row>
    <row r="63" spans="1:4" ht="18" customHeight="1" x14ac:dyDescent="0.15">
      <c r="A63" s="8">
        <v>48</v>
      </c>
      <c r="B63" s="21">
        <v>17</v>
      </c>
      <c r="C63" s="6">
        <v>18</v>
      </c>
      <c r="D63" s="5">
        <v>35</v>
      </c>
    </row>
    <row r="64" spans="1:4" ht="18" customHeight="1" x14ac:dyDescent="0.15">
      <c r="A64" s="8">
        <v>49</v>
      </c>
      <c r="B64" s="21">
        <v>15</v>
      </c>
      <c r="C64" s="6">
        <v>12</v>
      </c>
      <c r="D64" s="5">
        <v>27</v>
      </c>
    </row>
    <row r="65" spans="1:4" ht="18" customHeight="1" x14ac:dyDescent="0.15">
      <c r="A65" s="8" t="s">
        <v>15</v>
      </c>
      <c r="B65" s="21">
        <v>72</v>
      </c>
      <c r="C65" s="6">
        <v>69</v>
      </c>
      <c r="D65" s="5">
        <v>141</v>
      </c>
    </row>
    <row r="66" spans="1:4" ht="18" customHeight="1" x14ac:dyDescent="0.15">
      <c r="A66" s="8">
        <v>50</v>
      </c>
      <c r="B66" s="21">
        <v>17</v>
      </c>
      <c r="C66" s="6">
        <v>18</v>
      </c>
      <c r="D66" s="5">
        <v>35</v>
      </c>
    </row>
    <row r="67" spans="1:4" ht="18" customHeight="1" x14ac:dyDescent="0.15">
      <c r="A67" s="8">
        <v>51</v>
      </c>
      <c r="B67" s="21">
        <v>24</v>
      </c>
      <c r="C67" s="6">
        <v>12</v>
      </c>
      <c r="D67" s="5">
        <v>36</v>
      </c>
    </row>
    <row r="68" spans="1:4" ht="18" customHeight="1" x14ac:dyDescent="0.15">
      <c r="A68" s="8">
        <v>52</v>
      </c>
      <c r="B68" s="21">
        <v>20</v>
      </c>
      <c r="C68" s="6">
        <v>16</v>
      </c>
      <c r="D68" s="5">
        <v>36</v>
      </c>
    </row>
    <row r="69" spans="1:4" ht="18" customHeight="1" x14ac:dyDescent="0.15">
      <c r="A69" s="8">
        <v>53</v>
      </c>
      <c r="B69" s="21">
        <v>16</v>
      </c>
      <c r="C69" s="6">
        <v>17</v>
      </c>
      <c r="D69" s="5">
        <v>33</v>
      </c>
    </row>
    <row r="70" spans="1:4" ht="18" customHeight="1" x14ac:dyDescent="0.15">
      <c r="A70" s="8">
        <v>54</v>
      </c>
      <c r="B70" s="21">
        <v>13</v>
      </c>
      <c r="C70" s="6">
        <v>14</v>
      </c>
      <c r="D70" s="5">
        <v>27</v>
      </c>
    </row>
    <row r="71" spans="1:4" ht="18" customHeight="1" x14ac:dyDescent="0.15">
      <c r="A71" s="8" t="s">
        <v>14</v>
      </c>
      <c r="B71" s="21">
        <v>90</v>
      </c>
      <c r="C71" s="6">
        <v>77</v>
      </c>
      <c r="D71" s="5">
        <v>167</v>
      </c>
    </row>
    <row r="72" spans="1:4" ht="18" customHeight="1" x14ac:dyDescent="0.15">
      <c r="A72" s="8">
        <v>55</v>
      </c>
      <c r="B72" s="21">
        <v>10</v>
      </c>
      <c r="C72" s="6">
        <v>26</v>
      </c>
      <c r="D72" s="5">
        <v>36</v>
      </c>
    </row>
    <row r="73" spans="1:4" ht="18" customHeight="1" x14ac:dyDescent="0.15">
      <c r="A73" s="8">
        <v>56</v>
      </c>
      <c r="B73" s="21">
        <v>18</v>
      </c>
      <c r="C73" s="6">
        <v>9</v>
      </c>
      <c r="D73" s="5">
        <v>27</v>
      </c>
    </row>
    <row r="74" spans="1:4" ht="18" customHeight="1" x14ac:dyDescent="0.15">
      <c r="A74" s="8">
        <v>57</v>
      </c>
      <c r="B74" s="21">
        <v>17</v>
      </c>
      <c r="C74" s="6">
        <v>14</v>
      </c>
      <c r="D74" s="5">
        <v>31</v>
      </c>
    </row>
    <row r="75" spans="1:4" ht="18" customHeight="1" x14ac:dyDescent="0.15">
      <c r="A75" s="8">
        <v>58</v>
      </c>
      <c r="B75" s="21">
        <v>17</v>
      </c>
      <c r="C75" s="6">
        <v>15</v>
      </c>
      <c r="D75" s="5">
        <v>32</v>
      </c>
    </row>
    <row r="76" spans="1:4" ht="18" customHeight="1" x14ac:dyDescent="0.15">
      <c r="A76" s="8">
        <v>59</v>
      </c>
      <c r="B76" s="21">
        <v>12</v>
      </c>
      <c r="C76" s="6">
        <v>15</v>
      </c>
      <c r="D76" s="5">
        <v>27</v>
      </c>
    </row>
    <row r="77" spans="1:4" ht="18" customHeight="1" x14ac:dyDescent="0.15">
      <c r="A77" s="8" t="s">
        <v>13</v>
      </c>
      <c r="B77" s="21">
        <v>74</v>
      </c>
      <c r="C77" s="6">
        <v>79</v>
      </c>
      <c r="D77" s="5">
        <v>153</v>
      </c>
    </row>
    <row r="78" spans="1:4" ht="18" customHeight="1" x14ac:dyDescent="0.15">
      <c r="A78" s="8">
        <v>60</v>
      </c>
      <c r="B78" s="21">
        <v>17</v>
      </c>
      <c r="C78" s="6">
        <v>11</v>
      </c>
      <c r="D78" s="5">
        <v>28</v>
      </c>
    </row>
    <row r="79" spans="1:4" ht="18" customHeight="1" x14ac:dyDescent="0.15">
      <c r="A79" s="8">
        <v>61</v>
      </c>
      <c r="B79" s="21">
        <v>9</v>
      </c>
      <c r="C79" s="6">
        <v>12</v>
      </c>
      <c r="D79" s="5">
        <v>21</v>
      </c>
    </row>
    <row r="80" spans="1:4" ht="18" customHeight="1" x14ac:dyDescent="0.15">
      <c r="A80" s="8">
        <v>62</v>
      </c>
      <c r="B80" s="21">
        <v>21</v>
      </c>
      <c r="C80" s="6">
        <v>17</v>
      </c>
      <c r="D80" s="5">
        <v>38</v>
      </c>
    </row>
    <row r="81" spans="1:4" ht="18" customHeight="1" x14ac:dyDescent="0.15">
      <c r="A81" s="8">
        <v>63</v>
      </c>
      <c r="B81" s="21">
        <v>18</v>
      </c>
      <c r="C81" s="6">
        <v>17</v>
      </c>
      <c r="D81" s="5">
        <v>35</v>
      </c>
    </row>
    <row r="82" spans="1:4" ht="18" customHeight="1" x14ac:dyDescent="0.15">
      <c r="A82" s="8">
        <v>64</v>
      </c>
      <c r="B82" s="21">
        <v>13</v>
      </c>
      <c r="C82" s="6">
        <v>15</v>
      </c>
      <c r="D82" s="5">
        <v>28</v>
      </c>
    </row>
    <row r="83" spans="1:4" ht="18" customHeight="1" x14ac:dyDescent="0.15">
      <c r="A83" s="8" t="s">
        <v>12</v>
      </c>
      <c r="B83" s="21">
        <v>78</v>
      </c>
      <c r="C83" s="6">
        <v>72</v>
      </c>
      <c r="D83" s="5">
        <v>150</v>
      </c>
    </row>
    <row r="84" spans="1:4" ht="18" customHeight="1" x14ac:dyDescent="0.15">
      <c r="A84" s="8" t="s">
        <v>11</v>
      </c>
      <c r="B84" s="21">
        <v>577</v>
      </c>
      <c r="C84" s="6">
        <v>506</v>
      </c>
      <c r="D84" s="5">
        <v>1083</v>
      </c>
    </row>
    <row r="85" spans="1:4" ht="18" customHeight="1" x14ac:dyDescent="0.15">
      <c r="A85" s="8">
        <v>65</v>
      </c>
      <c r="B85" s="21">
        <v>10</v>
      </c>
      <c r="C85" s="6">
        <v>13</v>
      </c>
      <c r="D85" s="5">
        <v>23</v>
      </c>
    </row>
    <row r="86" spans="1:4" ht="18" customHeight="1" x14ac:dyDescent="0.15">
      <c r="A86" s="8">
        <v>66</v>
      </c>
      <c r="B86" s="21">
        <v>14</v>
      </c>
      <c r="C86" s="6">
        <v>9</v>
      </c>
      <c r="D86" s="5">
        <v>23</v>
      </c>
    </row>
    <row r="87" spans="1:4" ht="18" customHeight="1" x14ac:dyDescent="0.15">
      <c r="A87" s="8">
        <v>67</v>
      </c>
      <c r="B87" s="21">
        <v>9</v>
      </c>
      <c r="C87" s="6">
        <v>16</v>
      </c>
      <c r="D87" s="5">
        <v>25</v>
      </c>
    </row>
    <row r="88" spans="1:4" ht="18" customHeight="1" x14ac:dyDescent="0.15">
      <c r="A88" s="8">
        <v>68</v>
      </c>
      <c r="B88" s="21">
        <v>11</v>
      </c>
      <c r="C88" s="6">
        <v>13</v>
      </c>
      <c r="D88" s="5">
        <v>24</v>
      </c>
    </row>
    <row r="89" spans="1:4" ht="18" customHeight="1" x14ac:dyDescent="0.15">
      <c r="A89" s="8">
        <v>69</v>
      </c>
      <c r="B89" s="21">
        <v>13</v>
      </c>
      <c r="C89" s="6">
        <v>12</v>
      </c>
      <c r="D89" s="5">
        <v>25</v>
      </c>
    </row>
    <row r="90" spans="1:4" ht="18" customHeight="1" x14ac:dyDescent="0.15">
      <c r="A90" s="8" t="s">
        <v>10</v>
      </c>
      <c r="B90" s="21">
        <v>57</v>
      </c>
      <c r="C90" s="6">
        <v>63</v>
      </c>
      <c r="D90" s="5">
        <v>120</v>
      </c>
    </row>
    <row r="91" spans="1:4" ht="18" customHeight="1" x14ac:dyDescent="0.15">
      <c r="A91" s="8">
        <v>70</v>
      </c>
      <c r="B91" s="21">
        <v>20</v>
      </c>
      <c r="C91" s="6">
        <v>24</v>
      </c>
      <c r="D91" s="5">
        <v>44</v>
      </c>
    </row>
    <row r="92" spans="1:4" ht="18" customHeight="1" x14ac:dyDescent="0.15">
      <c r="A92" s="8">
        <v>71</v>
      </c>
      <c r="B92" s="21">
        <v>12</v>
      </c>
      <c r="C92" s="6">
        <v>19</v>
      </c>
      <c r="D92" s="5">
        <v>31</v>
      </c>
    </row>
    <row r="93" spans="1:4" ht="18" customHeight="1" x14ac:dyDescent="0.15">
      <c r="A93" s="8">
        <v>72</v>
      </c>
      <c r="B93" s="21">
        <v>13</v>
      </c>
      <c r="C93" s="6">
        <v>20</v>
      </c>
      <c r="D93" s="5">
        <v>33</v>
      </c>
    </row>
    <row r="94" spans="1:4" ht="18" customHeight="1" x14ac:dyDescent="0.15">
      <c r="A94" s="8">
        <v>73</v>
      </c>
      <c r="B94" s="21">
        <v>21</v>
      </c>
      <c r="C94" s="6">
        <v>29</v>
      </c>
      <c r="D94" s="5">
        <v>50</v>
      </c>
    </row>
    <row r="95" spans="1:4" ht="18" customHeight="1" x14ac:dyDescent="0.15">
      <c r="A95" s="8">
        <v>74</v>
      </c>
      <c r="B95" s="21">
        <v>20</v>
      </c>
      <c r="C95" s="6">
        <v>21</v>
      </c>
      <c r="D95" s="5">
        <v>41</v>
      </c>
    </row>
    <row r="96" spans="1:4" ht="18" customHeight="1" x14ac:dyDescent="0.15">
      <c r="A96" s="8" t="s">
        <v>9</v>
      </c>
      <c r="B96" s="21">
        <v>86</v>
      </c>
      <c r="C96" s="6">
        <v>113</v>
      </c>
      <c r="D96" s="5">
        <v>199</v>
      </c>
    </row>
    <row r="97" spans="1:4" ht="18" customHeight="1" x14ac:dyDescent="0.15">
      <c r="A97" s="8">
        <v>75</v>
      </c>
      <c r="B97" s="21">
        <v>16</v>
      </c>
      <c r="C97" s="6">
        <v>26</v>
      </c>
      <c r="D97" s="5">
        <v>42</v>
      </c>
    </row>
    <row r="98" spans="1:4" ht="18" customHeight="1" x14ac:dyDescent="0.15">
      <c r="A98" s="8">
        <v>76</v>
      </c>
      <c r="B98" s="21">
        <v>16</v>
      </c>
      <c r="C98" s="6">
        <v>31</v>
      </c>
      <c r="D98" s="5">
        <v>47</v>
      </c>
    </row>
    <row r="99" spans="1:4" ht="18" customHeight="1" x14ac:dyDescent="0.15">
      <c r="A99" s="8">
        <v>77</v>
      </c>
      <c r="B99" s="21">
        <v>30</v>
      </c>
      <c r="C99" s="6">
        <v>35</v>
      </c>
      <c r="D99" s="5">
        <v>65</v>
      </c>
    </row>
    <row r="100" spans="1:4" ht="18" customHeight="1" x14ac:dyDescent="0.15">
      <c r="A100" s="8">
        <v>78</v>
      </c>
      <c r="B100" s="21">
        <v>20</v>
      </c>
      <c r="C100" s="6">
        <v>34</v>
      </c>
      <c r="D100" s="5">
        <v>54</v>
      </c>
    </row>
    <row r="101" spans="1:4" ht="18" customHeight="1" x14ac:dyDescent="0.15">
      <c r="A101" s="8">
        <v>79</v>
      </c>
      <c r="B101" s="21">
        <v>19</v>
      </c>
      <c r="C101" s="6">
        <v>20</v>
      </c>
      <c r="D101" s="5">
        <v>39</v>
      </c>
    </row>
    <row r="102" spans="1:4" ht="18" customHeight="1" x14ac:dyDescent="0.15">
      <c r="A102" s="8" t="s">
        <v>8</v>
      </c>
      <c r="B102" s="21">
        <v>101</v>
      </c>
      <c r="C102" s="6">
        <v>146</v>
      </c>
      <c r="D102" s="5">
        <v>247</v>
      </c>
    </row>
    <row r="103" spans="1:4" ht="18" customHeight="1" x14ac:dyDescent="0.15">
      <c r="A103" s="8">
        <v>80</v>
      </c>
      <c r="B103" s="21">
        <v>12</v>
      </c>
      <c r="C103" s="6">
        <v>14</v>
      </c>
      <c r="D103" s="5">
        <v>26</v>
      </c>
    </row>
    <row r="104" spans="1:4" ht="18" customHeight="1" x14ac:dyDescent="0.15">
      <c r="A104" s="8">
        <v>81</v>
      </c>
      <c r="B104" s="21">
        <v>13</v>
      </c>
      <c r="C104" s="6">
        <v>21</v>
      </c>
      <c r="D104" s="5">
        <v>34</v>
      </c>
    </row>
    <row r="105" spans="1:4" ht="18" customHeight="1" x14ac:dyDescent="0.15">
      <c r="A105" s="8">
        <v>82</v>
      </c>
      <c r="B105" s="21">
        <v>13</v>
      </c>
      <c r="C105" s="6">
        <v>18</v>
      </c>
      <c r="D105" s="5">
        <v>31</v>
      </c>
    </row>
    <row r="106" spans="1:4" ht="18" customHeight="1" x14ac:dyDescent="0.15">
      <c r="A106" s="8">
        <v>83</v>
      </c>
      <c r="B106" s="21">
        <v>13</v>
      </c>
      <c r="C106" s="6">
        <v>22</v>
      </c>
      <c r="D106" s="5">
        <v>35</v>
      </c>
    </row>
    <row r="107" spans="1:4" ht="18" customHeight="1" x14ac:dyDescent="0.15">
      <c r="A107" s="8">
        <v>84</v>
      </c>
      <c r="B107" s="21">
        <v>9</v>
      </c>
      <c r="C107" s="6">
        <v>13</v>
      </c>
      <c r="D107" s="5">
        <v>22</v>
      </c>
    </row>
    <row r="108" spans="1:4" ht="18" customHeight="1" x14ac:dyDescent="0.15">
      <c r="A108" s="8" t="s">
        <v>7</v>
      </c>
      <c r="B108" s="21">
        <v>60</v>
      </c>
      <c r="C108" s="6">
        <v>88</v>
      </c>
      <c r="D108" s="5">
        <v>148</v>
      </c>
    </row>
    <row r="109" spans="1:4" ht="18" customHeight="1" x14ac:dyDescent="0.15">
      <c r="A109" s="8">
        <v>85</v>
      </c>
      <c r="B109" s="21">
        <v>6</v>
      </c>
      <c r="C109" s="6">
        <v>6</v>
      </c>
      <c r="D109" s="5">
        <v>12</v>
      </c>
    </row>
    <row r="110" spans="1:4" ht="18" customHeight="1" x14ac:dyDescent="0.15">
      <c r="A110" s="8">
        <v>86</v>
      </c>
      <c r="B110" s="21">
        <v>7</v>
      </c>
      <c r="C110" s="6">
        <v>16</v>
      </c>
      <c r="D110" s="5">
        <v>23</v>
      </c>
    </row>
    <row r="111" spans="1:4" ht="18" customHeight="1" x14ac:dyDescent="0.15">
      <c r="A111" s="8">
        <v>87</v>
      </c>
      <c r="B111" s="21">
        <v>6</v>
      </c>
      <c r="C111" s="6">
        <v>9</v>
      </c>
      <c r="D111" s="5">
        <v>15</v>
      </c>
    </row>
    <row r="112" spans="1:4" ht="18" customHeight="1" x14ac:dyDescent="0.15">
      <c r="A112" s="8">
        <v>88</v>
      </c>
      <c r="B112" s="21">
        <v>8</v>
      </c>
      <c r="C112" s="6">
        <v>15</v>
      </c>
      <c r="D112" s="5">
        <v>23</v>
      </c>
    </row>
    <row r="113" spans="1:4" ht="18" customHeight="1" x14ac:dyDescent="0.15">
      <c r="A113" s="8">
        <v>89</v>
      </c>
      <c r="B113" s="21">
        <v>7</v>
      </c>
      <c r="C113" s="6">
        <v>14</v>
      </c>
      <c r="D113" s="5">
        <v>21</v>
      </c>
    </row>
    <row r="114" spans="1:4" ht="18" customHeight="1" x14ac:dyDescent="0.15">
      <c r="A114" s="8" t="s">
        <v>6</v>
      </c>
      <c r="B114" s="21">
        <v>34</v>
      </c>
      <c r="C114" s="6">
        <v>60</v>
      </c>
      <c r="D114" s="5">
        <v>94</v>
      </c>
    </row>
    <row r="115" spans="1:4" ht="18" customHeight="1" x14ac:dyDescent="0.15">
      <c r="A115" s="8">
        <v>90</v>
      </c>
      <c r="B115" s="21">
        <v>3</v>
      </c>
      <c r="C115" s="6">
        <v>7</v>
      </c>
      <c r="D115" s="5">
        <v>10</v>
      </c>
    </row>
    <row r="116" spans="1:4" ht="18" customHeight="1" x14ac:dyDescent="0.15">
      <c r="A116" s="8">
        <v>91</v>
      </c>
      <c r="B116" s="21">
        <v>5</v>
      </c>
      <c r="C116" s="6">
        <v>7</v>
      </c>
      <c r="D116" s="5">
        <v>12</v>
      </c>
    </row>
    <row r="117" spans="1:4" ht="18" customHeight="1" x14ac:dyDescent="0.15">
      <c r="A117" s="8">
        <v>92</v>
      </c>
      <c r="B117" s="21">
        <v>2</v>
      </c>
      <c r="C117" s="6">
        <v>10</v>
      </c>
      <c r="D117" s="5">
        <v>12</v>
      </c>
    </row>
    <row r="118" spans="1:4" ht="18" customHeight="1" x14ac:dyDescent="0.15">
      <c r="A118" s="8">
        <v>93</v>
      </c>
      <c r="B118" s="21">
        <v>1</v>
      </c>
      <c r="C118" s="6">
        <v>8</v>
      </c>
      <c r="D118" s="5">
        <v>9</v>
      </c>
    </row>
    <row r="119" spans="1:4" ht="18" customHeight="1" x14ac:dyDescent="0.15">
      <c r="A119" s="8">
        <v>94</v>
      </c>
      <c r="B119" s="21">
        <v>4</v>
      </c>
      <c r="C119" s="6">
        <v>5</v>
      </c>
      <c r="D119" s="5">
        <v>9</v>
      </c>
    </row>
    <row r="120" spans="1:4" ht="18" customHeight="1" x14ac:dyDescent="0.15">
      <c r="A120" s="8" t="s">
        <v>5</v>
      </c>
      <c r="B120" s="21">
        <v>15</v>
      </c>
      <c r="C120" s="6">
        <v>37</v>
      </c>
      <c r="D120" s="5">
        <v>52</v>
      </c>
    </row>
    <row r="121" spans="1:4" ht="18" customHeight="1" x14ac:dyDescent="0.15">
      <c r="A121" s="8">
        <v>95</v>
      </c>
      <c r="B121" s="21">
        <v>1</v>
      </c>
      <c r="C121" s="6">
        <v>4</v>
      </c>
      <c r="D121" s="5">
        <v>5</v>
      </c>
    </row>
    <row r="122" spans="1:4" ht="18" customHeight="1" x14ac:dyDescent="0.15">
      <c r="A122" s="8">
        <v>96</v>
      </c>
      <c r="B122" s="21">
        <v>1</v>
      </c>
      <c r="C122" s="6">
        <v>6</v>
      </c>
      <c r="D122" s="5">
        <v>7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2</v>
      </c>
      <c r="C126" s="6">
        <v>13</v>
      </c>
      <c r="D126" s="5">
        <v>15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355</v>
      </c>
      <c r="C130" s="6">
        <v>524</v>
      </c>
      <c r="D130" s="5">
        <v>879</v>
      </c>
    </row>
    <row r="131" spans="1:4" ht="18" customHeight="1" x14ac:dyDescent="0.15">
      <c r="A131" s="4" t="s">
        <v>0</v>
      </c>
      <c r="B131" s="20">
        <v>1026</v>
      </c>
      <c r="C131" s="2">
        <v>1109</v>
      </c>
      <c r="D131" s="1">
        <v>21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CB43E8A-0CDC-4B24-95FA-F64F87189F66}">
  <sheetPr codeName="Sheet4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</v>
      </c>
      <c r="C5" s="11">
        <v>4</v>
      </c>
      <c r="D5" s="10">
        <v>9</v>
      </c>
    </row>
    <row r="6" spans="1:4" ht="18" customHeight="1" x14ac:dyDescent="0.15">
      <c r="A6" s="8">
        <v>1</v>
      </c>
      <c r="B6" s="21">
        <v>7</v>
      </c>
      <c r="C6" s="6">
        <v>3</v>
      </c>
      <c r="D6" s="5">
        <v>10</v>
      </c>
    </row>
    <row r="7" spans="1:4" ht="18" customHeight="1" x14ac:dyDescent="0.15">
      <c r="A7" s="8">
        <v>2</v>
      </c>
      <c r="B7" s="21">
        <v>5</v>
      </c>
      <c r="C7" s="6">
        <v>6</v>
      </c>
      <c r="D7" s="5">
        <v>11</v>
      </c>
    </row>
    <row r="8" spans="1:4" ht="18" customHeight="1" x14ac:dyDescent="0.15">
      <c r="A8" s="8">
        <v>3</v>
      </c>
      <c r="B8" s="21">
        <v>10</v>
      </c>
      <c r="C8" s="6">
        <v>10</v>
      </c>
      <c r="D8" s="5">
        <v>20</v>
      </c>
    </row>
    <row r="9" spans="1:4" ht="18" customHeight="1" x14ac:dyDescent="0.15">
      <c r="A9" s="8">
        <v>4</v>
      </c>
      <c r="B9" s="21">
        <v>4</v>
      </c>
      <c r="C9" s="6">
        <v>4</v>
      </c>
      <c r="D9" s="5">
        <v>8</v>
      </c>
    </row>
    <row r="10" spans="1:4" ht="18" customHeight="1" x14ac:dyDescent="0.15">
      <c r="A10" s="8" t="s">
        <v>25</v>
      </c>
      <c r="B10" s="21">
        <v>31</v>
      </c>
      <c r="C10" s="6">
        <v>27</v>
      </c>
      <c r="D10" s="5">
        <v>58</v>
      </c>
    </row>
    <row r="11" spans="1:4" ht="18" customHeight="1" x14ac:dyDescent="0.15">
      <c r="A11" s="8">
        <v>5</v>
      </c>
      <c r="B11" s="21">
        <v>6</v>
      </c>
      <c r="C11" s="6">
        <v>8</v>
      </c>
      <c r="D11" s="5">
        <v>14</v>
      </c>
    </row>
    <row r="12" spans="1:4" ht="18" customHeight="1" x14ac:dyDescent="0.15">
      <c r="A12" s="8">
        <v>6</v>
      </c>
      <c r="B12" s="21">
        <v>6</v>
      </c>
      <c r="C12" s="6">
        <v>10</v>
      </c>
      <c r="D12" s="5">
        <v>16</v>
      </c>
    </row>
    <row r="13" spans="1:4" ht="18" customHeight="1" x14ac:dyDescent="0.15">
      <c r="A13" s="8">
        <v>7</v>
      </c>
      <c r="B13" s="21">
        <v>7</v>
      </c>
      <c r="C13" s="6">
        <v>9</v>
      </c>
      <c r="D13" s="5">
        <v>16</v>
      </c>
    </row>
    <row r="14" spans="1:4" ht="18" customHeight="1" x14ac:dyDescent="0.15">
      <c r="A14" s="8">
        <v>8</v>
      </c>
      <c r="B14" s="21">
        <v>12</v>
      </c>
      <c r="C14" s="6">
        <v>3</v>
      </c>
      <c r="D14" s="5">
        <v>15</v>
      </c>
    </row>
    <row r="15" spans="1:4" ht="18" customHeight="1" x14ac:dyDescent="0.15">
      <c r="A15" s="8">
        <v>9</v>
      </c>
      <c r="B15" s="21">
        <v>9</v>
      </c>
      <c r="C15" s="6">
        <v>10</v>
      </c>
      <c r="D15" s="5">
        <v>19</v>
      </c>
    </row>
    <row r="16" spans="1:4" ht="18" customHeight="1" x14ac:dyDescent="0.15">
      <c r="A16" s="8" t="s">
        <v>24</v>
      </c>
      <c r="B16" s="21">
        <v>40</v>
      </c>
      <c r="C16" s="6">
        <v>40</v>
      </c>
      <c r="D16" s="5">
        <v>80</v>
      </c>
    </row>
    <row r="17" spans="1:4" ht="18" customHeight="1" x14ac:dyDescent="0.15">
      <c r="A17" s="8">
        <v>10</v>
      </c>
      <c r="B17" s="21">
        <v>9</v>
      </c>
      <c r="C17" s="6">
        <v>8</v>
      </c>
      <c r="D17" s="5">
        <v>17</v>
      </c>
    </row>
    <row r="18" spans="1:4" ht="18" customHeight="1" x14ac:dyDescent="0.15">
      <c r="A18" s="8">
        <v>11</v>
      </c>
      <c r="B18" s="21">
        <v>12</v>
      </c>
      <c r="C18" s="6">
        <v>9</v>
      </c>
      <c r="D18" s="5">
        <v>21</v>
      </c>
    </row>
    <row r="19" spans="1:4" ht="18" customHeight="1" x14ac:dyDescent="0.15">
      <c r="A19" s="8">
        <v>12</v>
      </c>
      <c r="B19" s="21">
        <v>8</v>
      </c>
      <c r="C19" s="6">
        <v>9</v>
      </c>
      <c r="D19" s="5">
        <v>17</v>
      </c>
    </row>
    <row r="20" spans="1:4" ht="18" customHeight="1" x14ac:dyDescent="0.15">
      <c r="A20" s="8">
        <v>13</v>
      </c>
      <c r="B20" s="21">
        <v>11</v>
      </c>
      <c r="C20" s="6">
        <v>15</v>
      </c>
      <c r="D20" s="5">
        <v>26</v>
      </c>
    </row>
    <row r="21" spans="1:4" ht="18" customHeight="1" x14ac:dyDescent="0.15">
      <c r="A21" s="8">
        <v>14</v>
      </c>
      <c r="B21" s="21">
        <v>8</v>
      </c>
      <c r="C21" s="6">
        <v>6</v>
      </c>
      <c r="D21" s="5">
        <v>14</v>
      </c>
    </row>
    <row r="22" spans="1:4" ht="18" customHeight="1" x14ac:dyDescent="0.15">
      <c r="A22" s="8" t="s">
        <v>23</v>
      </c>
      <c r="B22" s="21">
        <v>48</v>
      </c>
      <c r="C22" s="6">
        <v>47</v>
      </c>
      <c r="D22" s="5">
        <v>95</v>
      </c>
    </row>
    <row r="23" spans="1:4" ht="18" customHeight="1" x14ac:dyDescent="0.15">
      <c r="A23" s="8" t="s">
        <v>22</v>
      </c>
      <c r="B23" s="21">
        <v>119</v>
      </c>
      <c r="C23" s="6">
        <v>114</v>
      </c>
      <c r="D23" s="5">
        <v>233</v>
      </c>
    </row>
    <row r="24" spans="1:4" ht="18" customHeight="1" x14ac:dyDescent="0.15">
      <c r="A24" s="8">
        <v>15</v>
      </c>
      <c r="B24" s="21">
        <v>16</v>
      </c>
      <c r="C24" s="6">
        <v>15</v>
      </c>
      <c r="D24" s="5">
        <v>31</v>
      </c>
    </row>
    <row r="25" spans="1:4" ht="18" customHeight="1" x14ac:dyDescent="0.15">
      <c r="A25" s="8">
        <v>16</v>
      </c>
      <c r="B25" s="21">
        <v>7</v>
      </c>
      <c r="C25" s="6">
        <v>12</v>
      </c>
      <c r="D25" s="5">
        <v>19</v>
      </c>
    </row>
    <row r="26" spans="1:4" ht="18" customHeight="1" x14ac:dyDescent="0.15">
      <c r="A26" s="8">
        <v>17</v>
      </c>
      <c r="B26" s="21">
        <v>8</v>
      </c>
      <c r="C26" s="6">
        <v>9</v>
      </c>
      <c r="D26" s="5">
        <v>17</v>
      </c>
    </row>
    <row r="27" spans="1:4" ht="18" customHeight="1" x14ac:dyDescent="0.15">
      <c r="A27" s="8">
        <v>18</v>
      </c>
      <c r="B27" s="21">
        <v>8</v>
      </c>
      <c r="C27" s="6">
        <v>18</v>
      </c>
      <c r="D27" s="5">
        <v>26</v>
      </c>
    </row>
    <row r="28" spans="1:4" ht="18" customHeight="1" x14ac:dyDescent="0.15">
      <c r="A28" s="8">
        <v>19</v>
      </c>
      <c r="B28" s="21">
        <v>15</v>
      </c>
      <c r="C28" s="6">
        <v>8</v>
      </c>
      <c r="D28" s="5">
        <v>23</v>
      </c>
    </row>
    <row r="29" spans="1:4" ht="18" customHeight="1" x14ac:dyDescent="0.15">
      <c r="A29" s="8" t="s">
        <v>21</v>
      </c>
      <c r="B29" s="21">
        <v>54</v>
      </c>
      <c r="C29" s="6">
        <v>62</v>
      </c>
      <c r="D29" s="5">
        <v>116</v>
      </c>
    </row>
    <row r="30" spans="1:4" ht="18" customHeight="1" x14ac:dyDescent="0.15">
      <c r="A30" s="8">
        <v>20</v>
      </c>
      <c r="B30" s="21">
        <v>6</v>
      </c>
      <c r="C30" s="6">
        <v>18</v>
      </c>
      <c r="D30" s="5">
        <v>24</v>
      </c>
    </row>
    <row r="31" spans="1:4" ht="18" customHeight="1" x14ac:dyDescent="0.15">
      <c r="A31" s="8">
        <v>21</v>
      </c>
      <c r="B31" s="21">
        <v>16</v>
      </c>
      <c r="C31" s="6">
        <v>8</v>
      </c>
      <c r="D31" s="5">
        <v>24</v>
      </c>
    </row>
    <row r="32" spans="1:4" ht="18" customHeight="1" x14ac:dyDescent="0.15">
      <c r="A32" s="8">
        <v>22</v>
      </c>
      <c r="B32" s="21">
        <v>14</v>
      </c>
      <c r="C32" s="6">
        <v>4</v>
      </c>
      <c r="D32" s="5">
        <v>18</v>
      </c>
    </row>
    <row r="33" spans="1:4" ht="18" customHeight="1" x14ac:dyDescent="0.15">
      <c r="A33" s="8">
        <v>23</v>
      </c>
      <c r="B33" s="21">
        <v>14</v>
      </c>
      <c r="C33" s="6">
        <v>16</v>
      </c>
      <c r="D33" s="5">
        <v>30</v>
      </c>
    </row>
    <row r="34" spans="1:4" ht="18" customHeight="1" x14ac:dyDescent="0.15">
      <c r="A34" s="8">
        <v>24</v>
      </c>
      <c r="B34" s="21">
        <v>6</v>
      </c>
      <c r="C34" s="6">
        <v>8</v>
      </c>
      <c r="D34" s="5">
        <v>14</v>
      </c>
    </row>
    <row r="35" spans="1:4" ht="18" customHeight="1" x14ac:dyDescent="0.15">
      <c r="A35" s="8" t="s">
        <v>20</v>
      </c>
      <c r="B35" s="21">
        <v>56</v>
      </c>
      <c r="C35" s="6">
        <v>54</v>
      </c>
      <c r="D35" s="5">
        <v>110</v>
      </c>
    </row>
    <row r="36" spans="1:4" ht="18" customHeight="1" x14ac:dyDescent="0.15">
      <c r="A36" s="8">
        <v>25</v>
      </c>
      <c r="B36" s="21">
        <v>16</v>
      </c>
      <c r="C36" s="6">
        <v>11</v>
      </c>
      <c r="D36" s="5">
        <v>27</v>
      </c>
    </row>
    <row r="37" spans="1:4" ht="18" customHeight="1" x14ac:dyDescent="0.15">
      <c r="A37" s="8">
        <v>26</v>
      </c>
      <c r="B37" s="21">
        <v>15</v>
      </c>
      <c r="C37" s="6">
        <v>3</v>
      </c>
      <c r="D37" s="5">
        <v>18</v>
      </c>
    </row>
    <row r="38" spans="1:4" ht="18" customHeight="1" x14ac:dyDescent="0.15">
      <c r="A38" s="8">
        <v>27</v>
      </c>
      <c r="B38" s="21">
        <v>4</v>
      </c>
      <c r="C38" s="6">
        <v>3</v>
      </c>
      <c r="D38" s="5">
        <v>7</v>
      </c>
    </row>
    <row r="39" spans="1:4" ht="18" customHeight="1" x14ac:dyDescent="0.15">
      <c r="A39" s="8">
        <v>28</v>
      </c>
      <c r="B39" s="21">
        <v>17</v>
      </c>
      <c r="C39" s="6">
        <v>8</v>
      </c>
      <c r="D39" s="5">
        <v>25</v>
      </c>
    </row>
    <row r="40" spans="1:4" ht="18" customHeight="1" x14ac:dyDescent="0.15">
      <c r="A40" s="8">
        <v>29</v>
      </c>
      <c r="B40" s="21">
        <v>15</v>
      </c>
      <c r="C40" s="6">
        <v>11</v>
      </c>
      <c r="D40" s="5">
        <v>26</v>
      </c>
    </row>
    <row r="41" spans="1:4" ht="18" customHeight="1" x14ac:dyDescent="0.15">
      <c r="A41" s="8" t="s">
        <v>19</v>
      </c>
      <c r="B41" s="21">
        <v>67</v>
      </c>
      <c r="C41" s="6">
        <v>36</v>
      </c>
      <c r="D41" s="5">
        <v>103</v>
      </c>
    </row>
    <row r="42" spans="1:4" ht="18" customHeight="1" x14ac:dyDescent="0.15">
      <c r="A42" s="8">
        <v>30</v>
      </c>
      <c r="B42" s="21">
        <v>14</v>
      </c>
      <c r="C42" s="6">
        <v>11</v>
      </c>
      <c r="D42" s="5">
        <v>25</v>
      </c>
    </row>
    <row r="43" spans="1:4" ht="18" customHeight="1" x14ac:dyDescent="0.15">
      <c r="A43" s="8">
        <v>31</v>
      </c>
      <c r="B43" s="21">
        <v>10</v>
      </c>
      <c r="C43" s="6">
        <v>7</v>
      </c>
      <c r="D43" s="5">
        <v>17</v>
      </c>
    </row>
    <row r="44" spans="1:4" ht="18" customHeight="1" x14ac:dyDescent="0.15">
      <c r="A44" s="8">
        <v>32</v>
      </c>
      <c r="B44" s="21">
        <v>14</v>
      </c>
      <c r="C44" s="6">
        <v>10</v>
      </c>
      <c r="D44" s="5">
        <v>24</v>
      </c>
    </row>
    <row r="45" spans="1:4" ht="18" customHeight="1" x14ac:dyDescent="0.15">
      <c r="A45" s="8">
        <v>33</v>
      </c>
      <c r="B45" s="21">
        <v>11</v>
      </c>
      <c r="C45" s="6">
        <v>9</v>
      </c>
      <c r="D45" s="5">
        <v>20</v>
      </c>
    </row>
    <row r="46" spans="1:4" ht="18" customHeight="1" x14ac:dyDescent="0.15">
      <c r="A46" s="8">
        <v>34</v>
      </c>
      <c r="B46" s="21">
        <v>7</v>
      </c>
      <c r="C46" s="6">
        <v>10</v>
      </c>
      <c r="D46" s="5">
        <v>17</v>
      </c>
    </row>
    <row r="47" spans="1:4" ht="18" customHeight="1" x14ac:dyDescent="0.15">
      <c r="A47" s="8" t="s">
        <v>18</v>
      </c>
      <c r="B47" s="21">
        <v>56</v>
      </c>
      <c r="C47" s="6">
        <v>47</v>
      </c>
      <c r="D47" s="5">
        <v>103</v>
      </c>
    </row>
    <row r="48" spans="1:4" ht="18" customHeight="1" x14ac:dyDescent="0.15">
      <c r="A48" s="8">
        <v>35</v>
      </c>
      <c r="B48" s="21">
        <v>10</v>
      </c>
      <c r="C48" s="6">
        <v>8</v>
      </c>
      <c r="D48" s="5">
        <v>18</v>
      </c>
    </row>
    <row r="49" spans="1:4" ht="18" customHeight="1" x14ac:dyDescent="0.15">
      <c r="A49" s="8">
        <v>36</v>
      </c>
      <c r="B49" s="21">
        <v>13</v>
      </c>
      <c r="C49" s="6">
        <v>10</v>
      </c>
      <c r="D49" s="5">
        <v>23</v>
      </c>
    </row>
    <row r="50" spans="1:4" ht="18" customHeight="1" x14ac:dyDescent="0.15">
      <c r="A50" s="8">
        <v>37</v>
      </c>
      <c r="B50" s="21">
        <v>11</v>
      </c>
      <c r="C50" s="6">
        <v>8</v>
      </c>
      <c r="D50" s="5">
        <v>19</v>
      </c>
    </row>
    <row r="51" spans="1:4" ht="18" customHeight="1" x14ac:dyDescent="0.15">
      <c r="A51" s="8">
        <v>38</v>
      </c>
      <c r="B51" s="21">
        <v>7</v>
      </c>
      <c r="C51" s="6">
        <v>8</v>
      </c>
      <c r="D51" s="5">
        <v>15</v>
      </c>
    </row>
    <row r="52" spans="1:4" ht="18" customHeight="1" x14ac:dyDescent="0.15">
      <c r="A52" s="8">
        <v>39</v>
      </c>
      <c r="B52" s="21">
        <v>14</v>
      </c>
      <c r="C52" s="6">
        <v>9</v>
      </c>
      <c r="D52" s="5">
        <v>23</v>
      </c>
    </row>
    <row r="53" spans="1:4" ht="18" customHeight="1" x14ac:dyDescent="0.15">
      <c r="A53" s="8" t="s">
        <v>17</v>
      </c>
      <c r="B53" s="21">
        <v>55</v>
      </c>
      <c r="C53" s="6">
        <v>43</v>
      </c>
      <c r="D53" s="5">
        <v>98</v>
      </c>
    </row>
    <row r="54" spans="1:4" ht="18" customHeight="1" x14ac:dyDescent="0.15">
      <c r="A54" s="8">
        <v>40</v>
      </c>
      <c r="B54" s="21">
        <v>18</v>
      </c>
      <c r="C54" s="6">
        <v>14</v>
      </c>
      <c r="D54" s="5">
        <v>32</v>
      </c>
    </row>
    <row r="55" spans="1:4" ht="18" customHeight="1" x14ac:dyDescent="0.15">
      <c r="A55" s="8">
        <v>41</v>
      </c>
      <c r="B55" s="21">
        <v>13</v>
      </c>
      <c r="C55" s="6">
        <v>14</v>
      </c>
      <c r="D55" s="5">
        <v>27</v>
      </c>
    </row>
    <row r="56" spans="1:4" ht="18" customHeight="1" x14ac:dyDescent="0.15">
      <c r="A56" s="8">
        <v>42</v>
      </c>
      <c r="B56" s="21">
        <v>15</v>
      </c>
      <c r="C56" s="6">
        <v>13</v>
      </c>
      <c r="D56" s="5">
        <v>28</v>
      </c>
    </row>
    <row r="57" spans="1:4" ht="18" customHeight="1" x14ac:dyDescent="0.15">
      <c r="A57" s="8">
        <v>43</v>
      </c>
      <c r="B57" s="21">
        <v>21</v>
      </c>
      <c r="C57" s="6">
        <v>12</v>
      </c>
      <c r="D57" s="5">
        <v>33</v>
      </c>
    </row>
    <row r="58" spans="1:4" ht="18" customHeight="1" x14ac:dyDescent="0.15">
      <c r="A58" s="8">
        <v>44</v>
      </c>
      <c r="B58" s="21">
        <v>21</v>
      </c>
      <c r="C58" s="6">
        <v>12</v>
      </c>
      <c r="D58" s="5">
        <v>33</v>
      </c>
    </row>
    <row r="59" spans="1:4" ht="18" customHeight="1" x14ac:dyDescent="0.15">
      <c r="A59" s="8" t="s">
        <v>16</v>
      </c>
      <c r="B59" s="21">
        <v>88</v>
      </c>
      <c r="C59" s="6">
        <v>65</v>
      </c>
      <c r="D59" s="5">
        <v>153</v>
      </c>
    </row>
    <row r="60" spans="1:4" ht="18" customHeight="1" x14ac:dyDescent="0.15">
      <c r="A60" s="8">
        <v>45</v>
      </c>
      <c r="B60" s="21">
        <v>17</v>
      </c>
      <c r="C60" s="6">
        <v>17</v>
      </c>
      <c r="D60" s="5">
        <v>34</v>
      </c>
    </row>
    <row r="61" spans="1:4" ht="18" customHeight="1" x14ac:dyDescent="0.15">
      <c r="A61" s="8">
        <v>46</v>
      </c>
      <c r="B61" s="21">
        <v>16</v>
      </c>
      <c r="C61" s="6">
        <v>13</v>
      </c>
      <c r="D61" s="5">
        <v>29</v>
      </c>
    </row>
    <row r="62" spans="1:4" ht="18" customHeight="1" x14ac:dyDescent="0.15">
      <c r="A62" s="8">
        <v>47</v>
      </c>
      <c r="B62" s="21">
        <v>16</v>
      </c>
      <c r="C62" s="6">
        <v>23</v>
      </c>
      <c r="D62" s="5">
        <v>39</v>
      </c>
    </row>
    <row r="63" spans="1:4" ht="18" customHeight="1" x14ac:dyDescent="0.15">
      <c r="A63" s="8">
        <v>48</v>
      </c>
      <c r="B63" s="21">
        <v>24</v>
      </c>
      <c r="C63" s="6">
        <v>19</v>
      </c>
      <c r="D63" s="5">
        <v>43</v>
      </c>
    </row>
    <row r="64" spans="1:4" ht="18" customHeight="1" x14ac:dyDescent="0.15">
      <c r="A64" s="8">
        <v>49</v>
      </c>
      <c r="B64" s="21">
        <v>24</v>
      </c>
      <c r="C64" s="6">
        <v>10</v>
      </c>
      <c r="D64" s="5">
        <v>34</v>
      </c>
    </row>
    <row r="65" spans="1:4" ht="18" customHeight="1" x14ac:dyDescent="0.15">
      <c r="A65" s="8" t="s">
        <v>15</v>
      </c>
      <c r="B65" s="21">
        <v>97</v>
      </c>
      <c r="C65" s="6">
        <v>82</v>
      </c>
      <c r="D65" s="5">
        <v>179</v>
      </c>
    </row>
    <row r="66" spans="1:4" ht="18" customHeight="1" x14ac:dyDescent="0.15">
      <c r="A66" s="8">
        <v>50</v>
      </c>
      <c r="B66" s="21">
        <v>18</v>
      </c>
      <c r="C66" s="6">
        <v>18</v>
      </c>
      <c r="D66" s="5">
        <v>36</v>
      </c>
    </row>
    <row r="67" spans="1:4" ht="18" customHeight="1" x14ac:dyDescent="0.15">
      <c r="A67" s="8">
        <v>51</v>
      </c>
      <c r="B67" s="21">
        <v>24</v>
      </c>
      <c r="C67" s="6">
        <v>19</v>
      </c>
      <c r="D67" s="5">
        <v>43</v>
      </c>
    </row>
    <row r="68" spans="1:4" ht="18" customHeight="1" x14ac:dyDescent="0.15">
      <c r="A68" s="8">
        <v>52</v>
      </c>
      <c r="B68" s="21">
        <v>28</v>
      </c>
      <c r="C68" s="6">
        <v>18</v>
      </c>
      <c r="D68" s="5">
        <v>46</v>
      </c>
    </row>
    <row r="69" spans="1:4" ht="18" customHeight="1" x14ac:dyDescent="0.15">
      <c r="A69" s="8">
        <v>53</v>
      </c>
      <c r="B69" s="21">
        <v>17</v>
      </c>
      <c r="C69" s="6">
        <v>36</v>
      </c>
      <c r="D69" s="5">
        <v>53</v>
      </c>
    </row>
    <row r="70" spans="1:4" ht="18" customHeight="1" x14ac:dyDescent="0.15">
      <c r="A70" s="8">
        <v>54</v>
      </c>
      <c r="B70" s="21">
        <v>17</v>
      </c>
      <c r="C70" s="6">
        <v>19</v>
      </c>
      <c r="D70" s="5">
        <v>36</v>
      </c>
    </row>
    <row r="71" spans="1:4" ht="18" customHeight="1" x14ac:dyDescent="0.15">
      <c r="A71" s="8" t="s">
        <v>14</v>
      </c>
      <c r="B71" s="21">
        <v>104</v>
      </c>
      <c r="C71" s="6">
        <v>110</v>
      </c>
      <c r="D71" s="5">
        <v>214</v>
      </c>
    </row>
    <row r="72" spans="1:4" ht="18" customHeight="1" x14ac:dyDescent="0.15">
      <c r="A72" s="8">
        <v>55</v>
      </c>
      <c r="B72" s="21">
        <v>20</v>
      </c>
      <c r="C72" s="6">
        <v>12</v>
      </c>
      <c r="D72" s="5">
        <v>32</v>
      </c>
    </row>
    <row r="73" spans="1:4" ht="18" customHeight="1" x14ac:dyDescent="0.15">
      <c r="A73" s="8">
        <v>56</v>
      </c>
      <c r="B73" s="21">
        <v>23</v>
      </c>
      <c r="C73" s="6">
        <v>19</v>
      </c>
      <c r="D73" s="5">
        <v>42</v>
      </c>
    </row>
    <row r="74" spans="1:4" ht="18" customHeight="1" x14ac:dyDescent="0.15">
      <c r="A74" s="8">
        <v>57</v>
      </c>
      <c r="B74" s="21">
        <v>23</v>
      </c>
      <c r="C74" s="6">
        <v>16</v>
      </c>
      <c r="D74" s="5">
        <v>39</v>
      </c>
    </row>
    <row r="75" spans="1:4" ht="18" customHeight="1" x14ac:dyDescent="0.15">
      <c r="A75" s="8">
        <v>58</v>
      </c>
      <c r="B75" s="21">
        <v>28</v>
      </c>
      <c r="C75" s="6">
        <v>13</v>
      </c>
      <c r="D75" s="5">
        <v>41</v>
      </c>
    </row>
    <row r="76" spans="1:4" ht="18" customHeight="1" x14ac:dyDescent="0.15">
      <c r="A76" s="8">
        <v>59</v>
      </c>
      <c r="B76" s="21">
        <v>10</v>
      </c>
      <c r="C76" s="6">
        <v>15</v>
      </c>
      <c r="D76" s="5">
        <v>25</v>
      </c>
    </row>
    <row r="77" spans="1:4" ht="18" customHeight="1" x14ac:dyDescent="0.15">
      <c r="A77" s="8" t="s">
        <v>13</v>
      </c>
      <c r="B77" s="21">
        <v>104</v>
      </c>
      <c r="C77" s="6">
        <v>75</v>
      </c>
      <c r="D77" s="5">
        <v>179</v>
      </c>
    </row>
    <row r="78" spans="1:4" ht="18" customHeight="1" x14ac:dyDescent="0.15">
      <c r="A78" s="8">
        <v>60</v>
      </c>
      <c r="B78" s="21">
        <v>19</v>
      </c>
      <c r="C78" s="6">
        <v>19</v>
      </c>
      <c r="D78" s="5">
        <v>38</v>
      </c>
    </row>
    <row r="79" spans="1:4" ht="18" customHeight="1" x14ac:dyDescent="0.15">
      <c r="A79" s="8">
        <v>61</v>
      </c>
      <c r="B79" s="21">
        <v>26</v>
      </c>
      <c r="C79" s="6">
        <v>19</v>
      </c>
      <c r="D79" s="5">
        <v>45</v>
      </c>
    </row>
    <row r="80" spans="1:4" ht="18" customHeight="1" x14ac:dyDescent="0.15">
      <c r="A80" s="8">
        <v>62</v>
      </c>
      <c r="B80" s="21">
        <v>12</v>
      </c>
      <c r="C80" s="6">
        <v>28</v>
      </c>
      <c r="D80" s="5">
        <v>40</v>
      </c>
    </row>
    <row r="81" spans="1:4" ht="18" customHeight="1" x14ac:dyDescent="0.15">
      <c r="A81" s="8">
        <v>63</v>
      </c>
      <c r="B81" s="21">
        <v>20</v>
      </c>
      <c r="C81" s="6">
        <v>20</v>
      </c>
      <c r="D81" s="5">
        <v>40</v>
      </c>
    </row>
    <row r="82" spans="1:4" ht="18" customHeight="1" x14ac:dyDescent="0.15">
      <c r="A82" s="8">
        <v>64</v>
      </c>
      <c r="B82" s="21">
        <v>14</v>
      </c>
      <c r="C82" s="6">
        <v>18</v>
      </c>
      <c r="D82" s="5">
        <v>32</v>
      </c>
    </row>
    <row r="83" spans="1:4" ht="18" customHeight="1" x14ac:dyDescent="0.15">
      <c r="A83" s="8" t="s">
        <v>12</v>
      </c>
      <c r="B83" s="21">
        <v>91</v>
      </c>
      <c r="C83" s="6">
        <v>104</v>
      </c>
      <c r="D83" s="5">
        <v>195</v>
      </c>
    </row>
    <row r="84" spans="1:4" ht="18" customHeight="1" x14ac:dyDescent="0.15">
      <c r="A84" s="8" t="s">
        <v>11</v>
      </c>
      <c r="B84" s="21">
        <v>772</v>
      </c>
      <c r="C84" s="6">
        <v>678</v>
      </c>
      <c r="D84" s="5">
        <v>1450</v>
      </c>
    </row>
    <row r="85" spans="1:4" ht="18" customHeight="1" x14ac:dyDescent="0.15">
      <c r="A85" s="8">
        <v>65</v>
      </c>
      <c r="B85" s="21">
        <v>22</v>
      </c>
      <c r="C85" s="6">
        <v>28</v>
      </c>
      <c r="D85" s="5">
        <v>50</v>
      </c>
    </row>
    <row r="86" spans="1:4" ht="18" customHeight="1" x14ac:dyDescent="0.15">
      <c r="A86" s="8">
        <v>66</v>
      </c>
      <c r="B86" s="21">
        <v>16</v>
      </c>
      <c r="C86" s="6">
        <v>16</v>
      </c>
      <c r="D86" s="5">
        <v>32</v>
      </c>
    </row>
    <row r="87" spans="1:4" ht="18" customHeight="1" x14ac:dyDescent="0.15">
      <c r="A87" s="8">
        <v>67</v>
      </c>
      <c r="B87" s="21">
        <v>17</v>
      </c>
      <c r="C87" s="6">
        <v>24</v>
      </c>
      <c r="D87" s="5">
        <v>41</v>
      </c>
    </row>
    <row r="88" spans="1:4" ht="18" customHeight="1" x14ac:dyDescent="0.15">
      <c r="A88" s="8">
        <v>68</v>
      </c>
      <c r="B88" s="21">
        <v>16</v>
      </c>
      <c r="C88" s="6">
        <v>21</v>
      </c>
      <c r="D88" s="5">
        <v>37</v>
      </c>
    </row>
    <row r="89" spans="1:4" ht="18" customHeight="1" x14ac:dyDescent="0.15">
      <c r="A89" s="8">
        <v>69</v>
      </c>
      <c r="B89" s="21">
        <v>23</v>
      </c>
      <c r="C89" s="6">
        <v>20</v>
      </c>
      <c r="D89" s="5">
        <v>43</v>
      </c>
    </row>
    <row r="90" spans="1:4" ht="18" customHeight="1" x14ac:dyDescent="0.15">
      <c r="A90" s="8" t="s">
        <v>10</v>
      </c>
      <c r="B90" s="21">
        <v>94</v>
      </c>
      <c r="C90" s="6">
        <v>109</v>
      </c>
      <c r="D90" s="5">
        <v>203</v>
      </c>
    </row>
    <row r="91" spans="1:4" ht="18" customHeight="1" x14ac:dyDescent="0.15">
      <c r="A91" s="8">
        <v>70</v>
      </c>
      <c r="B91" s="21">
        <v>16</v>
      </c>
      <c r="C91" s="6">
        <v>25</v>
      </c>
      <c r="D91" s="5">
        <v>41</v>
      </c>
    </row>
    <row r="92" spans="1:4" ht="18" customHeight="1" x14ac:dyDescent="0.15">
      <c r="A92" s="8">
        <v>71</v>
      </c>
      <c r="B92" s="21">
        <v>23</v>
      </c>
      <c r="C92" s="6">
        <v>20</v>
      </c>
      <c r="D92" s="5">
        <v>43</v>
      </c>
    </row>
    <row r="93" spans="1:4" ht="18" customHeight="1" x14ac:dyDescent="0.15">
      <c r="A93" s="8">
        <v>72</v>
      </c>
      <c r="B93" s="21">
        <v>23</v>
      </c>
      <c r="C93" s="6">
        <v>31</v>
      </c>
      <c r="D93" s="5">
        <v>54</v>
      </c>
    </row>
    <row r="94" spans="1:4" ht="18" customHeight="1" x14ac:dyDescent="0.15">
      <c r="A94" s="8">
        <v>73</v>
      </c>
      <c r="B94" s="21">
        <v>32</v>
      </c>
      <c r="C94" s="6">
        <v>27</v>
      </c>
      <c r="D94" s="5">
        <v>59</v>
      </c>
    </row>
    <row r="95" spans="1:4" ht="18" customHeight="1" x14ac:dyDescent="0.15">
      <c r="A95" s="8">
        <v>74</v>
      </c>
      <c r="B95" s="21">
        <v>27</v>
      </c>
      <c r="C95" s="6">
        <v>19</v>
      </c>
      <c r="D95" s="5">
        <v>46</v>
      </c>
    </row>
    <row r="96" spans="1:4" ht="18" customHeight="1" x14ac:dyDescent="0.15">
      <c r="A96" s="8" t="s">
        <v>9</v>
      </c>
      <c r="B96" s="21">
        <v>121</v>
      </c>
      <c r="C96" s="6">
        <v>122</v>
      </c>
      <c r="D96" s="5">
        <v>243</v>
      </c>
    </row>
    <row r="97" spans="1:4" ht="18" customHeight="1" x14ac:dyDescent="0.15">
      <c r="A97" s="8">
        <v>75</v>
      </c>
      <c r="B97" s="21">
        <v>22</v>
      </c>
      <c r="C97" s="6">
        <v>19</v>
      </c>
      <c r="D97" s="5">
        <v>41</v>
      </c>
    </row>
    <row r="98" spans="1:4" ht="18" customHeight="1" x14ac:dyDescent="0.15">
      <c r="A98" s="8">
        <v>76</v>
      </c>
      <c r="B98" s="21">
        <v>29</v>
      </c>
      <c r="C98" s="6">
        <v>34</v>
      </c>
      <c r="D98" s="5">
        <v>63</v>
      </c>
    </row>
    <row r="99" spans="1:4" ht="18" customHeight="1" x14ac:dyDescent="0.15">
      <c r="A99" s="8">
        <v>77</v>
      </c>
      <c r="B99" s="21">
        <v>33</v>
      </c>
      <c r="C99" s="6">
        <v>25</v>
      </c>
      <c r="D99" s="5">
        <v>58</v>
      </c>
    </row>
    <row r="100" spans="1:4" ht="18" customHeight="1" x14ac:dyDescent="0.15">
      <c r="A100" s="8">
        <v>78</v>
      </c>
      <c r="B100" s="21">
        <v>27</v>
      </c>
      <c r="C100" s="6">
        <v>28</v>
      </c>
      <c r="D100" s="5">
        <v>55</v>
      </c>
    </row>
    <row r="101" spans="1:4" ht="18" customHeight="1" x14ac:dyDescent="0.15">
      <c r="A101" s="8">
        <v>79</v>
      </c>
      <c r="B101" s="21">
        <v>17</v>
      </c>
      <c r="C101" s="6">
        <v>16</v>
      </c>
      <c r="D101" s="5">
        <v>33</v>
      </c>
    </row>
    <row r="102" spans="1:4" ht="18" customHeight="1" x14ac:dyDescent="0.15">
      <c r="A102" s="8" t="s">
        <v>8</v>
      </c>
      <c r="B102" s="21">
        <v>128</v>
      </c>
      <c r="C102" s="6">
        <v>122</v>
      </c>
      <c r="D102" s="5">
        <v>250</v>
      </c>
    </row>
    <row r="103" spans="1:4" ht="18" customHeight="1" x14ac:dyDescent="0.15">
      <c r="A103" s="8">
        <v>80</v>
      </c>
      <c r="B103" s="21">
        <v>17</v>
      </c>
      <c r="C103" s="6">
        <v>20</v>
      </c>
      <c r="D103" s="5">
        <v>37</v>
      </c>
    </row>
    <row r="104" spans="1:4" ht="18" customHeight="1" x14ac:dyDescent="0.15">
      <c r="A104" s="8">
        <v>81</v>
      </c>
      <c r="B104" s="21">
        <v>17</v>
      </c>
      <c r="C104" s="6">
        <v>24</v>
      </c>
      <c r="D104" s="5">
        <v>41</v>
      </c>
    </row>
    <row r="105" spans="1:4" ht="18" customHeight="1" x14ac:dyDescent="0.15">
      <c r="A105" s="8">
        <v>82</v>
      </c>
      <c r="B105" s="21">
        <v>9</v>
      </c>
      <c r="C105" s="6">
        <v>21</v>
      </c>
      <c r="D105" s="5">
        <v>30</v>
      </c>
    </row>
    <row r="106" spans="1:4" ht="18" customHeight="1" x14ac:dyDescent="0.15">
      <c r="A106" s="8">
        <v>83</v>
      </c>
      <c r="B106" s="21">
        <v>9</v>
      </c>
      <c r="C106" s="6">
        <v>13</v>
      </c>
      <c r="D106" s="5">
        <v>22</v>
      </c>
    </row>
    <row r="107" spans="1:4" ht="18" customHeight="1" x14ac:dyDescent="0.15">
      <c r="A107" s="8">
        <v>84</v>
      </c>
      <c r="B107" s="21">
        <v>16</v>
      </c>
      <c r="C107" s="6">
        <v>18</v>
      </c>
      <c r="D107" s="5">
        <v>34</v>
      </c>
    </row>
    <row r="108" spans="1:4" ht="18" customHeight="1" x14ac:dyDescent="0.15">
      <c r="A108" s="8" t="s">
        <v>7</v>
      </c>
      <c r="B108" s="21">
        <v>68</v>
      </c>
      <c r="C108" s="6">
        <v>96</v>
      </c>
      <c r="D108" s="5">
        <v>164</v>
      </c>
    </row>
    <row r="109" spans="1:4" ht="18" customHeight="1" x14ac:dyDescent="0.15">
      <c r="A109" s="8">
        <v>85</v>
      </c>
      <c r="B109" s="21">
        <v>11</v>
      </c>
      <c r="C109" s="6">
        <v>10</v>
      </c>
      <c r="D109" s="5">
        <v>21</v>
      </c>
    </row>
    <row r="110" spans="1:4" ht="18" customHeight="1" x14ac:dyDescent="0.15">
      <c r="A110" s="8">
        <v>86</v>
      </c>
      <c r="B110" s="21">
        <v>8</v>
      </c>
      <c r="C110" s="6">
        <v>11</v>
      </c>
      <c r="D110" s="5">
        <v>19</v>
      </c>
    </row>
    <row r="111" spans="1:4" ht="18" customHeight="1" x14ac:dyDescent="0.15">
      <c r="A111" s="8">
        <v>87</v>
      </c>
      <c r="B111" s="21">
        <v>2</v>
      </c>
      <c r="C111" s="6">
        <v>13</v>
      </c>
      <c r="D111" s="5">
        <v>15</v>
      </c>
    </row>
    <row r="112" spans="1:4" ht="18" customHeight="1" x14ac:dyDescent="0.15">
      <c r="A112" s="8">
        <v>88</v>
      </c>
      <c r="B112" s="21">
        <v>7</v>
      </c>
      <c r="C112" s="6">
        <v>11</v>
      </c>
      <c r="D112" s="5">
        <v>18</v>
      </c>
    </row>
    <row r="113" spans="1:4" ht="18" customHeight="1" x14ac:dyDescent="0.15">
      <c r="A113" s="8">
        <v>89</v>
      </c>
      <c r="B113" s="21">
        <v>10</v>
      </c>
      <c r="C113" s="6">
        <v>8</v>
      </c>
      <c r="D113" s="5">
        <v>18</v>
      </c>
    </row>
    <row r="114" spans="1:4" ht="18" customHeight="1" x14ac:dyDescent="0.15">
      <c r="A114" s="8" t="s">
        <v>6</v>
      </c>
      <c r="B114" s="21">
        <v>38</v>
      </c>
      <c r="C114" s="6">
        <v>53</v>
      </c>
      <c r="D114" s="5">
        <v>91</v>
      </c>
    </row>
    <row r="115" spans="1:4" ht="18" customHeight="1" x14ac:dyDescent="0.15">
      <c r="A115" s="8">
        <v>90</v>
      </c>
      <c r="B115" s="21">
        <v>5</v>
      </c>
      <c r="C115" s="6">
        <v>12</v>
      </c>
      <c r="D115" s="5">
        <v>17</v>
      </c>
    </row>
    <row r="116" spans="1:4" ht="18" customHeight="1" x14ac:dyDescent="0.15">
      <c r="A116" s="8">
        <v>91</v>
      </c>
      <c r="B116" s="21">
        <v>1</v>
      </c>
      <c r="C116" s="6">
        <v>5</v>
      </c>
      <c r="D116" s="5">
        <v>6</v>
      </c>
    </row>
    <row r="117" spans="1:4" ht="18" customHeight="1" x14ac:dyDescent="0.15">
      <c r="A117" s="8">
        <v>92</v>
      </c>
      <c r="B117" s="21">
        <v>2</v>
      </c>
      <c r="C117" s="6">
        <v>10</v>
      </c>
      <c r="D117" s="5">
        <v>12</v>
      </c>
    </row>
    <row r="118" spans="1:4" ht="18" customHeight="1" x14ac:dyDescent="0.15">
      <c r="A118" s="8">
        <v>93</v>
      </c>
      <c r="B118" s="21">
        <v>3</v>
      </c>
      <c r="C118" s="6">
        <v>8</v>
      </c>
      <c r="D118" s="5">
        <v>11</v>
      </c>
    </row>
    <row r="119" spans="1:4" ht="18" customHeight="1" x14ac:dyDescent="0.15">
      <c r="A119" s="8">
        <v>94</v>
      </c>
      <c r="B119" s="21">
        <v>0</v>
      </c>
      <c r="C119" s="6">
        <v>7</v>
      </c>
      <c r="D119" s="5">
        <v>7</v>
      </c>
    </row>
    <row r="120" spans="1:4" ht="18" customHeight="1" x14ac:dyDescent="0.15">
      <c r="A120" s="8" t="s">
        <v>5</v>
      </c>
      <c r="B120" s="21">
        <v>11</v>
      </c>
      <c r="C120" s="6">
        <v>42</v>
      </c>
      <c r="D120" s="5">
        <v>53</v>
      </c>
    </row>
    <row r="121" spans="1:4" ht="18" customHeight="1" x14ac:dyDescent="0.15">
      <c r="A121" s="8">
        <v>95</v>
      </c>
      <c r="B121" s="21">
        <v>1</v>
      </c>
      <c r="C121" s="6">
        <v>3</v>
      </c>
      <c r="D121" s="5">
        <v>4</v>
      </c>
    </row>
    <row r="122" spans="1:4" ht="18" customHeight="1" x14ac:dyDescent="0.15">
      <c r="A122" s="8">
        <v>96</v>
      </c>
      <c r="B122" s="21">
        <v>0</v>
      </c>
      <c r="C122" s="6">
        <v>1</v>
      </c>
      <c r="D122" s="5">
        <v>1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1</v>
      </c>
      <c r="C125" s="6">
        <v>1</v>
      </c>
      <c r="D125" s="5">
        <v>2</v>
      </c>
    </row>
    <row r="126" spans="1:4" ht="18" customHeight="1" x14ac:dyDescent="0.15">
      <c r="A126" s="8" t="s">
        <v>4</v>
      </c>
      <c r="B126" s="21">
        <v>2</v>
      </c>
      <c r="C126" s="6">
        <v>9</v>
      </c>
      <c r="D126" s="5">
        <v>11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462</v>
      </c>
      <c r="C130" s="6">
        <v>557</v>
      </c>
      <c r="D130" s="5">
        <v>1019</v>
      </c>
    </row>
    <row r="131" spans="1:4" ht="18" customHeight="1" x14ac:dyDescent="0.15">
      <c r="A131" s="4" t="s">
        <v>0</v>
      </c>
      <c r="B131" s="20">
        <v>1353</v>
      </c>
      <c r="C131" s="2">
        <v>1349</v>
      </c>
      <c r="D131" s="1">
        <v>270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BD0265-879B-4B5B-81BE-7258750FC9B7}">
  <sheetPr codeName="Sheet4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0</v>
      </c>
      <c r="C5" s="11">
        <v>9</v>
      </c>
      <c r="D5" s="10">
        <v>19</v>
      </c>
    </row>
    <row r="6" spans="1:4" ht="18" customHeight="1" x14ac:dyDescent="0.15">
      <c r="A6" s="8">
        <v>1</v>
      </c>
      <c r="B6" s="21">
        <v>10</v>
      </c>
      <c r="C6" s="6">
        <v>7</v>
      </c>
      <c r="D6" s="5">
        <v>17</v>
      </c>
    </row>
    <row r="7" spans="1:4" ht="18" customHeight="1" x14ac:dyDescent="0.15">
      <c r="A7" s="8">
        <v>2</v>
      </c>
      <c r="B7" s="21">
        <v>8</v>
      </c>
      <c r="C7" s="6">
        <v>10</v>
      </c>
      <c r="D7" s="5">
        <v>18</v>
      </c>
    </row>
    <row r="8" spans="1:4" ht="18" customHeight="1" x14ac:dyDescent="0.15">
      <c r="A8" s="8">
        <v>3</v>
      </c>
      <c r="B8" s="21">
        <v>6</v>
      </c>
      <c r="C8" s="6">
        <v>14</v>
      </c>
      <c r="D8" s="5">
        <v>20</v>
      </c>
    </row>
    <row r="9" spans="1:4" ht="18" customHeight="1" x14ac:dyDescent="0.15">
      <c r="A9" s="8">
        <v>4</v>
      </c>
      <c r="B9" s="21">
        <v>7</v>
      </c>
      <c r="C9" s="6">
        <v>8</v>
      </c>
      <c r="D9" s="5">
        <v>15</v>
      </c>
    </row>
    <row r="10" spans="1:4" ht="18" customHeight="1" x14ac:dyDescent="0.15">
      <c r="A10" s="8" t="s">
        <v>25</v>
      </c>
      <c r="B10" s="21">
        <v>41</v>
      </c>
      <c r="C10" s="6">
        <v>48</v>
      </c>
      <c r="D10" s="5">
        <v>89</v>
      </c>
    </row>
    <row r="11" spans="1:4" ht="18" customHeight="1" x14ac:dyDescent="0.15">
      <c r="A11" s="8">
        <v>5</v>
      </c>
      <c r="B11" s="21">
        <v>13</v>
      </c>
      <c r="C11" s="6">
        <v>10</v>
      </c>
      <c r="D11" s="5">
        <v>23</v>
      </c>
    </row>
    <row r="12" spans="1:4" ht="18" customHeight="1" x14ac:dyDescent="0.15">
      <c r="A12" s="8">
        <v>6</v>
      </c>
      <c r="B12" s="21">
        <v>8</v>
      </c>
      <c r="C12" s="6">
        <v>16</v>
      </c>
      <c r="D12" s="5">
        <v>24</v>
      </c>
    </row>
    <row r="13" spans="1:4" ht="18" customHeight="1" x14ac:dyDescent="0.15">
      <c r="A13" s="8">
        <v>7</v>
      </c>
      <c r="B13" s="21">
        <v>16</v>
      </c>
      <c r="C13" s="6">
        <v>11</v>
      </c>
      <c r="D13" s="5">
        <v>27</v>
      </c>
    </row>
    <row r="14" spans="1:4" ht="18" customHeight="1" x14ac:dyDescent="0.15">
      <c r="A14" s="8">
        <v>8</v>
      </c>
      <c r="B14" s="21">
        <v>11</v>
      </c>
      <c r="C14" s="6">
        <v>12</v>
      </c>
      <c r="D14" s="5">
        <v>23</v>
      </c>
    </row>
    <row r="15" spans="1:4" ht="18" customHeight="1" x14ac:dyDescent="0.15">
      <c r="A15" s="8">
        <v>9</v>
      </c>
      <c r="B15" s="21">
        <v>13</v>
      </c>
      <c r="C15" s="6">
        <v>5</v>
      </c>
      <c r="D15" s="5">
        <v>18</v>
      </c>
    </row>
    <row r="16" spans="1:4" ht="18" customHeight="1" x14ac:dyDescent="0.15">
      <c r="A16" s="8" t="s">
        <v>24</v>
      </c>
      <c r="B16" s="21">
        <v>61</v>
      </c>
      <c r="C16" s="6">
        <v>54</v>
      </c>
      <c r="D16" s="5">
        <v>115</v>
      </c>
    </row>
    <row r="17" spans="1:4" ht="18" customHeight="1" x14ac:dyDescent="0.15">
      <c r="A17" s="8">
        <v>10</v>
      </c>
      <c r="B17" s="21">
        <v>13</v>
      </c>
      <c r="C17" s="6">
        <v>7</v>
      </c>
      <c r="D17" s="5">
        <v>20</v>
      </c>
    </row>
    <row r="18" spans="1:4" ht="18" customHeight="1" x14ac:dyDescent="0.15">
      <c r="A18" s="8">
        <v>11</v>
      </c>
      <c r="B18" s="21">
        <v>16</v>
      </c>
      <c r="C18" s="6">
        <v>20</v>
      </c>
      <c r="D18" s="5">
        <v>36</v>
      </c>
    </row>
    <row r="19" spans="1:4" ht="18" customHeight="1" x14ac:dyDescent="0.15">
      <c r="A19" s="8">
        <v>12</v>
      </c>
      <c r="B19" s="21">
        <v>10</v>
      </c>
      <c r="C19" s="6">
        <v>13</v>
      </c>
      <c r="D19" s="5">
        <v>23</v>
      </c>
    </row>
    <row r="20" spans="1:4" ht="18" customHeight="1" x14ac:dyDescent="0.15">
      <c r="A20" s="8">
        <v>13</v>
      </c>
      <c r="B20" s="21">
        <v>22</v>
      </c>
      <c r="C20" s="6">
        <v>20</v>
      </c>
      <c r="D20" s="5">
        <v>42</v>
      </c>
    </row>
    <row r="21" spans="1:4" ht="18" customHeight="1" x14ac:dyDescent="0.15">
      <c r="A21" s="8">
        <v>14</v>
      </c>
      <c r="B21" s="21">
        <v>15</v>
      </c>
      <c r="C21" s="6">
        <v>11</v>
      </c>
      <c r="D21" s="5">
        <v>26</v>
      </c>
    </row>
    <row r="22" spans="1:4" ht="18" customHeight="1" x14ac:dyDescent="0.15">
      <c r="A22" s="8" t="s">
        <v>23</v>
      </c>
      <c r="B22" s="21">
        <v>76</v>
      </c>
      <c r="C22" s="6">
        <v>71</v>
      </c>
      <c r="D22" s="5">
        <v>147</v>
      </c>
    </row>
    <row r="23" spans="1:4" ht="18" customHeight="1" x14ac:dyDescent="0.15">
      <c r="A23" s="8" t="s">
        <v>22</v>
      </c>
      <c r="B23" s="21">
        <v>178</v>
      </c>
      <c r="C23" s="6">
        <v>173</v>
      </c>
      <c r="D23" s="5">
        <v>351</v>
      </c>
    </row>
    <row r="24" spans="1:4" ht="18" customHeight="1" x14ac:dyDescent="0.15">
      <c r="A24" s="8">
        <v>15</v>
      </c>
      <c r="B24" s="21">
        <v>15</v>
      </c>
      <c r="C24" s="6">
        <v>15</v>
      </c>
      <c r="D24" s="5">
        <v>30</v>
      </c>
    </row>
    <row r="25" spans="1:4" ht="18" customHeight="1" x14ac:dyDescent="0.15">
      <c r="A25" s="8">
        <v>16</v>
      </c>
      <c r="B25" s="21">
        <v>22</v>
      </c>
      <c r="C25" s="6">
        <v>19</v>
      </c>
      <c r="D25" s="5">
        <v>41</v>
      </c>
    </row>
    <row r="26" spans="1:4" ht="18" customHeight="1" x14ac:dyDescent="0.15">
      <c r="A26" s="8">
        <v>17</v>
      </c>
      <c r="B26" s="21">
        <v>21</v>
      </c>
      <c r="C26" s="6">
        <v>22</v>
      </c>
      <c r="D26" s="5">
        <v>43</v>
      </c>
    </row>
    <row r="27" spans="1:4" ht="18" customHeight="1" x14ac:dyDescent="0.15">
      <c r="A27" s="8">
        <v>18</v>
      </c>
      <c r="B27" s="21">
        <v>15</v>
      </c>
      <c r="C27" s="6">
        <v>16</v>
      </c>
      <c r="D27" s="5">
        <v>31</v>
      </c>
    </row>
    <row r="28" spans="1:4" ht="18" customHeight="1" x14ac:dyDescent="0.15">
      <c r="A28" s="8">
        <v>19</v>
      </c>
      <c r="B28" s="21">
        <v>11</v>
      </c>
      <c r="C28" s="6">
        <v>13</v>
      </c>
      <c r="D28" s="5">
        <v>24</v>
      </c>
    </row>
    <row r="29" spans="1:4" ht="18" customHeight="1" x14ac:dyDescent="0.15">
      <c r="A29" s="8" t="s">
        <v>21</v>
      </c>
      <c r="B29" s="21">
        <v>84</v>
      </c>
      <c r="C29" s="6">
        <v>85</v>
      </c>
      <c r="D29" s="5">
        <v>169</v>
      </c>
    </row>
    <row r="30" spans="1:4" ht="18" customHeight="1" x14ac:dyDescent="0.15">
      <c r="A30" s="8">
        <v>20</v>
      </c>
      <c r="B30" s="21">
        <v>11</v>
      </c>
      <c r="C30" s="6">
        <v>15</v>
      </c>
      <c r="D30" s="5">
        <v>26</v>
      </c>
    </row>
    <row r="31" spans="1:4" ht="18" customHeight="1" x14ac:dyDescent="0.15">
      <c r="A31" s="8">
        <v>21</v>
      </c>
      <c r="B31" s="21">
        <v>12</v>
      </c>
      <c r="C31" s="6">
        <v>6</v>
      </c>
      <c r="D31" s="5">
        <v>18</v>
      </c>
    </row>
    <row r="32" spans="1:4" ht="18" customHeight="1" x14ac:dyDescent="0.15">
      <c r="A32" s="8">
        <v>22</v>
      </c>
      <c r="B32" s="21">
        <v>15</v>
      </c>
      <c r="C32" s="6">
        <v>15</v>
      </c>
      <c r="D32" s="5">
        <v>30</v>
      </c>
    </row>
    <row r="33" spans="1:4" ht="18" customHeight="1" x14ac:dyDescent="0.15">
      <c r="A33" s="8">
        <v>23</v>
      </c>
      <c r="B33" s="21">
        <v>15</v>
      </c>
      <c r="C33" s="6">
        <v>13</v>
      </c>
      <c r="D33" s="5">
        <v>28</v>
      </c>
    </row>
    <row r="34" spans="1:4" ht="18" customHeight="1" x14ac:dyDescent="0.15">
      <c r="A34" s="8">
        <v>24</v>
      </c>
      <c r="B34" s="21">
        <v>15</v>
      </c>
      <c r="C34" s="6">
        <v>13</v>
      </c>
      <c r="D34" s="5">
        <v>28</v>
      </c>
    </row>
    <row r="35" spans="1:4" ht="18" customHeight="1" x14ac:dyDescent="0.15">
      <c r="A35" s="8" t="s">
        <v>20</v>
      </c>
      <c r="B35" s="21">
        <v>68</v>
      </c>
      <c r="C35" s="6">
        <v>62</v>
      </c>
      <c r="D35" s="5">
        <v>130</v>
      </c>
    </row>
    <row r="36" spans="1:4" ht="18" customHeight="1" x14ac:dyDescent="0.15">
      <c r="A36" s="8">
        <v>25</v>
      </c>
      <c r="B36" s="21">
        <v>13</v>
      </c>
      <c r="C36" s="6">
        <v>10</v>
      </c>
      <c r="D36" s="5">
        <v>23</v>
      </c>
    </row>
    <row r="37" spans="1:4" ht="18" customHeight="1" x14ac:dyDescent="0.15">
      <c r="A37" s="8">
        <v>26</v>
      </c>
      <c r="B37" s="21">
        <v>10</v>
      </c>
      <c r="C37" s="6">
        <v>8</v>
      </c>
      <c r="D37" s="5">
        <v>18</v>
      </c>
    </row>
    <row r="38" spans="1:4" ht="18" customHeight="1" x14ac:dyDescent="0.15">
      <c r="A38" s="8">
        <v>27</v>
      </c>
      <c r="B38" s="21">
        <v>7</v>
      </c>
      <c r="C38" s="6">
        <v>10</v>
      </c>
      <c r="D38" s="5">
        <v>17</v>
      </c>
    </row>
    <row r="39" spans="1:4" ht="18" customHeight="1" x14ac:dyDescent="0.15">
      <c r="A39" s="8">
        <v>28</v>
      </c>
      <c r="B39" s="21">
        <v>11</v>
      </c>
      <c r="C39" s="6">
        <v>3</v>
      </c>
      <c r="D39" s="5">
        <v>14</v>
      </c>
    </row>
    <row r="40" spans="1:4" ht="18" customHeight="1" x14ac:dyDescent="0.15">
      <c r="A40" s="8">
        <v>29</v>
      </c>
      <c r="B40" s="21">
        <v>10</v>
      </c>
      <c r="C40" s="6">
        <v>9</v>
      </c>
      <c r="D40" s="5">
        <v>19</v>
      </c>
    </row>
    <row r="41" spans="1:4" ht="18" customHeight="1" x14ac:dyDescent="0.15">
      <c r="A41" s="8" t="s">
        <v>19</v>
      </c>
      <c r="B41" s="21">
        <v>51</v>
      </c>
      <c r="C41" s="6">
        <v>40</v>
      </c>
      <c r="D41" s="5">
        <v>91</v>
      </c>
    </row>
    <row r="42" spans="1:4" ht="18" customHeight="1" x14ac:dyDescent="0.15">
      <c r="A42" s="8">
        <v>30</v>
      </c>
      <c r="B42" s="21">
        <v>10</v>
      </c>
      <c r="C42" s="6">
        <v>9</v>
      </c>
      <c r="D42" s="5">
        <v>19</v>
      </c>
    </row>
    <row r="43" spans="1:4" ht="18" customHeight="1" x14ac:dyDescent="0.15">
      <c r="A43" s="8">
        <v>31</v>
      </c>
      <c r="B43" s="21">
        <v>6</v>
      </c>
      <c r="C43" s="6">
        <v>11</v>
      </c>
      <c r="D43" s="5">
        <v>17</v>
      </c>
    </row>
    <row r="44" spans="1:4" ht="18" customHeight="1" x14ac:dyDescent="0.15">
      <c r="A44" s="8">
        <v>32</v>
      </c>
      <c r="B44" s="21">
        <v>14</v>
      </c>
      <c r="C44" s="6">
        <v>13</v>
      </c>
      <c r="D44" s="5">
        <v>27</v>
      </c>
    </row>
    <row r="45" spans="1:4" ht="18" customHeight="1" x14ac:dyDescent="0.15">
      <c r="A45" s="8">
        <v>33</v>
      </c>
      <c r="B45" s="21">
        <v>6</v>
      </c>
      <c r="C45" s="6">
        <v>12</v>
      </c>
      <c r="D45" s="5">
        <v>18</v>
      </c>
    </row>
    <row r="46" spans="1:4" ht="18" customHeight="1" x14ac:dyDescent="0.15">
      <c r="A46" s="8">
        <v>34</v>
      </c>
      <c r="B46" s="21">
        <v>19</v>
      </c>
      <c r="C46" s="6">
        <v>11</v>
      </c>
      <c r="D46" s="5">
        <v>30</v>
      </c>
    </row>
    <row r="47" spans="1:4" ht="18" customHeight="1" x14ac:dyDescent="0.15">
      <c r="A47" s="8" t="s">
        <v>18</v>
      </c>
      <c r="B47" s="21">
        <v>55</v>
      </c>
      <c r="C47" s="6">
        <v>56</v>
      </c>
      <c r="D47" s="5">
        <v>111</v>
      </c>
    </row>
    <row r="48" spans="1:4" ht="18" customHeight="1" x14ac:dyDescent="0.15">
      <c r="A48" s="8">
        <v>35</v>
      </c>
      <c r="B48" s="21">
        <v>11</v>
      </c>
      <c r="C48" s="6">
        <v>20</v>
      </c>
      <c r="D48" s="5">
        <v>31</v>
      </c>
    </row>
    <row r="49" spans="1:4" ht="18" customHeight="1" x14ac:dyDescent="0.15">
      <c r="A49" s="8">
        <v>36</v>
      </c>
      <c r="B49" s="21">
        <v>11</v>
      </c>
      <c r="C49" s="6">
        <v>11</v>
      </c>
      <c r="D49" s="5">
        <v>22</v>
      </c>
    </row>
    <row r="50" spans="1:4" ht="18" customHeight="1" x14ac:dyDescent="0.15">
      <c r="A50" s="8">
        <v>37</v>
      </c>
      <c r="B50" s="21">
        <v>16</v>
      </c>
      <c r="C50" s="6">
        <v>7</v>
      </c>
      <c r="D50" s="5">
        <v>23</v>
      </c>
    </row>
    <row r="51" spans="1:4" ht="18" customHeight="1" x14ac:dyDescent="0.15">
      <c r="A51" s="8">
        <v>38</v>
      </c>
      <c r="B51" s="21">
        <v>8</v>
      </c>
      <c r="C51" s="6">
        <v>11</v>
      </c>
      <c r="D51" s="5">
        <v>19</v>
      </c>
    </row>
    <row r="52" spans="1:4" ht="18" customHeight="1" x14ac:dyDescent="0.15">
      <c r="A52" s="8">
        <v>39</v>
      </c>
      <c r="B52" s="21">
        <v>17</v>
      </c>
      <c r="C52" s="6">
        <v>14</v>
      </c>
      <c r="D52" s="5">
        <v>31</v>
      </c>
    </row>
    <row r="53" spans="1:4" ht="18" customHeight="1" x14ac:dyDescent="0.15">
      <c r="A53" s="8" t="s">
        <v>17</v>
      </c>
      <c r="B53" s="21">
        <v>63</v>
      </c>
      <c r="C53" s="6">
        <v>63</v>
      </c>
      <c r="D53" s="5">
        <v>126</v>
      </c>
    </row>
    <row r="54" spans="1:4" ht="18" customHeight="1" x14ac:dyDescent="0.15">
      <c r="A54" s="8">
        <v>40</v>
      </c>
      <c r="B54" s="21">
        <v>14</v>
      </c>
      <c r="C54" s="6">
        <v>15</v>
      </c>
      <c r="D54" s="5">
        <v>29</v>
      </c>
    </row>
    <row r="55" spans="1:4" ht="18" customHeight="1" x14ac:dyDescent="0.15">
      <c r="A55" s="8">
        <v>41</v>
      </c>
      <c r="B55" s="21">
        <v>17</v>
      </c>
      <c r="C55" s="6">
        <v>13</v>
      </c>
      <c r="D55" s="5">
        <v>30</v>
      </c>
    </row>
    <row r="56" spans="1:4" ht="18" customHeight="1" x14ac:dyDescent="0.15">
      <c r="A56" s="8">
        <v>42</v>
      </c>
      <c r="B56" s="21">
        <v>19</v>
      </c>
      <c r="C56" s="6">
        <v>16</v>
      </c>
      <c r="D56" s="5">
        <v>35</v>
      </c>
    </row>
    <row r="57" spans="1:4" ht="18" customHeight="1" x14ac:dyDescent="0.15">
      <c r="A57" s="8">
        <v>43</v>
      </c>
      <c r="B57" s="21">
        <v>13</v>
      </c>
      <c r="C57" s="6">
        <v>10</v>
      </c>
      <c r="D57" s="5">
        <v>23</v>
      </c>
    </row>
    <row r="58" spans="1:4" ht="18" customHeight="1" x14ac:dyDescent="0.15">
      <c r="A58" s="8">
        <v>44</v>
      </c>
      <c r="B58" s="21">
        <v>19</v>
      </c>
      <c r="C58" s="6">
        <v>21</v>
      </c>
      <c r="D58" s="5">
        <v>40</v>
      </c>
    </row>
    <row r="59" spans="1:4" ht="18" customHeight="1" x14ac:dyDescent="0.15">
      <c r="A59" s="8" t="s">
        <v>16</v>
      </c>
      <c r="B59" s="21">
        <v>82</v>
      </c>
      <c r="C59" s="6">
        <v>75</v>
      </c>
      <c r="D59" s="5">
        <v>157</v>
      </c>
    </row>
    <row r="60" spans="1:4" ht="18" customHeight="1" x14ac:dyDescent="0.15">
      <c r="A60" s="8">
        <v>45</v>
      </c>
      <c r="B60" s="21">
        <v>16</v>
      </c>
      <c r="C60" s="6">
        <v>18</v>
      </c>
      <c r="D60" s="5">
        <v>34</v>
      </c>
    </row>
    <row r="61" spans="1:4" ht="18" customHeight="1" x14ac:dyDescent="0.15">
      <c r="A61" s="8">
        <v>46</v>
      </c>
      <c r="B61" s="21">
        <v>11</v>
      </c>
      <c r="C61" s="6">
        <v>22</v>
      </c>
      <c r="D61" s="5">
        <v>33</v>
      </c>
    </row>
    <row r="62" spans="1:4" ht="18" customHeight="1" x14ac:dyDescent="0.15">
      <c r="A62" s="8">
        <v>47</v>
      </c>
      <c r="B62" s="21">
        <v>27</v>
      </c>
      <c r="C62" s="6">
        <v>28</v>
      </c>
      <c r="D62" s="5">
        <v>55</v>
      </c>
    </row>
    <row r="63" spans="1:4" ht="18" customHeight="1" x14ac:dyDescent="0.15">
      <c r="A63" s="8">
        <v>48</v>
      </c>
      <c r="B63" s="21">
        <v>24</v>
      </c>
      <c r="C63" s="6">
        <v>28</v>
      </c>
      <c r="D63" s="5">
        <v>52</v>
      </c>
    </row>
    <row r="64" spans="1:4" ht="18" customHeight="1" x14ac:dyDescent="0.15">
      <c r="A64" s="8">
        <v>49</v>
      </c>
      <c r="B64" s="21">
        <v>27</v>
      </c>
      <c r="C64" s="6">
        <v>24</v>
      </c>
      <c r="D64" s="5">
        <v>51</v>
      </c>
    </row>
    <row r="65" spans="1:4" ht="18" customHeight="1" x14ac:dyDescent="0.15">
      <c r="A65" s="8" t="s">
        <v>15</v>
      </c>
      <c r="B65" s="21">
        <v>105</v>
      </c>
      <c r="C65" s="6">
        <v>120</v>
      </c>
      <c r="D65" s="5">
        <v>225</v>
      </c>
    </row>
    <row r="66" spans="1:4" ht="18" customHeight="1" x14ac:dyDescent="0.15">
      <c r="A66" s="8">
        <v>50</v>
      </c>
      <c r="B66" s="21">
        <v>25</v>
      </c>
      <c r="C66" s="6">
        <v>22</v>
      </c>
      <c r="D66" s="5">
        <v>47</v>
      </c>
    </row>
    <row r="67" spans="1:4" ht="18" customHeight="1" x14ac:dyDescent="0.15">
      <c r="A67" s="8">
        <v>51</v>
      </c>
      <c r="B67" s="21">
        <v>24</v>
      </c>
      <c r="C67" s="6">
        <v>23</v>
      </c>
      <c r="D67" s="5">
        <v>47</v>
      </c>
    </row>
    <row r="68" spans="1:4" ht="18" customHeight="1" x14ac:dyDescent="0.15">
      <c r="A68" s="8">
        <v>52</v>
      </c>
      <c r="B68" s="21">
        <v>29</v>
      </c>
      <c r="C68" s="6">
        <v>23</v>
      </c>
      <c r="D68" s="5">
        <v>52</v>
      </c>
    </row>
    <row r="69" spans="1:4" ht="18" customHeight="1" x14ac:dyDescent="0.15">
      <c r="A69" s="8">
        <v>53</v>
      </c>
      <c r="B69" s="21">
        <v>42</v>
      </c>
      <c r="C69" s="6">
        <v>22</v>
      </c>
      <c r="D69" s="5">
        <v>64</v>
      </c>
    </row>
    <row r="70" spans="1:4" ht="18" customHeight="1" x14ac:dyDescent="0.15">
      <c r="A70" s="8">
        <v>54</v>
      </c>
      <c r="B70" s="21">
        <v>39</v>
      </c>
      <c r="C70" s="6">
        <v>32</v>
      </c>
      <c r="D70" s="5">
        <v>71</v>
      </c>
    </row>
    <row r="71" spans="1:4" ht="18" customHeight="1" x14ac:dyDescent="0.15">
      <c r="A71" s="8" t="s">
        <v>14</v>
      </c>
      <c r="B71" s="21">
        <v>159</v>
      </c>
      <c r="C71" s="6">
        <v>122</v>
      </c>
      <c r="D71" s="5">
        <v>281</v>
      </c>
    </row>
    <row r="72" spans="1:4" ht="18" customHeight="1" x14ac:dyDescent="0.15">
      <c r="A72" s="8">
        <v>55</v>
      </c>
      <c r="B72" s="21">
        <v>28</v>
      </c>
      <c r="C72" s="6">
        <v>24</v>
      </c>
      <c r="D72" s="5">
        <v>52</v>
      </c>
    </row>
    <row r="73" spans="1:4" ht="18" customHeight="1" x14ac:dyDescent="0.15">
      <c r="A73" s="8">
        <v>56</v>
      </c>
      <c r="B73" s="21">
        <v>24</v>
      </c>
      <c r="C73" s="6">
        <v>24</v>
      </c>
      <c r="D73" s="5">
        <v>48</v>
      </c>
    </row>
    <row r="74" spans="1:4" ht="18" customHeight="1" x14ac:dyDescent="0.15">
      <c r="A74" s="8">
        <v>57</v>
      </c>
      <c r="B74" s="21">
        <v>29</v>
      </c>
      <c r="C74" s="6">
        <v>24</v>
      </c>
      <c r="D74" s="5">
        <v>53</v>
      </c>
    </row>
    <row r="75" spans="1:4" ht="18" customHeight="1" x14ac:dyDescent="0.15">
      <c r="A75" s="8">
        <v>58</v>
      </c>
      <c r="B75" s="21">
        <v>24</v>
      </c>
      <c r="C75" s="6">
        <v>19</v>
      </c>
      <c r="D75" s="5">
        <v>43</v>
      </c>
    </row>
    <row r="76" spans="1:4" ht="18" customHeight="1" x14ac:dyDescent="0.15">
      <c r="A76" s="8">
        <v>59</v>
      </c>
      <c r="B76" s="21">
        <v>14</v>
      </c>
      <c r="C76" s="6">
        <v>13</v>
      </c>
      <c r="D76" s="5">
        <v>27</v>
      </c>
    </row>
    <row r="77" spans="1:4" ht="18" customHeight="1" x14ac:dyDescent="0.15">
      <c r="A77" s="8" t="s">
        <v>13</v>
      </c>
      <c r="B77" s="21">
        <v>119</v>
      </c>
      <c r="C77" s="6">
        <v>104</v>
      </c>
      <c r="D77" s="5">
        <v>223</v>
      </c>
    </row>
    <row r="78" spans="1:4" ht="18" customHeight="1" x14ac:dyDescent="0.15">
      <c r="A78" s="8">
        <v>60</v>
      </c>
      <c r="B78" s="21">
        <v>21</v>
      </c>
      <c r="C78" s="6">
        <v>23</v>
      </c>
      <c r="D78" s="5">
        <v>44</v>
      </c>
    </row>
    <row r="79" spans="1:4" ht="18" customHeight="1" x14ac:dyDescent="0.15">
      <c r="A79" s="8">
        <v>61</v>
      </c>
      <c r="B79" s="21">
        <v>9</v>
      </c>
      <c r="C79" s="6">
        <v>20</v>
      </c>
      <c r="D79" s="5">
        <v>29</v>
      </c>
    </row>
    <row r="80" spans="1:4" ht="18" customHeight="1" x14ac:dyDescent="0.15">
      <c r="A80" s="8">
        <v>62</v>
      </c>
      <c r="B80" s="21">
        <v>20</v>
      </c>
      <c r="C80" s="6">
        <v>9</v>
      </c>
      <c r="D80" s="5">
        <v>29</v>
      </c>
    </row>
    <row r="81" spans="1:4" ht="18" customHeight="1" x14ac:dyDescent="0.15">
      <c r="A81" s="8">
        <v>63</v>
      </c>
      <c r="B81" s="21">
        <v>10</v>
      </c>
      <c r="C81" s="6">
        <v>11</v>
      </c>
      <c r="D81" s="5">
        <v>21</v>
      </c>
    </row>
    <row r="82" spans="1:4" ht="18" customHeight="1" x14ac:dyDescent="0.15">
      <c r="A82" s="8">
        <v>64</v>
      </c>
      <c r="B82" s="21">
        <v>14</v>
      </c>
      <c r="C82" s="6">
        <v>11</v>
      </c>
      <c r="D82" s="5">
        <v>25</v>
      </c>
    </row>
    <row r="83" spans="1:4" ht="18" customHeight="1" x14ac:dyDescent="0.15">
      <c r="A83" s="8" t="s">
        <v>12</v>
      </c>
      <c r="B83" s="21">
        <v>74</v>
      </c>
      <c r="C83" s="6">
        <v>74</v>
      </c>
      <c r="D83" s="5">
        <v>148</v>
      </c>
    </row>
    <row r="84" spans="1:4" ht="18" customHeight="1" x14ac:dyDescent="0.15">
      <c r="A84" s="8" t="s">
        <v>11</v>
      </c>
      <c r="B84" s="21">
        <v>860</v>
      </c>
      <c r="C84" s="6">
        <v>801</v>
      </c>
      <c r="D84" s="5">
        <v>1661</v>
      </c>
    </row>
    <row r="85" spans="1:4" ht="18" customHeight="1" x14ac:dyDescent="0.15">
      <c r="A85" s="8">
        <v>65</v>
      </c>
      <c r="B85" s="21">
        <v>13</v>
      </c>
      <c r="C85" s="6">
        <v>9</v>
      </c>
      <c r="D85" s="5">
        <v>22</v>
      </c>
    </row>
    <row r="86" spans="1:4" ht="18" customHeight="1" x14ac:dyDescent="0.15">
      <c r="A86" s="8">
        <v>66</v>
      </c>
      <c r="B86" s="21">
        <v>11</v>
      </c>
      <c r="C86" s="6">
        <v>15</v>
      </c>
      <c r="D86" s="5">
        <v>26</v>
      </c>
    </row>
    <row r="87" spans="1:4" ht="18" customHeight="1" x14ac:dyDescent="0.15">
      <c r="A87" s="8">
        <v>67</v>
      </c>
      <c r="B87" s="21">
        <v>10</v>
      </c>
      <c r="C87" s="6">
        <v>21</v>
      </c>
      <c r="D87" s="5">
        <v>31</v>
      </c>
    </row>
    <row r="88" spans="1:4" ht="18" customHeight="1" x14ac:dyDescent="0.15">
      <c r="A88" s="8">
        <v>68</v>
      </c>
      <c r="B88" s="21">
        <v>9</v>
      </c>
      <c r="C88" s="6">
        <v>14</v>
      </c>
      <c r="D88" s="5">
        <v>23</v>
      </c>
    </row>
    <row r="89" spans="1:4" ht="18" customHeight="1" x14ac:dyDescent="0.15">
      <c r="A89" s="8">
        <v>69</v>
      </c>
      <c r="B89" s="21">
        <v>9</v>
      </c>
      <c r="C89" s="6">
        <v>12</v>
      </c>
      <c r="D89" s="5">
        <v>21</v>
      </c>
    </row>
    <row r="90" spans="1:4" ht="18" customHeight="1" x14ac:dyDescent="0.15">
      <c r="A90" s="8" t="s">
        <v>10</v>
      </c>
      <c r="B90" s="21">
        <v>52</v>
      </c>
      <c r="C90" s="6">
        <v>71</v>
      </c>
      <c r="D90" s="5">
        <v>123</v>
      </c>
    </row>
    <row r="91" spans="1:4" ht="18" customHeight="1" x14ac:dyDescent="0.15">
      <c r="A91" s="8">
        <v>70</v>
      </c>
      <c r="B91" s="21">
        <v>12</v>
      </c>
      <c r="C91" s="6">
        <v>19</v>
      </c>
      <c r="D91" s="5">
        <v>31</v>
      </c>
    </row>
    <row r="92" spans="1:4" ht="18" customHeight="1" x14ac:dyDescent="0.15">
      <c r="A92" s="8">
        <v>71</v>
      </c>
      <c r="B92" s="21">
        <v>14</v>
      </c>
      <c r="C92" s="6">
        <v>25</v>
      </c>
      <c r="D92" s="5">
        <v>39</v>
      </c>
    </row>
    <row r="93" spans="1:4" ht="18" customHeight="1" x14ac:dyDescent="0.15">
      <c r="A93" s="8">
        <v>72</v>
      </c>
      <c r="B93" s="21">
        <v>16</v>
      </c>
      <c r="C93" s="6">
        <v>16</v>
      </c>
      <c r="D93" s="5">
        <v>32</v>
      </c>
    </row>
    <row r="94" spans="1:4" ht="18" customHeight="1" x14ac:dyDescent="0.15">
      <c r="A94" s="8">
        <v>73</v>
      </c>
      <c r="B94" s="21">
        <v>20</v>
      </c>
      <c r="C94" s="6">
        <v>18</v>
      </c>
      <c r="D94" s="5">
        <v>38</v>
      </c>
    </row>
    <row r="95" spans="1:4" ht="18" customHeight="1" x14ac:dyDescent="0.15">
      <c r="A95" s="8">
        <v>74</v>
      </c>
      <c r="B95" s="21">
        <v>22</v>
      </c>
      <c r="C95" s="6">
        <v>14</v>
      </c>
      <c r="D95" s="5">
        <v>36</v>
      </c>
    </row>
    <row r="96" spans="1:4" ht="18" customHeight="1" x14ac:dyDescent="0.15">
      <c r="A96" s="8" t="s">
        <v>9</v>
      </c>
      <c r="B96" s="21">
        <v>84</v>
      </c>
      <c r="C96" s="6">
        <v>92</v>
      </c>
      <c r="D96" s="5">
        <v>176</v>
      </c>
    </row>
    <row r="97" spans="1:4" ht="18" customHeight="1" x14ac:dyDescent="0.15">
      <c r="A97" s="8">
        <v>75</v>
      </c>
      <c r="B97" s="21">
        <v>9</v>
      </c>
      <c r="C97" s="6">
        <v>25</v>
      </c>
      <c r="D97" s="5">
        <v>34</v>
      </c>
    </row>
    <row r="98" spans="1:4" ht="18" customHeight="1" x14ac:dyDescent="0.15">
      <c r="A98" s="8">
        <v>76</v>
      </c>
      <c r="B98" s="21">
        <v>21</v>
      </c>
      <c r="C98" s="6">
        <v>30</v>
      </c>
      <c r="D98" s="5">
        <v>51</v>
      </c>
    </row>
    <row r="99" spans="1:4" ht="18" customHeight="1" x14ac:dyDescent="0.15">
      <c r="A99" s="8">
        <v>77</v>
      </c>
      <c r="B99" s="21">
        <v>14</v>
      </c>
      <c r="C99" s="6">
        <v>40</v>
      </c>
      <c r="D99" s="5">
        <v>54</v>
      </c>
    </row>
    <row r="100" spans="1:4" ht="18" customHeight="1" x14ac:dyDescent="0.15">
      <c r="A100" s="8">
        <v>78</v>
      </c>
      <c r="B100" s="21">
        <v>19</v>
      </c>
      <c r="C100" s="6">
        <v>34</v>
      </c>
      <c r="D100" s="5">
        <v>53</v>
      </c>
    </row>
    <row r="101" spans="1:4" ht="18" customHeight="1" x14ac:dyDescent="0.15">
      <c r="A101" s="8">
        <v>79</v>
      </c>
      <c r="B101" s="21">
        <v>11</v>
      </c>
      <c r="C101" s="6">
        <v>22</v>
      </c>
      <c r="D101" s="5">
        <v>33</v>
      </c>
    </row>
    <row r="102" spans="1:4" ht="18" customHeight="1" x14ac:dyDescent="0.15">
      <c r="A102" s="8" t="s">
        <v>8</v>
      </c>
      <c r="B102" s="21">
        <v>74</v>
      </c>
      <c r="C102" s="6">
        <v>151</v>
      </c>
      <c r="D102" s="5">
        <v>225</v>
      </c>
    </row>
    <row r="103" spans="1:4" ht="18" customHeight="1" x14ac:dyDescent="0.15">
      <c r="A103" s="8">
        <v>80</v>
      </c>
      <c r="B103" s="21">
        <v>12</v>
      </c>
      <c r="C103" s="6">
        <v>20</v>
      </c>
      <c r="D103" s="5">
        <v>32</v>
      </c>
    </row>
    <row r="104" spans="1:4" ht="18" customHeight="1" x14ac:dyDescent="0.15">
      <c r="A104" s="8">
        <v>81</v>
      </c>
      <c r="B104" s="21">
        <v>19</v>
      </c>
      <c r="C104" s="6">
        <v>31</v>
      </c>
      <c r="D104" s="5">
        <v>50</v>
      </c>
    </row>
    <row r="105" spans="1:4" ht="18" customHeight="1" x14ac:dyDescent="0.15">
      <c r="A105" s="8">
        <v>82</v>
      </c>
      <c r="B105" s="21">
        <v>17</v>
      </c>
      <c r="C105" s="6">
        <v>31</v>
      </c>
      <c r="D105" s="5">
        <v>48</v>
      </c>
    </row>
    <row r="106" spans="1:4" ht="18" customHeight="1" x14ac:dyDescent="0.15">
      <c r="A106" s="8">
        <v>83</v>
      </c>
      <c r="B106" s="21">
        <v>15</v>
      </c>
      <c r="C106" s="6">
        <v>30</v>
      </c>
      <c r="D106" s="5">
        <v>45</v>
      </c>
    </row>
    <row r="107" spans="1:4" ht="18" customHeight="1" x14ac:dyDescent="0.15">
      <c r="A107" s="8">
        <v>84</v>
      </c>
      <c r="B107" s="21">
        <v>22</v>
      </c>
      <c r="C107" s="6">
        <v>27</v>
      </c>
      <c r="D107" s="5">
        <v>49</v>
      </c>
    </row>
    <row r="108" spans="1:4" ht="18" customHeight="1" x14ac:dyDescent="0.15">
      <c r="A108" s="8" t="s">
        <v>7</v>
      </c>
      <c r="B108" s="21">
        <v>85</v>
      </c>
      <c r="C108" s="6">
        <v>139</v>
      </c>
      <c r="D108" s="5">
        <v>224</v>
      </c>
    </row>
    <row r="109" spans="1:4" ht="18" customHeight="1" x14ac:dyDescent="0.15">
      <c r="A109" s="8">
        <v>85</v>
      </c>
      <c r="B109" s="21">
        <v>14</v>
      </c>
      <c r="C109" s="6">
        <v>13</v>
      </c>
      <c r="D109" s="5">
        <v>27</v>
      </c>
    </row>
    <row r="110" spans="1:4" ht="18" customHeight="1" x14ac:dyDescent="0.15">
      <c r="A110" s="8">
        <v>86</v>
      </c>
      <c r="B110" s="21">
        <v>13</v>
      </c>
      <c r="C110" s="6">
        <v>18</v>
      </c>
      <c r="D110" s="5">
        <v>31</v>
      </c>
    </row>
    <row r="111" spans="1:4" ht="18" customHeight="1" x14ac:dyDescent="0.15">
      <c r="A111" s="8">
        <v>87</v>
      </c>
      <c r="B111" s="21">
        <v>10</v>
      </c>
      <c r="C111" s="6">
        <v>11</v>
      </c>
      <c r="D111" s="5">
        <v>21</v>
      </c>
    </row>
    <row r="112" spans="1:4" ht="18" customHeight="1" x14ac:dyDescent="0.15">
      <c r="A112" s="8">
        <v>88</v>
      </c>
      <c r="B112" s="21">
        <v>4</v>
      </c>
      <c r="C112" s="6">
        <v>17</v>
      </c>
      <c r="D112" s="5">
        <v>21</v>
      </c>
    </row>
    <row r="113" spans="1:4" ht="18" customHeight="1" x14ac:dyDescent="0.15">
      <c r="A113" s="8">
        <v>89</v>
      </c>
      <c r="B113" s="21">
        <v>7</v>
      </c>
      <c r="C113" s="6">
        <v>11</v>
      </c>
      <c r="D113" s="5">
        <v>18</v>
      </c>
    </row>
    <row r="114" spans="1:4" ht="18" customHeight="1" x14ac:dyDescent="0.15">
      <c r="A114" s="8" t="s">
        <v>6</v>
      </c>
      <c r="B114" s="21">
        <v>48</v>
      </c>
      <c r="C114" s="6">
        <v>70</v>
      </c>
      <c r="D114" s="5">
        <v>118</v>
      </c>
    </row>
    <row r="115" spans="1:4" ht="18" customHeight="1" x14ac:dyDescent="0.15">
      <c r="A115" s="8">
        <v>90</v>
      </c>
      <c r="B115" s="21">
        <v>5</v>
      </c>
      <c r="C115" s="6">
        <v>7</v>
      </c>
      <c r="D115" s="5">
        <v>12</v>
      </c>
    </row>
    <row r="116" spans="1:4" ht="18" customHeight="1" x14ac:dyDescent="0.15">
      <c r="A116" s="8">
        <v>91</v>
      </c>
      <c r="B116" s="21">
        <v>5</v>
      </c>
      <c r="C116" s="6">
        <v>20</v>
      </c>
      <c r="D116" s="5">
        <v>25</v>
      </c>
    </row>
    <row r="117" spans="1:4" ht="18" customHeight="1" x14ac:dyDescent="0.15">
      <c r="A117" s="8">
        <v>92</v>
      </c>
      <c r="B117" s="21">
        <v>4</v>
      </c>
      <c r="C117" s="6">
        <v>6</v>
      </c>
      <c r="D117" s="5">
        <v>10</v>
      </c>
    </row>
    <row r="118" spans="1:4" ht="18" customHeight="1" x14ac:dyDescent="0.15">
      <c r="A118" s="8">
        <v>93</v>
      </c>
      <c r="B118" s="21">
        <v>1</v>
      </c>
      <c r="C118" s="6">
        <v>5</v>
      </c>
      <c r="D118" s="5">
        <v>6</v>
      </c>
    </row>
    <row r="119" spans="1:4" ht="18" customHeight="1" x14ac:dyDescent="0.15">
      <c r="A119" s="8">
        <v>94</v>
      </c>
      <c r="B119" s="21">
        <v>1</v>
      </c>
      <c r="C119" s="6">
        <v>3</v>
      </c>
      <c r="D119" s="5">
        <v>4</v>
      </c>
    </row>
    <row r="120" spans="1:4" ht="18" customHeight="1" x14ac:dyDescent="0.15">
      <c r="A120" s="8" t="s">
        <v>5</v>
      </c>
      <c r="B120" s="21">
        <v>16</v>
      </c>
      <c r="C120" s="6">
        <v>41</v>
      </c>
      <c r="D120" s="5">
        <v>57</v>
      </c>
    </row>
    <row r="121" spans="1:4" ht="18" customHeight="1" x14ac:dyDescent="0.15">
      <c r="A121" s="8">
        <v>95</v>
      </c>
      <c r="B121" s="21">
        <v>0</v>
      </c>
      <c r="C121" s="6">
        <v>3</v>
      </c>
      <c r="D121" s="5">
        <v>3</v>
      </c>
    </row>
    <row r="122" spans="1:4" ht="18" customHeight="1" x14ac:dyDescent="0.15">
      <c r="A122" s="8">
        <v>96</v>
      </c>
      <c r="B122" s="21">
        <v>1</v>
      </c>
      <c r="C122" s="6">
        <v>4</v>
      </c>
      <c r="D122" s="5">
        <v>5</v>
      </c>
    </row>
    <row r="123" spans="1:4" ht="18" customHeight="1" x14ac:dyDescent="0.15">
      <c r="A123" s="8">
        <v>97</v>
      </c>
      <c r="B123" s="21">
        <v>1</v>
      </c>
      <c r="C123" s="6">
        <v>3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2</v>
      </c>
      <c r="C126" s="6">
        <v>15</v>
      </c>
      <c r="D126" s="5">
        <v>17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361</v>
      </c>
      <c r="C130" s="6">
        <v>581</v>
      </c>
      <c r="D130" s="5">
        <v>942</v>
      </c>
    </row>
    <row r="131" spans="1:4" ht="18" customHeight="1" x14ac:dyDescent="0.15">
      <c r="A131" s="4" t="s">
        <v>0</v>
      </c>
      <c r="B131" s="20">
        <v>1399</v>
      </c>
      <c r="C131" s="2">
        <v>1555</v>
      </c>
      <c r="D131" s="1">
        <v>295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78B2C4-0B10-4295-B146-23718930BD56}">
  <sheetPr codeName="Sheet4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3</v>
      </c>
      <c r="C5" s="11">
        <v>40</v>
      </c>
      <c r="D5" s="10">
        <v>73</v>
      </c>
    </row>
    <row r="6" spans="1:4" ht="18" customHeight="1" x14ac:dyDescent="0.15">
      <c r="A6" s="8">
        <v>1</v>
      </c>
      <c r="B6" s="21">
        <v>34</v>
      </c>
      <c r="C6" s="6">
        <v>37</v>
      </c>
      <c r="D6" s="5">
        <v>71</v>
      </c>
    </row>
    <row r="7" spans="1:4" ht="18" customHeight="1" x14ac:dyDescent="0.15">
      <c r="A7" s="8">
        <v>2</v>
      </c>
      <c r="B7" s="21">
        <v>35</v>
      </c>
      <c r="C7" s="6">
        <v>35</v>
      </c>
      <c r="D7" s="5">
        <v>70</v>
      </c>
    </row>
    <row r="8" spans="1:4" ht="18" customHeight="1" x14ac:dyDescent="0.15">
      <c r="A8" s="8">
        <v>3</v>
      </c>
      <c r="B8" s="21">
        <v>45</v>
      </c>
      <c r="C8" s="6">
        <v>39</v>
      </c>
      <c r="D8" s="5">
        <v>84</v>
      </c>
    </row>
    <row r="9" spans="1:4" ht="18" customHeight="1" x14ac:dyDescent="0.15">
      <c r="A9" s="8">
        <v>4</v>
      </c>
      <c r="B9" s="21">
        <v>32</v>
      </c>
      <c r="C9" s="6">
        <v>29</v>
      </c>
      <c r="D9" s="5">
        <v>61</v>
      </c>
    </row>
    <row r="10" spans="1:4" ht="18" customHeight="1" x14ac:dyDescent="0.15">
      <c r="A10" s="8" t="s">
        <v>25</v>
      </c>
      <c r="B10" s="21">
        <v>179</v>
      </c>
      <c r="C10" s="6">
        <v>180</v>
      </c>
      <c r="D10" s="5">
        <v>359</v>
      </c>
    </row>
    <row r="11" spans="1:4" ht="18" customHeight="1" x14ac:dyDescent="0.15">
      <c r="A11" s="8">
        <v>5</v>
      </c>
      <c r="B11" s="21">
        <v>48</v>
      </c>
      <c r="C11" s="6">
        <v>49</v>
      </c>
      <c r="D11" s="5">
        <v>97</v>
      </c>
    </row>
    <row r="12" spans="1:4" ht="18" customHeight="1" x14ac:dyDescent="0.15">
      <c r="A12" s="8">
        <v>6</v>
      </c>
      <c r="B12" s="21">
        <v>57</v>
      </c>
      <c r="C12" s="6">
        <v>41</v>
      </c>
      <c r="D12" s="5">
        <v>98</v>
      </c>
    </row>
    <row r="13" spans="1:4" ht="18" customHeight="1" x14ac:dyDescent="0.15">
      <c r="A13" s="8">
        <v>7</v>
      </c>
      <c r="B13" s="21">
        <v>44</v>
      </c>
      <c r="C13" s="6">
        <v>41</v>
      </c>
      <c r="D13" s="5">
        <v>85</v>
      </c>
    </row>
    <row r="14" spans="1:4" ht="18" customHeight="1" x14ac:dyDescent="0.15">
      <c r="A14" s="8">
        <v>8</v>
      </c>
      <c r="B14" s="21">
        <v>62</v>
      </c>
      <c r="C14" s="6">
        <v>44</v>
      </c>
      <c r="D14" s="5">
        <v>106</v>
      </c>
    </row>
    <row r="15" spans="1:4" ht="18" customHeight="1" x14ac:dyDescent="0.15">
      <c r="A15" s="8">
        <v>9</v>
      </c>
      <c r="B15" s="21">
        <v>41</v>
      </c>
      <c r="C15" s="6">
        <v>55</v>
      </c>
      <c r="D15" s="5">
        <v>96</v>
      </c>
    </row>
    <row r="16" spans="1:4" ht="18" customHeight="1" x14ac:dyDescent="0.15">
      <c r="A16" s="8" t="s">
        <v>24</v>
      </c>
      <c r="B16" s="21">
        <v>252</v>
      </c>
      <c r="C16" s="6">
        <v>230</v>
      </c>
      <c r="D16" s="5">
        <v>482</v>
      </c>
    </row>
    <row r="17" spans="1:4" ht="18" customHeight="1" x14ac:dyDescent="0.15">
      <c r="A17" s="8">
        <v>10</v>
      </c>
      <c r="B17" s="21">
        <v>47</v>
      </c>
      <c r="C17" s="6">
        <v>44</v>
      </c>
      <c r="D17" s="5">
        <v>91</v>
      </c>
    </row>
    <row r="18" spans="1:4" ht="18" customHeight="1" x14ac:dyDescent="0.15">
      <c r="A18" s="8">
        <v>11</v>
      </c>
      <c r="B18" s="21">
        <v>61</v>
      </c>
      <c r="C18" s="6">
        <v>43</v>
      </c>
      <c r="D18" s="5">
        <v>104</v>
      </c>
    </row>
    <row r="19" spans="1:4" ht="18" customHeight="1" x14ac:dyDescent="0.15">
      <c r="A19" s="8">
        <v>12</v>
      </c>
      <c r="B19" s="21">
        <v>40</v>
      </c>
      <c r="C19" s="6">
        <v>45</v>
      </c>
      <c r="D19" s="5">
        <v>85</v>
      </c>
    </row>
    <row r="20" spans="1:4" ht="18" customHeight="1" x14ac:dyDescent="0.15">
      <c r="A20" s="8">
        <v>13</v>
      </c>
      <c r="B20" s="21">
        <v>53</v>
      </c>
      <c r="C20" s="6">
        <v>48</v>
      </c>
      <c r="D20" s="5">
        <v>101</v>
      </c>
    </row>
    <row r="21" spans="1:4" ht="18" customHeight="1" x14ac:dyDescent="0.15">
      <c r="A21" s="8">
        <v>14</v>
      </c>
      <c r="B21" s="21">
        <v>46</v>
      </c>
      <c r="C21" s="6">
        <v>62</v>
      </c>
      <c r="D21" s="5">
        <v>108</v>
      </c>
    </row>
    <row r="22" spans="1:4" ht="18" customHeight="1" x14ac:dyDescent="0.15">
      <c r="A22" s="8" t="s">
        <v>23</v>
      </c>
      <c r="B22" s="21">
        <v>247</v>
      </c>
      <c r="C22" s="6">
        <v>242</v>
      </c>
      <c r="D22" s="5">
        <v>489</v>
      </c>
    </row>
    <row r="23" spans="1:4" ht="18" customHeight="1" x14ac:dyDescent="0.15">
      <c r="A23" s="8" t="s">
        <v>22</v>
      </c>
      <c r="B23" s="21">
        <v>678</v>
      </c>
      <c r="C23" s="6">
        <v>652</v>
      </c>
      <c r="D23" s="5">
        <v>1330</v>
      </c>
    </row>
    <row r="24" spans="1:4" ht="18" customHeight="1" x14ac:dyDescent="0.15">
      <c r="A24" s="8">
        <v>15</v>
      </c>
      <c r="B24" s="21">
        <v>56</v>
      </c>
      <c r="C24" s="6">
        <v>48</v>
      </c>
      <c r="D24" s="5">
        <v>104</v>
      </c>
    </row>
    <row r="25" spans="1:4" ht="18" customHeight="1" x14ac:dyDescent="0.15">
      <c r="A25" s="8">
        <v>16</v>
      </c>
      <c r="B25" s="21">
        <v>52</v>
      </c>
      <c r="C25" s="6">
        <v>52</v>
      </c>
      <c r="D25" s="5">
        <v>104</v>
      </c>
    </row>
    <row r="26" spans="1:4" ht="18" customHeight="1" x14ac:dyDescent="0.15">
      <c r="A26" s="8">
        <v>17</v>
      </c>
      <c r="B26" s="21">
        <v>51</v>
      </c>
      <c r="C26" s="6">
        <v>46</v>
      </c>
      <c r="D26" s="5">
        <v>97</v>
      </c>
    </row>
    <row r="27" spans="1:4" ht="18" customHeight="1" x14ac:dyDescent="0.15">
      <c r="A27" s="8">
        <v>18</v>
      </c>
      <c r="B27" s="21">
        <v>46</v>
      </c>
      <c r="C27" s="6">
        <v>52</v>
      </c>
      <c r="D27" s="5">
        <v>98</v>
      </c>
    </row>
    <row r="28" spans="1:4" ht="18" customHeight="1" x14ac:dyDescent="0.15">
      <c r="A28" s="8">
        <v>19</v>
      </c>
      <c r="B28" s="21">
        <v>54</v>
      </c>
      <c r="C28" s="6">
        <v>63</v>
      </c>
      <c r="D28" s="5">
        <v>117</v>
      </c>
    </row>
    <row r="29" spans="1:4" ht="18" customHeight="1" x14ac:dyDescent="0.15">
      <c r="A29" s="8" t="s">
        <v>21</v>
      </c>
      <c r="B29" s="21">
        <v>259</v>
      </c>
      <c r="C29" s="6">
        <v>261</v>
      </c>
      <c r="D29" s="5">
        <v>520</v>
      </c>
    </row>
    <row r="30" spans="1:4" ht="18" customHeight="1" x14ac:dyDescent="0.15">
      <c r="A30" s="8">
        <v>20</v>
      </c>
      <c r="B30" s="21">
        <v>56</v>
      </c>
      <c r="C30" s="6">
        <v>39</v>
      </c>
      <c r="D30" s="5">
        <v>95</v>
      </c>
    </row>
    <row r="31" spans="1:4" ht="18" customHeight="1" x14ac:dyDescent="0.15">
      <c r="A31" s="8">
        <v>21</v>
      </c>
      <c r="B31" s="21">
        <v>58</v>
      </c>
      <c r="C31" s="6">
        <v>42</v>
      </c>
      <c r="D31" s="5">
        <v>100</v>
      </c>
    </row>
    <row r="32" spans="1:4" ht="18" customHeight="1" x14ac:dyDescent="0.15">
      <c r="A32" s="8">
        <v>22</v>
      </c>
      <c r="B32" s="21">
        <v>73</v>
      </c>
      <c r="C32" s="6">
        <v>46</v>
      </c>
      <c r="D32" s="5">
        <v>119</v>
      </c>
    </row>
    <row r="33" spans="1:4" ht="18" customHeight="1" x14ac:dyDescent="0.15">
      <c r="A33" s="8">
        <v>23</v>
      </c>
      <c r="B33" s="21">
        <v>55</v>
      </c>
      <c r="C33" s="6">
        <v>50</v>
      </c>
      <c r="D33" s="5">
        <v>105</v>
      </c>
    </row>
    <row r="34" spans="1:4" ht="18" customHeight="1" x14ac:dyDescent="0.15">
      <c r="A34" s="8">
        <v>24</v>
      </c>
      <c r="B34" s="21">
        <v>54</v>
      </c>
      <c r="C34" s="6">
        <v>52</v>
      </c>
      <c r="D34" s="5">
        <v>106</v>
      </c>
    </row>
    <row r="35" spans="1:4" ht="18" customHeight="1" x14ac:dyDescent="0.15">
      <c r="A35" s="8" t="s">
        <v>20</v>
      </c>
      <c r="B35" s="21">
        <v>296</v>
      </c>
      <c r="C35" s="6">
        <v>229</v>
      </c>
      <c r="D35" s="5">
        <v>525</v>
      </c>
    </row>
    <row r="36" spans="1:4" ht="18" customHeight="1" x14ac:dyDescent="0.15">
      <c r="A36" s="8">
        <v>25</v>
      </c>
      <c r="B36" s="21">
        <v>66</v>
      </c>
      <c r="C36" s="6">
        <v>45</v>
      </c>
      <c r="D36" s="5">
        <v>111</v>
      </c>
    </row>
    <row r="37" spans="1:4" ht="18" customHeight="1" x14ac:dyDescent="0.15">
      <c r="A37" s="8">
        <v>26</v>
      </c>
      <c r="B37" s="21">
        <v>60</v>
      </c>
      <c r="C37" s="6">
        <v>41</v>
      </c>
      <c r="D37" s="5">
        <v>101</v>
      </c>
    </row>
    <row r="38" spans="1:4" ht="18" customHeight="1" x14ac:dyDescent="0.15">
      <c r="A38" s="8">
        <v>27</v>
      </c>
      <c r="B38" s="21">
        <v>65</v>
      </c>
      <c r="C38" s="6">
        <v>50</v>
      </c>
      <c r="D38" s="5">
        <v>115</v>
      </c>
    </row>
    <row r="39" spans="1:4" ht="18" customHeight="1" x14ac:dyDescent="0.15">
      <c r="A39" s="8">
        <v>28</v>
      </c>
      <c r="B39" s="21">
        <v>67</v>
      </c>
      <c r="C39" s="6">
        <v>40</v>
      </c>
      <c r="D39" s="5">
        <v>107</v>
      </c>
    </row>
    <row r="40" spans="1:4" ht="18" customHeight="1" x14ac:dyDescent="0.15">
      <c r="A40" s="8">
        <v>29</v>
      </c>
      <c r="B40" s="21">
        <v>61</v>
      </c>
      <c r="C40" s="6">
        <v>48</v>
      </c>
      <c r="D40" s="5">
        <v>109</v>
      </c>
    </row>
    <row r="41" spans="1:4" ht="18" customHeight="1" x14ac:dyDescent="0.15">
      <c r="A41" s="8" t="s">
        <v>19</v>
      </c>
      <c r="B41" s="21">
        <v>319</v>
      </c>
      <c r="C41" s="6">
        <v>224</v>
      </c>
      <c r="D41" s="5">
        <v>543</v>
      </c>
    </row>
    <row r="42" spans="1:4" ht="18" customHeight="1" x14ac:dyDescent="0.15">
      <c r="A42" s="8">
        <v>30</v>
      </c>
      <c r="B42" s="21">
        <v>57</v>
      </c>
      <c r="C42" s="6">
        <v>48</v>
      </c>
      <c r="D42" s="5">
        <v>105</v>
      </c>
    </row>
    <row r="43" spans="1:4" ht="18" customHeight="1" x14ac:dyDescent="0.15">
      <c r="A43" s="8">
        <v>31</v>
      </c>
      <c r="B43" s="21">
        <v>55</v>
      </c>
      <c r="C43" s="6">
        <v>69</v>
      </c>
      <c r="D43" s="5">
        <v>124</v>
      </c>
    </row>
    <row r="44" spans="1:4" ht="18" customHeight="1" x14ac:dyDescent="0.15">
      <c r="A44" s="8">
        <v>32</v>
      </c>
      <c r="B44" s="21">
        <v>57</v>
      </c>
      <c r="C44" s="6">
        <v>44</v>
      </c>
      <c r="D44" s="5">
        <v>101</v>
      </c>
    </row>
    <row r="45" spans="1:4" ht="18" customHeight="1" x14ac:dyDescent="0.15">
      <c r="A45" s="8">
        <v>33</v>
      </c>
      <c r="B45" s="21">
        <v>77</v>
      </c>
      <c r="C45" s="6">
        <v>58</v>
      </c>
      <c r="D45" s="5">
        <v>135</v>
      </c>
    </row>
    <row r="46" spans="1:4" ht="18" customHeight="1" x14ac:dyDescent="0.15">
      <c r="A46" s="8">
        <v>34</v>
      </c>
      <c r="B46" s="21">
        <v>53</v>
      </c>
      <c r="C46" s="6">
        <v>62</v>
      </c>
      <c r="D46" s="5">
        <v>115</v>
      </c>
    </row>
    <row r="47" spans="1:4" ht="18" customHeight="1" x14ac:dyDescent="0.15">
      <c r="A47" s="8" t="s">
        <v>18</v>
      </c>
      <c r="B47" s="21">
        <v>299</v>
      </c>
      <c r="C47" s="6">
        <v>281</v>
      </c>
      <c r="D47" s="5">
        <v>580</v>
      </c>
    </row>
    <row r="48" spans="1:4" ht="18" customHeight="1" x14ac:dyDescent="0.15">
      <c r="A48" s="8">
        <v>35</v>
      </c>
      <c r="B48" s="21">
        <v>60</v>
      </c>
      <c r="C48" s="6">
        <v>47</v>
      </c>
      <c r="D48" s="5">
        <v>107</v>
      </c>
    </row>
    <row r="49" spans="1:4" ht="18" customHeight="1" x14ac:dyDescent="0.15">
      <c r="A49" s="8">
        <v>36</v>
      </c>
      <c r="B49" s="21">
        <v>63</v>
      </c>
      <c r="C49" s="6">
        <v>62</v>
      </c>
      <c r="D49" s="5">
        <v>125</v>
      </c>
    </row>
    <row r="50" spans="1:4" ht="18" customHeight="1" x14ac:dyDescent="0.15">
      <c r="A50" s="8">
        <v>37</v>
      </c>
      <c r="B50" s="21">
        <v>66</v>
      </c>
      <c r="C50" s="6">
        <v>61</v>
      </c>
      <c r="D50" s="5">
        <v>127</v>
      </c>
    </row>
    <row r="51" spans="1:4" ht="18" customHeight="1" x14ac:dyDescent="0.15">
      <c r="A51" s="8">
        <v>38</v>
      </c>
      <c r="B51" s="21">
        <v>75</v>
      </c>
      <c r="C51" s="6">
        <v>68</v>
      </c>
      <c r="D51" s="5">
        <v>143</v>
      </c>
    </row>
    <row r="52" spans="1:4" ht="18" customHeight="1" x14ac:dyDescent="0.15">
      <c r="A52" s="8">
        <v>39</v>
      </c>
      <c r="B52" s="21">
        <v>53</v>
      </c>
      <c r="C52" s="6">
        <v>53</v>
      </c>
      <c r="D52" s="5">
        <v>106</v>
      </c>
    </row>
    <row r="53" spans="1:4" ht="18" customHeight="1" x14ac:dyDescent="0.15">
      <c r="A53" s="8" t="s">
        <v>17</v>
      </c>
      <c r="B53" s="21">
        <v>317</v>
      </c>
      <c r="C53" s="6">
        <v>291</v>
      </c>
      <c r="D53" s="5">
        <v>608</v>
      </c>
    </row>
    <row r="54" spans="1:4" ht="18" customHeight="1" x14ac:dyDescent="0.15">
      <c r="A54" s="8">
        <v>40</v>
      </c>
      <c r="B54" s="21">
        <v>74</v>
      </c>
      <c r="C54" s="6">
        <v>48</v>
      </c>
      <c r="D54" s="5">
        <v>122</v>
      </c>
    </row>
    <row r="55" spans="1:4" ht="18" customHeight="1" x14ac:dyDescent="0.15">
      <c r="A55" s="8">
        <v>41</v>
      </c>
      <c r="B55" s="21">
        <v>64</v>
      </c>
      <c r="C55" s="6">
        <v>54</v>
      </c>
      <c r="D55" s="5">
        <v>118</v>
      </c>
    </row>
    <row r="56" spans="1:4" ht="18" customHeight="1" x14ac:dyDescent="0.15">
      <c r="A56" s="8">
        <v>42</v>
      </c>
      <c r="B56" s="21">
        <v>76</v>
      </c>
      <c r="C56" s="6">
        <v>69</v>
      </c>
      <c r="D56" s="5">
        <v>145</v>
      </c>
    </row>
    <row r="57" spans="1:4" ht="18" customHeight="1" x14ac:dyDescent="0.15">
      <c r="A57" s="8">
        <v>43</v>
      </c>
      <c r="B57" s="21">
        <v>72</v>
      </c>
      <c r="C57" s="6">
        <v>67</v>
      </c>
      <c r="D57" s="5">
        <v>139</v>
      </c>
    </row>
    <row r="58" spans="1:4" ht="18" customHeight="1" x14ac:dyDescent="0.15">
      <c r="A58" s="8">
        <v>44</v>
      </c>
      <c r="B58" s="21">
        <v>85</v>
      </c>
      <c r="C58" s="6">
        <v>68</v>
      </c>
      <c r="D58" s="5">
        <v>153</v>
      </c>
    </row>
    <row r="59" spans="1:4" ht="18" customHeight="1" x14ac:dyDescent="0.15">
      <c r="A59" s="8" t="s">
        <v>16</v>
      </c>
      <c r="B59" s="21">
        <v>371</v>
      </c>
      <c r="C59" s="6">
        <v>306</v>
      </c>
      <c r="D59" s="5">
        <v>677</v>
      </c>
    </row>
    <row r="60" spans="1:4" ht="18" customHeight="1" x14ac:dyDescent="0.15">
      <c r="A60" s="8">
        <v>45</v>
      </c>
      <c r="B60" s="21">
        <v>87</v>
      </c>
      <c r="C60" s="6">
        <v>76</v>
      </c>
      <c r="D60" s="5">
        <v>163</v>
      </c>
    </row>
    <row r="61" spans="1:4" ht="18" customHeight="1" x14ac:dyDescent="0.15">
      <c r="A61" s="8">
        <v>46</v>
      </c>
      <c r="B61" s="21">
        <v>65</v>
      </c>
      <c r="C61" s="6">
        <v>90</v>
      </c>
      <c r="D61" s="5">
        <v>155</v>
      </c>
    </row>
    <row r="62" spans="1:4" ht="18" customHeight="1" x14ac:dyDescent="0.15">
      <c r="A62" s="8">
        <v>47</v>
      </c>
      <c r="B62" s="21">
        <v>86</v>
      </c>
      <c r="C62" s="6">
        <v>71</v>
      </c>
      <c r="D62" s="5">
        <v>157</v>
      </c>
    </row>
    <row r="63" spans="1:4" ht="18" customHeight="1" x14ac:dyDescent="0.15">
      <c r="A63" s="8">
        <v>48</v>
      </c>
      <c r="B63" s="21">
        <v>93</v>
      </c>
      <c r="C63" s="6">
        <v>95</v>
      </c>
      <c r="D63" s="5">
        <v>188</v>
      </c>
    </row>
    <row r="64" spans="1:4" ht="18" customHeight="1" x14ac:dyDescent="0.15">
      <c r="A64" s="8">
        <v>49</v>
      </c>
      <c r="B64" s="21">
        <v>83</v>
      </c>
      <c r="C64" s="6">
        <v>94</v>
      </c>
      <c r="D64" s="5">
        <v>177</v>
      </c>
    </row>
    <row r="65" spans="1:4" ht="18" customHeight="1" x14ac:dyDescent="0.15">
      <c r="A65" s="8" t="s">
        <v>15</v>
      </c>
      <c r="B65" s="21">
        <v>414</v>
      </c>
      <c r="C65" s="6">
        <v>426</v>
      </c>
      <c r="D65" s="5">
        <v>840</v>
      </c>
    </row>
    <row r="66" spans="1:4" ht="18" customHeight="1" x14ac:dyDescent="0.15">
      <c r="A66" s="8">
        <v>50</v>
      </c>
      <c r="B66" s="21">
        <v>84</v>
      </c>
      <c r="C66" s="6">
        <v>85</v>
      </c>
      <c r="D66" s="5">
        <v>169</v>
      </c>
    </row>
    <row r="67" spans="1:4" ht="18" customHeight="1" x14ac:dyDescent="0.15">
      <c r="A67" s="8">
        <v>51</v>
      </c>
      <c r="B67" s="21">
        <v>92</v>
      </c>
      <c r="C67" s="6">
        <v>79</v>
      </c>
      <c r="D67" s="5">
        <v>171</v>
      </c>
    </row>
    <row r="68" spans="1:4" ht="18" customHeight="1" x14ac:dyDescent="0.15">
      <c r="A68" s="8">
        <v>52</v>
      </c>
      <c r="B68" s="21">
        <v>86</v>
      </c>
      <c r="C68" s="6">
        <v>95</v>
      </c>
      <c r="D68" s="5">
        <v>181</v>
      </c>
    </row>
    <row r="69" spans="1:4" ht="18" customHeight="1" x14ac:dyDescent="0.15">
      <c r="A69" s="8">
        <v>53</v>
      </c>
      <c r="B69" s="21">
        <v>109</v>
      </c>
      <c r="C69" s="6">
        <v>95</v>
      </c>
      <c r="D69" s="5">
        <v>204</v>
      </c>
    </row>
    <row r="70" spans="1:4" ht="18" customHeight="1" x14ac:dyDescent="0.15">
      <c r="A70" s="8">
        <v>54</v>
      </c>
      <c r="B70" s="21">
        <v>101</v>
      </c>
      <c r="C70" s="6">
        <v>87</v>
      </c>
      <c r="D70" s="5">
        <v>188</v>
      </c>
    </row>
    <row r="71" spans="1:4" ht="18" customHeight="1" x14ac:dyDescent="0.15">
      <c r="A71" s="8" t="s">
        <v>14</v>
      </c>
      <c r="B71" s="21">
        <v>472</v>
      </c>
      <c r="C71" s="6">
        <v>441</v>
      </c>
      <c r="D71" s="5">
        <v>913</v>
      </c>
    </row>
    <row r="72" spans="1:4" ht="18" customHeight="1" x14ac:dyDescent="0.15">
      <c r="A72" s="8">
        <v>55</v>
      </c>
      <c r="B72" s="21">
        <v>97</v>
      </c>
      <c r="C72" s="6">
        <v>85</v>
      </c>
      <c r="D72" s="5">
        <v>182</v>
      </c>
    </row>
    <row r="73" spans="1:4" ht="18" customHeight="1" x14ac:dyDescent="0.15">
      <c r="A73" s="8">
        <v>56</v>
      </c>
      <c r="B73" s="21">
        <v>68</v>
      </c>
      <c r="C73" s="6">
        <v>82</v>
      </c>
      <c r="D73" s="5">
        <v>150</v>
      </c>
    </row>
    <row r="74" spans="1:4" ht="18" customHeight="1" x14ac:dyDescent="0.15">
      <c r="A74" s="8">
        <v>57</v>
      </c>
      <c r="B74" s="21">
        <v>83</v>
      </c>
      <c r="C74" s="6">
        <v>73</v>
      </c>
      <c r="D74" s="5">
        <v>156</v>
      </c>
    </row>
    <row r="75" spans="1:4" ht="18" customHeight="1" x14ac:dyDescent="0.15">
      <c r="A75" s="8">
        <v>58</v>
      </c>
      <c r="B75" s="21">
        <v>96</v>
      </c>
      <c r="C75" s="6">
        <v>92</v>
      </c>
      <c r="D75" s="5">
        <v>188</v>
      </c>
    </row>
    <row r="76" spans="1:4" ht="18" customHeight="1" x14ac:dyDescent="0.15">
      <c r="A76" s="8">
        <v>59</v>
      </c>
      <c r="B76" s="21">
        <v>63</v>
      </c>
      <c r="C76" s="6">
        <v>63</v>
      </c>
      <c r="D76" s="5">
        <v>126</v>
      </c>
    </row>
    <row r="77" spans="1:4" ht="18" customHeight="1" x14ac:dyDescent="0.15">
      <c r="A77" s="8" t="s">
        <v>13</v>
      </c>
      <c r="B77" s="21">
        <v>407</v>
      </c>
      <c r="C77" s="6">
        <v>395</v>
      </c>
      <c r="D77" s="5">
        <v>802</v>
      </c>
    </row>
    <row r="78" spans="1:4" ht="18" customHeight="1" x14ac:dyDescent="0.15">
      <c r="A78" s="8">
        <v>60</v>
      </c>
      <c r="B78" s="21">
        <v>80</v>
      </c>
      <c r="C78" s="6">
        <v>69</v>
      </c>
      <c r="D78" s="5">
        <v>149</v>
      </c>
    </row>
    <row r="79" spans="1:4" ht="18" customHeight="1" x14ac:dyDescent="0.15">
      <c r="A79" s="8">
        <v>61</v>
      </c>
      <c r="B79" s="21">
        <v>80</v>
      </c>
      <c r="C79" s="6">
        <v>75</v>
      </c>
      <c r="D79" s="5">
        <v>155</v>
      </c>
    </row>
    <row r="80" spans="1:4" ht="18" customHeight="1" x14ac:dyDescent="0.15">
      <c r="A80" s="8">
        <v>62</v>
      </c>
      <c r="B80" s="21">
        <v>64</v>
      </c>
      <c r="C80" s="6">
        <v>85</v>
      </c>
      <c r="D80" s="5">
        <v>149</v>
      </c>
    </row>
    <row r="81" spans="1:4" ht="18" customHeight="1" x14ac:dyDescent="0.15">
      <c r="A81" s="8">
        <v>63</v>
      </c>
      <c r="B81" s="21">
        <v>67</v>
      </c>
      <c r="C81" s="6">
        <v>74</v>
      </c>
      <c r="D81" s="5">
        <v>141</v>
      </c>
    </row>
    <row r="82" spans="1:4" ht="18" customHeight="1" x14ac:dyDescent="0.15">
      <c r="A82" s="8">
        <v>64</v>
      </c>
      <c r="B82" s="21">
        <v>78</v>
      </c>
      <c r="C82" s="6">
        <v>62</v>
      </c>
      <c r="D82" s="5">
        <v>140</v>
      </c>
    </row>
    <row r="83" spans="1:4" ht="18" customHeight="1" x14ac:dyDescent="0.15">
      <c r="A83" s="8" t="s">
        <v>12</v>
      </c>
      <c r="B83" s="21">
        <v>369</v>
      </c>
      <c r="C83" s="6">
        <v>365</v>
      </c>
      <c r="D83" s="5">
        <v>734</v>
      </c>
    </row>
    <row r="84" spans="1:4" ht="18" customHeight="1" x14ac:dyDescent="0.15">
      <c r="A84" s="8" t="s">
        <v>11</v>
      </c>
      <c r="B84" s="21">
        <v>3523</v>
      </c>
      <c r="C84" s="6">
        <v>3219</v>
      </c>
      <c r="D84" s="5">
        <v>6742</v>
      </c>
    </row>
    <row r="85" spans="1:4" ht="18" customHeight="1" x14ac:dyDescent="0.15">
      <c r="A85" s="8">
        <v>65</v>
      </c>
      <c r="B85" s="21">
        <v>58</v>
      </c>
      <c r="C85" s="6">
        <v>70</v>
      </c>
      <c r="D85" s="5">
        <v>128</v>
      </c>
    </row>
    <row r="86" spans="1:4" ht="18" customHeight="1" x14ac:dyDescent="0.15">
      <c r="A86" s="8">
        <v>66</v>
      </c>
      <c r="B86" s="21">
        <v>80</v>
      </c>
      <c r="C86" s="6">
        <v>90</v>
      </c>
      <c r="D86" s="5">
        <v>170</v>
      </c>
    </row>
    <row r="87" spans="1:4" ht="18" customHeight="1" x14ac:dyDescent="0.15">
      <c r="A87" s="8">
        <v>67</v>
      </c>
      <c r="B87" s="21">
        <v>76</v>
      </c>
      <c r="C87" s="6">
        <v>81</v>
      </c>
      <c r="D87" s="5">
        <v>157</v>
      </c>
    </row>
    <row r="88" spans="1:4" ht="18" customHeight="1" x14ac:dyDescent="0.15">
      <c r="A88" s="8">
        <v>68</v>
      </c>
      <c r="B88" s="21">
        <v>60</v>
      </c>
      <c r="C88" s="6">
        <v>73</v>
      </c>
      <c r="D88" s="5">
        <v>133</v>
      </c>
    </row>
    <row r="89" spans="1:4" ht="18" customHeight="1" x14ac:dyDescent="0.15">
      <c r="A89" s="8">
        <v>69</v>
      </c>
      <c r="B89" s="21">
        <v>67</v>
      </c>
      <c r="C89" s="6">
        <v>80</v>
      </c>
      <c r="D89" s="5">
        <v>147</v>
      </c>
    </row>
    <row r="90" spans="1:4" ht="18" customHeight="1" x14ac:dyDescent="0.15">
      <c r="A90" s="8" t="s">
        <v>10</v>
      </c>
      <c r="B90" s="21">
        <v>341</v>
      </c>
      <c r="C90" s="6">
        <v>394</v>
      </c>
      <c r="D90" s="5">
        <v>735</v>
      </c>
    </row>
    <row r="91" spans="1:4" ht="18" customHeight="1" x14ac:dyDescent="0.15">
      <c r="A91" s="8">
        <v>70</v>
      </c>
      <c r="B91" s="21">
        <v>75</v>
      </c>
      <c r="C91" s="6">
        <v>86</v>
      </c>
      <c r="D91" s="5">
        <v>161</v>
      </c>
    </row>
    <row r="92" spans="1:4" ht="18" customHeight="1" x14ac:dyDescent="0.15">
      <c r="A92" s="8">
        <v>71</v>
      </c>
      <c r="B92" s="21">
        <v>66</v>
      </c>
      <c r="C92" s="6">
        <v>81</v>
      </c>
      <c r="D92" s="5">
        <v>147</v>
      </c>
    </row>
    <row r="93" spans="1:4" ht="18" customHeight="1" x14ac:dyDescent="0.15">
      <c r="A93" s="8">
        <v>72</v>
      </c>
      <c r="B93" s="21">
        <v>87</v>
      </c>
      <c r="C93" s="6">
        <v>98</v>
      </c>
      <c r="D93" s="5">
        <v>185</v>
      </c>
    </row>
    <row r="94" spans="1:4" ht="18" customHeight="1" x14ac:dyDescent="0.15">
      <c r="A94" s="8">
        <v>73</v>
      </c>
      <c r="B94" s="21">
        <v>82</v>
      </c>
      <c r="C94" s="6">
        <v>78</v>
      </c>
      <c r="D94" s="5">
        <v>160</v>
      </c>
    </row>
    <row r="95" spans="1:4" ht="18" customHeight="1" x14ac:dyDescent="0.15">
      <c r="A95" s="8">
        <v>74</v>
      </c>
      <c r="B95" s="21">
        <v>72</v>
      </c>
      <c r="C95" s="6">
        <v>102</v>
      </c>
      <c r="D95" s="5">
        <v>174</v>
      </c>
    </row>
    <row r="96" spans="1:4" ht="18" customHeight="1" x14ac:dyDescent="0.15">
      <c r="A96" s="8" t="s">
        <v>9</v>
      </c>
      <c r="B96" s="21">
        <v>382</v>
      </c>
      <c r="C96" s="6">
        <v>445</v>
      </c>
      <c r="D96" s="5">
        <v>827</v>
      </c>
    </row>
    <row r="97" spans="1:4" ht="18" customHeight="1" x14ac:dyDescent="0.15">
      <c r="A97" s="8">
        <v>75</v>
      </c>
      <c r="B97" s="21">
        <v>87</v>
      </c>
      <c r="C97" s="6">
        <v>97</v>
      </c>
      <c r="D97" s="5">
        <v>184</v>
      </c>
    </row>
    <row r="98" spans="1:4" ht="18" customHeight="1" x14ac:dyDescent="0.15">
      <c r="A98" s="8">
        <v>76</v>
      </c>
      <c r="B98" s="21">
        <v>88</v>
      </c>
      <c r="C98" s="6">
        <v>100</v>
      </c>
      <c r="D98" s="5">
        <v>188</v>
      </c>
    </row>
    <row r="99" spans="1:4" ht="18" customHeight="1" x14ac:dyDescent="0.15">
      <c r="A99" s="8">
        <v>77</v>
      </c>
      <c r="B99" s="21">
        <v>100</v>
      </c>
      <c r="C99" s="6">
        <v>115</v>
      </c>
      <c r="D99" s="5">
        <v>215</v>
      </c>
    </row>
    <row r="100" spans="1:4" ht="18" customHeight="1" x14ac:dyDescent="0.15">
      <c r="A100" s="8">
        <v>78</v>
      </c>
      <c r="B100" s="21">
        <v>107</v>
      </c>
      <c r="C100" s="6">
        <v>102</v>
      </c>
      <c r="D100" s="5">
        <v>209</v>
      </c>
    </row>
    <row r="101" spans="1:4" ht="18" customHeight="1" x14ac:dyDescent="0.15">
      <c r="A101" s="8">
        <v>79</v>
      </c>
      <c r="B101" s="21">
        <v>52</v>
      </c>
      <c r="C101" s="6">
        <v>65</v>
      </c>
      <c r="D101" s="5">
        <v>117</v>
      </c>
    </row>
    <row r="102" spans="1:4" ht="18" customHeight="1" x14ac:dyDescent="0.15">
      <c r="A102" s="8" t="s">
        <v>8</v>
      </c>
      <c r="B102" s="21">
        <v>434</v>
      </c>
      <c r="C102" s="6">
        <v>479</v>
      </c>
      <c r="D102" s="5">
        <v>913</v>
      </c>
    </row>
    <row r="103" spans="1:4" ht="18" customHeight="1" x14ac:dyDescent="0.15">
      <c r="A103" s="8">
        <v>80</v>
      </c>
      <c r="B103" s="21">
        <v>50</v>
      </c>
      <c r="C103" s="6">
        <v>74</v>
      </c>
      <c r="D103" s="5">
        <v>124</v>
      </c>
    </row>
    <row r="104" spans="1:4" ht="18" customHeight="1" x14ac:dyDescent="0.15">
      <c r="A104" s="8">
        <v>81</v>
      </c>
      <c r="B104" s="21">
        <v>66</v>
      </c>
      <c r="C104" s="6">
        <v>103</v>
      </c>
      <c r="D104" s="5">
        <v>169</v>
      </c>
    </row>
    <row r="105" spans="1:4" ht="18" customHeight="1" x14ac:dyDescent="0.15">
      <c r="A105" s="8">
        <v>82</v>
      </c>
      <c r="B105" s="21">
        <v>64</v>
      </c>
      <c r="C105" s="6">
        <v>87</v>
      </c>
      <c r="D105" s="5">
        <v>151</v>
      </c>
    </row>
    <row r="106" spans="1:4" ht="18" customHeight="1" x14ac:dyDescent="0.15">
      <c r="A106" s="8">
        <v>83</v>
      </c>
      <c r="B106" s="21">
        <v>44</v>
      </c>
      <c r="C106" s="6">
        <v>79</v>
      </c>
      <c r="D106" s="5">
        <v>123</v>
      </c>
    </row>
    <row r="107" spans="1:4" ht="18" customHeight="1" x14ac:dyDescent="0.15">
      <c r="A107" s="8">
        <v>84</v>
      </c>
      <c r="B107" s="21">
        <v>57</v>
      </c>
      <c r="C107" s="6">
        <v>89</v>
      </c>
      <c r="D107" s="5">
        <v>146</v>
      </c>
    </row>
    <row r="108" spans="1:4" ht="18" customHeight="1" x14ac:dyDescent="0.15">
      <c r="A108" s="8" t="s">
        <v>7</v>
      </c>
      <c r="B108" s="21">
        <v>281</v>
      </c>
      <c r="C108" s="6">
        <v>432</v>
      </c>
      <c r="D108" s="5">
        <v>713</v>
      </c>
    </row>
    <row r="109" spans="1:4" ht="18" customHeight="1" x14ac:dyDescent="0.15">
      <c r="A109" s="8">
        <v>85</v>
      </c>
      <c r="B109" s="21">
        <v>58</v>
      </c>
      <c r="C109" s="6">
        <v>70</v>
      </c>
      <c r="D109" s="5">
        <v>128</v>
      </c>
    </row>
    <row r="110" spans="1:4" ht="18" customHeight="1" x14ac:dyDescent="0.15">
      <c r="A110" s="8">
        <v>86</v>
      </c>
      <c r="B110" s="21">
        <v>28</v>
      </c>
      <c r="C110" s="6">
        <v>53</v>
      </c>
      <c r="D110" s="5">
        <v>81</v>
      </c>
    </row>
    <row r="111" spans="1:4" ht="18" customHeight="1" x14ac:dyDescent="0.15">
      <c r="A111" s="8">
        <v>87</v>
      </c>
      <c r="B111" s="21">
        <v>30</v>
      </c>
      <c r="C111" s="6">
        <v>41</v>
      </c>
      <c r="D111" s="5">
        <v>71</v>
      </c>
    </row>
    <row r="112" spans="1:4" ht="18" customHeight="1" x14ac:dyDescent="0.15">
      <c r="A112" s="8">
        <v>88</v>
      </c>
      <c r="B112" s="21">
        <v>21</v>
      </c>
      <c r="C112" s="6">
        <v>49</v>
      </c>
      <c r="D112" s="5">
        <v>70</v>
      </c>
    </row>
    <row r="113" spans="1:4" ht="18" customHeight="1" x14ac:dyDescent="0.15">
      <c r="A113" s="8">
        <v>89</v>
      </c>
      <c r="B113" s="21">
        <v>26</v>
      </c>
      <c r="C113" s="6">
        <v>61</v>
      </c>
      <c r="D113" s="5">
        <v>87</v>
      </c>
    </row>
    <row r="114" spans="1:4" ht="18" customHeight="1" x14ac:dyDescent="0.15">
      <c r="A114" s="8" t="s">
        <v>6</v>
      </c>
      <c r="B114" s="21">
        <v>163</v>
      </c>
      <c r="C114" s="6">
        <v>274</v>
      </c>
      <c r="D114" s="5">
        <v>437</v>
      </c>
    </row>
    <row r="115" spans="1:4" ht="18" customHeight="1" x14ac:dyDescent="0.15">
      <c r="A115" s="8">
        <v>90</v>
      </c>
      <c r="B115" s="21">
        <v>25</v>
      </c>
      <c r="C115" s="6">
        <v>41</v>
      </c>
      <c r="D115" s="5">
        <v>66</v>
      </c>
    </row>
    <row r="116" spans="1:4" ht="18" customHeight="1" x14ac:dyDescent="0.15">
      <c r="A116" s="8">
        <v>91</v>
      </c>
      <c r="B116" s="21">
        <v>15</v>
      </c>
      <c r="C116" s="6">
        <v>31</v>
      </c>
      <c r="D116" s="5">
        <v>46</v>
      </c>
    </row>
    <row r="117" spans="1:4" ht="18" customHeight="1" x14ac:dyDescent="0.15">
      <c r="A117" s="8">
        <v>92</v>
      </c>
      <c r="B117" s="21">
        <v>14</v>
      </c>
      <c r="C117" s="6">
        <v>49</v>
      </c>
      <c r="D117" s="5">
        <v>63</v>
      </c>
    </row>
    <row r="118" spans="1:4" ht="18" customHeight="1" x14ac:dyDescent="0.15">
      <c r="A118" s="8">
        <v>93</v>
      </c>
      <c r="B118" s="21">
        <v>7</v>
      </c>
      <c r="C118" s="6">
        <v>36</v>
      </c>
      <c r="D118" s="5">
        <v>43</v>
      </c>
    </row>
    <row r="119" spans="1:4" ht="18" customHeight="1" x14ac:dyDescent="0.15">
      <c r="A119" s="8">
        <v>94</v>
      </c>
      <c r="B119" s="21">
        <v>10</v>
      </c>
      <c r="C119" s="6">
        <v>38</v>
      </c>
      <c r="D119" s="5">
        <v>48</v>
      </c>
    </row>
    <row r="120" spans="1:4" ht="18" customHeight="1" x14ac:dyDescent="0.15">
      <c r="A120" s="8" t="s">
        <v>5</v>
      </c>
      <c r="B120" s="21">
        <v>71</v>
      </c>
      <c r="C120" s="6">
        <v>195</v>
      </c>
      <c r="D120" s="5">
        <v>266</v>
      </c>
    </row>
    <row r="121" spans="1:4" ht="18" customHeight="1" x14ac:dyDescent="0.15">
      <c r="A121" s="8">
        <v>95</v>
      </c>
      <c r="B121" s="21">
        <v>6</v>
      </c>
      <c r="C121" s="6">
        <v>14</v>
      </c>
      <c r="D121" s="5">
        <v>20</v>
      </c>
    </row>
    <row r="122" spans="1:4" ht="18" customHeight="1" x14ac:dyDescent="0.15">
      <c r="A122" s="8">
        <v>96</v>
      </c>
      <c r="B122" s="21">
        <v>2</v>
      </c>
      <c r="C122" s="6">
        <v>22</v>
      </c>
      <c r="D122" s="5">
        <v>24</v>
      </c>
    </row>
    <row r="123" spans="1:4" ht="18" customHeight="1" x14ac:dyDescent="0.15">
      <c r="A123" s="8">
        <v>97</v>
      </c>
      <c r="B123" s="21">
        <v>6</v>
      </c>
      <c r="C123" s="6">
        <v>7</v>
      </c>
      <c r="D123" s="5">
        <v>13</v>
      </c>
    </row>
    <row r="124" spans="1:4" ht="18" customHeight="1" x14ac:dyDescent="0.15">
      <c r="A124" s="8">
        <v>98</v>
      </c>
      <c r="B124" s="21">
        <v>0</v>
      </c>
      <c r="C124" s="6">
        <v>7</v>
      </c>
      <c r="D124" s="5">
        <v>7</v>
      </c>
    </row>
    <row r="125" spans="1:4" ht="18" customHeight="1" x14ac:dyDescent="0.15">
      <c r="A125" s="8">
        <v>99</v>
      </c>
      <c r="B125" s="21">
        <v>4</v>
      </c>
      <c r="C125" s="6">
        <v>7</v>
      </c>
      <c r="D125" s="5">
        <v>11</v>
      </c>
    </row>
    <row r="126" spans="1:4" ht="18" customHeight="1" x14ac:dyDescent="0.15">
      <c r="A126" s="8" t="s">
        <v>4</v>
      </c>
      <c r="B126" s="21">
        <v>18</v>
      </c>
      <c r="C126" s="6">
        <v>57</v>
      </c>
      <c r="D126" s="5">
        <v>75</v>
      </c>
    </row>
    <row r="127" spans="1:4" ht="18" customHeight="1" x14ac:dyDescent="0.15">
      <c r="A127" s="8">
        <v>100</v>
      </c>
      <c r="B127" s="21">
        <v>1</v>
      </c>
      <c r="C127" s="6">
        <v>4</v>
      </c>
      <c r="D127" s="5">
        <v>5</v>
      </c>
    </row>
    <row r="128" spans="1:4" ht="18" customHeight="1" x14ac:dyDescent="0.15">
      <c r="A128" s="9" t="s">
        <v>3</v>
      </c>
      <c r="B128" s="21">
        <v>1</v>
      </c>
      <c r="C128" s="6">
        <v>8</v>
      </c>
      <c r="D128" s="5">
        <v>9</v>
      </c>
    </row>
    <row r="129" spans="1:4" ht="18" customHeight="1" x14ac:dyDescent="0.15">
      <c r="A129" s="8" t="s">
        <v>2</v>
      </c>
      <c r="B129" s="21">
        <v>2</v>
      </c>
      <c r="C129" s="6">
        <v>12</v>
      </c>
      <c r="D129" s="5">
        <v>14</v>
      </c>
    </row>
    <row r="130" spans="1:4" ht="18" customHeight="1" x14ac:dyDescent="0.15">
      <c r="A130" s="8" t="s">
        <v>1</v>
      </c>
      <c r="B130" s="21">
        <v>1692</v>
      </c>
      <c r="C130" s="6">
        <v>2288</v>
      </c>
      <c r="D130" s="5">
        <v>3980</v>
      </c>
    </row>
    <row r="131" spans="1:4" ht="18" customHeight="1" x14ac:dyDescent="0.15">
      <c r="A131" s="4" t="s">
        <v>0</v>
      </c>
      <c r="B131" s="20">
        <v>5893</v>
      </c>
      <c r="C131" s="2">
        <v>6159</v>
      </c>
      <c r="D131" s="1">
        <v>1205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C55871-6195-4572-972A-0C026B36DBE8}">
  <sheetPr codeName="Sheet1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</v>
      </c>
      <c r="C5" s="11">
        <v>9</v>
      </c>
      <c r="D5" s="10">
        <v>13</v>
      </c>
    </row>
    <row r="6" spans="1:4" ht="18" customHeight="1" x14ac:dyDescent="0.15">
      <c r="A6" s="8">
        <v>1</v>
      </c>
      <c r="B6" s="21">
        <v>7</v>
      </c>
      <c r="C6" s="6">
        <v>12</v>
      </c>
      <c r="D6" s="5">
        <v>19</v>
      </c>
    </row>
    <row r="7" spans="1:4" ht="18" customHeight="1" x14ac:dyDescent="0.15">
      <c r="A7" s="8">
        <v>2</v>
      </c>
      <c r="B7" s="21">
        <v>9</v>
      </c>
      <c r="C7" s="6">
        <v>8</v>
      </c>
      <c r="D7" s="5">
        <v>17</v>
      </c>
    </row>
    <row r="8" spans="1:4" ht="18" customHeight="1" x14ac:dyDescent="0.15">
      <c r="A8" s="8">
        <v>3</v>
      </c>
      <c r="B8" s="21">
        <v>9</v>
      </c>
      <c r="C8" s="6">
        <v>9</v>
      </c>
      <c r="D8" s="5">
        <v>18</v>
      </c>
    </row>
    <row r="9" spans="1:4" ht="18" customHeight="1" x14ac:dyDescent="0.15">
      <c r="A9" s="8">
        <v>4</v>
      </c>
      <c r="B9" s="21">
        <v>11</v>
      </c>
      <c r="C9" s="6">
        <v>12</v>
      </c>
      <c r="D9" s="5">
        <v>23</v>
      </c>
    </row>
    <row r="10" spans="1:4" ht="18" customHeight="1" x14ac:dyDescent="0.15">
      <c r="A10" s="8" t="s">
        <v>25</v>
      </c>
      <c r="B10" s="21">
        <v>40</v>
      </c>
      <c r="C10" s="6">
        <v>50</v>
      </c>
      <c r="D10" s="5">
        <v>90</v>
      </c>
    </row>
    <row r="11" spans="1:4" ht="18" customHeight="1" x14ac:dyDescent="0.15">
      <c r="A11" s="8">
        <v>5</v>
      </c>
      <c r="B11" s="21">
        <v>13</v>
      </c>
      <c r="C11" s="6">
        <v>9</v>
      </c>
      <c r="D11" s="5">
        <v>22</v>
      </c>
    </row>
    <row r="12" spans="1:4" ht="18" customHeight="1" x14ac:dyDescent="0.15">
      <c r="A12" s="8">
        <v>6</v>
      </c>
      <c r="B12" s="21">
        <v>7</v>
      </c>
      <c r="C12" s="6">
        <v>6</v>
      </c>
      <c r="D12" s="5">
        <v>13</v>
      </c>
    </row>
    <row r="13" spans="1:4" ht="18" customHeight="1" x14ac:dyDescent="0.15">
      <c r="A13" s="8">
        <v>7</v>
      </c>
      <c r="B13" s="21">
        <v>8</v>
      </c>
      <c r="C13" s="6">
        <v>14</v>
      </c>
      <c r="D13" s="5">
        <v>22</v>
      </c>
    </row>
    <row r="14" spans="1:4" ht="18" customHeight="1" x14ac:dyDescent="0.15">
      <c r="A14" s="8">
        <v>8</v>
      </c>
      <c r="B14" s="21">
        <v>7</v>
      </c>
      <c r="C14" s="6">
        <v>13</v>
      </c>
      <c r="D14" s="5">
        <v>20</v>
      </c>
    </row>
    <row r="15" spans="1:4" ht="18" customHeight="1" x14ac:dyDescent="0.15">
      <c r="A15" s="8">
        <v>9</v>
      </c>
      <c r="B15" s="21">
        <v>18</v>
      </c>
      <c r="C15" s="6">
        <v>6</v>
      </c>
      <c r="D15" s="5">
        <v>24</v>
      </c>
    </row>
    <row r="16" spans="1:4" ht="18" customHeight="1" x14ac:dyDescent="0.15">
      <c r="A16" s="8" t="s">
        <v>24</v>
      </c>
      <c r="B16" s="21">
        <v>53</v>
      </c>
      <c r="C16" s="6">
        <v>48</v>
      </c>
      <c r="D16" s="5">
        <v>101</v>
      </c>
    </row>
    <row r="17" spans="1:4" ht="18" customHeight="1" x14ac:dyDescent="0.15">
      <c r="A17" s="8">
        <v>10</v>
      </c>
      <c r="B17" s="21">
        <v>11</v>
      </c>
      <c r="C17" s="6">
        <v>16</v>
      </c>
      <c r="D17" s="5">
        <v>27</v>
      </c>
    </row>
    <row r="18" spans="1:4" ht="18" customHeight="1" x14ac:dyDescent="0.15">
      <c r="A18" s="8">
        <v>11</v>
      </c>
      <c r="B18" s="21">
        <v>9</v>
      </c>
      <c r="C18" s="6">
        <v>9</v>
      </c>
      <c r="D18" s="5">
        <v>18</v>
      </c>
    </row>
    <row r="19" spans="1:4" ht="18" customHeight="1" x14ac:dyDescent="0.15">
      <c r="A19" s="8">
        <v>12</v>
      </c>
      <c r="B19" s="21">
        <v>16</v>
      </c>
      <c r="C19" s="6">
        <v>19</v>
      </c>
      <c r="D19" s="5">
        <v>35</v>
      </c>
    </row>
    <row r="20" spans="1:4" ht="18" customHeight="1" x14ac:dyDescent="0.15">
      <c r="A20" s="8">
        <v>13</v>
      </c>
      <c r="B20" s="21">
        <v>10</v>
      </c>
      <c r="C20" s="6">
        <v>11</v>
      </c>
      <c r="D20" s="5">
        <v>21</v>
      </c>
    </row>
    <row r="21" spans="1:4" ht="18" customHeight="1" x14ac:dyDescent="0.15">
      <c r="A21" s="8">
        <v>14</v>
      </c>
      <c r="B21" s="21">
        <v>18</v>
      </c>
      <c r="C21" s="6">
        <v>9</v>
      </c>
      <c r="D21" s="5">
        <v>27</v>
      </c>
    </row>
    <row r="22" spans="1:4" ht="18" customHeight="1" x14ac:dyDescent="0.15">
      <c r="A22" s="8" t="s">
        <v>23</v>
      </c>
      <c r="B22" s="21">
        <v>64</v>
      </c>
      <c r="C22" s="6">
        <v>64</v>
      </c>
      <c r="D22" s="5">
        <v>128</v>
      </c>
    </row>
    <row r="23" spans="1:4" ht="18" customHeight="1" x14ac:dyDescent="0.15">
      <c r="A23" s="8" t="s">
        <v>22</v>
      </c>
      <c r="B23" s="21">
        <v>157</v>
      </c>
      <c r="C23" s="6">
        <v>162</v>
      </c>
      <c r="D23" s="5">
        <v>319</v>
      </c>
    </row>
    <row r="24" spans="1:4" ht="18" customHeight="1" x14ac:dyDescent="0.15">
      <c r="A24" s="8">
        <v>15</v>
      </c>
      <c r="B24" s="21">
        <v>15</v>
      </c>
      <c r="C24" s="6">
        <v>14</v>
      </c>
      <c r="D24" s="5">
        <v>29</v>
      </c>
    </row>
    <row r="25" spans="1:4" ht="18" customHeight="1" x14ac:dyDescent="0.15">
      <c r="A25" s="8">
        <v>16</v>
      </c>
      <c r="B25" s="21">
        <v>8</v>
      </c>
      <c r="C25" s="6">
        <v>10</v>
      </c>
      <c r="D25" s="5">
        <v>18</v>
      </c>
    </row>
    <row r="26" spans="1:4" ht="18" customHeight="1" x14ac:dyDescent="0.15">
      <c r="A26" s="8">
        <v>17</v>
      </c>
      <c r="B26" s="21">
        <v>15</v>
      </c>
      <c r="C26" s="6">
        <v>21</v>
      </c>
      <c r="D26" s="5">
        <v>36</v>
      </c>
    </row>
    <row r="27" spans="1:4" ht="18" customHeight="1" x14ac:dyDescent="0.15">
      <c r="A27" s="8">
        <v>18</v>
      </c>
      <c r="B27" s="21">
        <v>24</v>
      </c>
      <c r="C27" s="6">
        <v>18</v>
      </c>
      <c r="D27" s="5">
        <v>42</v>
      </c>
    </row>
    <row r="28" spans="1:4" ht="18" customHeight="1" x14ac:dyDescent="0.15">
      <c r="A28" s="8">
        <v>19</v>
      </c>
      <c r="B28" s="21">
        <v>25</v>
      </c>
      <c r="C28" s="6">
        <v>24</v>
      </c>
      <c r="D28" s="5">
        <v>49</v>
      </c>
    </row>
    <row r="29" spans="1:4" ht="18" customHeight="1" x14ac:dyDescent="0.15">
      <c r="A29" s="8" t="s">
        <v>21</v>
      </c>
      <c r="B29" s="21">
        <v>87</v>
      </c>
      <c r="C29" s="6">
        <v>87</v>
      </c>
      <c r="D29" s="5">
        <v>174</v>
      </c>
    </row>
    <row r="30" spans="1:4" ht="18" customHeight="1" x14ac:dyDescent="0.15">
      <c r="A30" s="8">
        <v>20</v>
      </c>
      <c r="B30" s="21">
        <v>15</v>
      </c>
      <c r="C30" s="6">
        <v>13</v>
      </c>
      <c r="D30" s="5">
        <v>28</v>
      </c>
    </row>
    <row r="31" spans="1:4" ht="18" customHeight="1" x14ac:dyDescent="0.15">
      <c r="A31" s="8">
        <v>21</v>
      </c>
      <c r="B31" s="21">
        <v>10</v>
      </c>
      <c r="C31" s="6">
        <v>14</v>
      </c>
      <c r="D31" s="5">
        <v>24</v>
      </c>
    </row>
    <row r="32" spans="1:4" ht="18" customHeight="1" x14ac:dyDescent="0.15">
      <c r="A32" s="8">
        <v>22</v>
      </c>
      <c r="B32" s="21">
        <v>10</v>
      </c>
      <c r="C32" s="6">
        <v>14</v>
      </c>
      <c r="D32" s="5">
        <v>24</v>
      </c>
    </row>
    <row r="33" spans="1:4" ht="18" customHeight="1" x14ac:dyDescent="0.15">
      <c r="A33" s="8">
        <v>23</v>
      </c>
      <c r="B33" s="21">
        <v>14</v>
      </c>
      <c r="C33" s="6">
        <v>11</v>
      </c>
      <c r="D33" s="5">
        <v>25</v>
      </c>
    </row>
    <row r="34" spans="1:4" ht="18" customHeight="1" x14ac:dyDescent="0.15">
      <c r="A34" s="8">
        <v>24</v>
      </c>
      <c r="B34" s="21">
        <v>13</v>
      </c>
      <c r="C34" s="6">
        <v>10</v>
      </c>
      <c r="D34" s="5">
        <v>23</v>
      </c>
    </row>
    <row r="35" spans="1:4" ht="18" customHeight="1" x14ac:dyDescent="0.15">
      <c r="A35" s="8" t="s">
        <v>20</v>
      </c>
      <c r="B35" s="21">
        <v>62</v>
      </c>
      <c r="C35" s="6">
        <v>62</v>
      </c>
      <c r="D35" s="5">
        <v>124</v>
      </c>
    </row>
    <row r="36" spans="1:4" ht="18" customHeight="1" x14ac:dyDescent="0.15">
      <c r="A36" s="8">
        <v>25</v>
      </c>
      <c r="B36" s="21">
        <v>11</v>
      </c>
      <c r="C36" s="6">
        <v>8</v>
      </c>
      <c r="D36" s="5">
        <v>19</v>
      </c>
    </row>
    <row r="37" spans="1:4" ht="18" customHeight="1" x14ac:dyDescent="0.15">
      <c r="A37" s="8">
        <v>26</v>
      </c>
      <c r="B37" s="21">
        <v>16</v>
      </c>
      <c r="C37" s="6">
        <v>12</v>
      </c>
      <c r="D37" s="5">
        <v>28</v>
      </c>
    </row>
    <row r="38" spans="1:4" ht="18" customHeight="1" x14ac:dyDescent="0.15">
      <c r="A38" s="8">
        <v>27</v>
      </c>
      <c r="B38" s="21">
        <v>16</v>
      </c>
      <c r="C38" s="6">
        <v>9</v>
      </c>
      <c r="D38" s="5">
        <v>25</v>
      </c>
    </row>
    <row r="39" spans="1:4" ht="18" customHeight="1" x14ac:dyDescent="0.15">
      <c r="A39" s="8">
        <v>28</v>
      </c>
      <c r="B39" s="21">
        <v>12</v>
      </c>
      <c r="C39" s="6">
        <v>5</v>
      </c>
      <c r="D39" s="5">
        <v>17</v>
      </c>
    </row>
    <row r="40" spans="1:4" ht="18" customHeight="1" x14ac:dyDescent="0.15">
      <c r="A40" s="8">
        <v>29</v>
      </c>
      <c r="B40" s="21">
        <v>8</v>
      </c>
      <c r="C40" s="6">
        <v>12</v>
      </c>
      <c r="D40" s="5">
        <v>20</v>
      </c>
    </row>
    <row r="41" spans="1:4" ht="18" customHeight="1" x14ac:dyDescent="0.15">
      <c r="A41" s="8" t="s">
        <v>19</v>
      </c>
      <c r="B41" s="21">
        <v>63</v>
      </c>
      <c r="C41" s="6">
        <v>46</v>
      </c>
      <c r="D41" s="5">
        <v>109</v>
      </c>
    </row>
    <row r="42" spans="1:4" ht="18" customHeight="1" x14ac:dyDescent="0.15">
      <c r="A42" s="8">
        <v>30</v>
      </c>
      <c r="B42" s="21">
        <v>6</v>
      </c>
      <c r="C42" s="6">
        <v>5</v>
      </c>
      <c r="D42" s="5">
        <v>11</v>
      </c>
    </row>
    <row r="43" spans="1:4" ht="18" customHeight="1" x14ac:dyDescent="0.15">
      <c r="A43" s="8">
        <v>31</v>
      </c>
      <c r="B43" s="21">
        <v>15</v>
      </c>
      <c r="C43" s="6">
        <v>13</v>
      </c>
      <c r="D43" s="5">
        <v>28</v>
      </c>
    </row>
    <row r="44" spans="1:4" ht="18" customHeight="1" x14ac:dyDescent="0.15">
      <c r="A44" s="8">
        <v>32</v>
      </c>
      <c r="B44" s="21">
        <v>13</v>
      </c>
      <c r="C44" s="6">
        <v>11</v>
      </c>
      <c r="D44" s="5">
        <v>24</v>
      </c>
    </row>
    <row r="45" spans="1:4" ht="18" customHeight="1" x14ac:dyDescent="0.15">
      <c r="A45" s="8">
        <v>33</v>
      </c>
      <c r="B45" s="21">
        <v>10</v>
      </c>
      <c r="C45" s="6">
        <v>10</v>
      </c>
      <c r="D45" s="5">
        <v>20</v>
      </c>
    </row>
    <row r="46" spans="1:4" ht="18" customHeight="1" x14ac:dyDescent="0.15">
      <c r="A46" s="8">
        <v>34</v>
      </c>
      <c r="B46" s="21">
        <v>16</v>
      </c>
      <c r="C46" s="6">
        <v>7</v>
      </c>
      <c r="D46" s="5">
        <v>23</v>
      </c>
    </row>
    <row r="47" spans="1:4" ht="18" customHeight="1" x14ac:dyDescent="0.15">
      <c r="A47" s="8" t="s">
        <v>18</v>
      </c>
      <c r="B47" s="21">
        <v>60</v>
      </c>
      <c r="C47" s="6">
        <v>46</v>
      </c>
      <c r="D47" s="5">
        <v>106</v>
      </c>
    </row>
    <row r="48" spans="1:4" ht="18" customHeight="1" x14ac:dyDescent="0.15">
      <c r="A48" s="8">
        <v>35</v>
      </c>
      <c r="B48" s="21">
        <v>10</v>
      </c>
      <c r="C48" s="6">
        <v>15</v>
      </c>
      <c r="D48" s="5">
        <v>25</v>
      </c>
    </row>
    <row r="49" spans="1:4" ht="18" customHeight="1" x14ac:dyDescent="0.15">
      <c r="A49" s="8">
        <v>36</v>
      </c>
      <c r="B49" s="21">
        <v>13</v>
      </c>
      <c r="C49" s="6">
        <v>11</v>
      </c>
      <c r="D49" s="5">
        <v>24</v>
      </c>
    </row>
    <row r="50" spans="1:4" ht="18" customHeight="1" x14ac:dyDescent="0.15">
      <c r="A50" s="8">
        <v>37</v>
      </c>
      <c r="B50" s="21">
        <v>11</v>
      </c>
      <c r="C50" s="6">
        <v>10</v>
      </c>
      <c r="D50" s="5">
        <v>21</v>
      </c>
    </row>
    <row r="51" spans="1:4" ht="18" customHeight="1" x14ac:dyDescent="0.15">
      <c r="A51" s="8">
        <v>38</v>
      </c>
      <c r="B51" s="21">
        <v>14</v>
      </c>
      <c r="C51" s="6">
        <v>10</v>
      </c>
      <c r="D51" s="5">
        <v>24</v>
      </c>
    </row>
    <row r="52" spans="1:4" ht="18" customHeight="1" x14ac:dyDescent="0.15">
      <c r="A52" s="8">
        <v>39</v>
      </c>
      <c r="B52" s="21">
        <v>16</v>
      </c>
      <c r="C52" s="6">
        <v>14</v>
      </c>
      <c r="D52" s="5">
        <v>30</v>
      </c>
    </row>
    <row r="53" spans="1:4" ht="18" customHeight="1" x14ac:dyDescent="0.15">
      <c r="A53" s="8" t="s">
        <v>17</v>
      </c>
      <c r="B53" s="21">
        <v>64</v>
      </c>
      <c r="C53" s="6">
        <v>60</v>
      </c>
      <c r="D53" s="5">
        <v>124</v>
      </c>
    </row>
    <row r="54" spans="1:4" ht="18" customHeight="1" x14ac:dyDescent="0.15">
      <c r="A54" s="8">
        <v>40</v>
      </c>
      <c r="B54" s="21">
        <v>19</v>
      </c>
      <c r="C54" s="6">
        <v>15</v>
      </c>
      <c r="D54" s="5">
        <v>34</v>
      </c>
    </row>
    <row r="55" spans="1:4" ht="18" customHeight="1" x14ac:dyDescent="0.15">
      <c r="A55" s="8">
        <v>41</v>
      </c>
      <c r="B55" s="21">
        <v>23</v>
      </c>
      <c r="C55" s="6">
        <v>14</v>
      </c>
      <c r="D55" s="5">
        <v>37</v>
      </c>
    </row>
    <row r="56" spans="1:4" ht="18" customHeight="1" x14ac:dyDescent="0.15">
      <c r="A56" s="8">
        <v>42</v>
      </c>
      <c r="B56" s="21">
        <v>20</v>
      </c>
      <c r="C56" s="6">
        <v>18</v>
      </c>
      <c r="D56" s="5">
        <v>38</v>
      </c>
    </row>
    <row r="57" spans="1:4" ht="18" customHeight="1" x14ac:dyDescent="0.15">
      <c r="A57" s="8">
        <v>43</v>
      </c>
      <c r="B57" s="21">
        <v>14</v>
      </c>
      <c r="C57" s="6">
        <v>21</v>
      </c>
      <c r="D57" s="5">
        <v>35</v>
      </c>
    </row>
    <row r="58" spans="1:4" ht="18" customHeight="1" x14ac:dyDescent="0.15">
      <c r="A58" s="8">
        <v>44</v>
      </c>
      <c r="B58" s="21">
        <v>23</v>
      </c>
      <c r="C58" s="6">
        <v>13</v>
      </c>
      <c r="D58" s="5">
        <v>36</v>
      </c>
    </row>
    <row r="59" spans="1:4" ht="18" customHeight="1" x14ac:dyDescent="0.15">
      <c r="A59" s="8" t="s">
        <v>16</v>
      </c>
      <c r="B59" s="21">
        <v>99</v>
      </c>
      <c r="C59" s="6">
        <v>81</v>
      </c>
      <c r="D59" s="5">
        <v>180</v>
      </c>
    </row>
    <row r="60" spans="1:4" ht="18" customHeight="1" x14ac:dyDescent="0.15">
      <c r="A60" s="8">
        <v>45</v>
      </c>
      <c r="B60" s="21">
        <v>19</v>
      </c>
      <c r="C60" s="6">
        <v>18</v>
      </c>
      <c r="D60" s="5">
        <v>37</v>
      </c>
    </row>
    <row r="61" spans="1:4" ht="18" customHeight="1" x14ac:dyDescent="0.15">
      <c r="A61" s="8">
        <v>46</v>
      </c>
      <c r="B61" s="21">
        <v>24</v>
      </c>
      <c r="C61" s="6">
        <v>14</v>
      </c>
      <c r="D61" s="5">
        <v>38</v>
      </c>
    </row>
    <row r="62" spans="1:4" ht="18" customHeight="1" x14ac:dyDescent="0.15">
      <c r="A62" s="8">
        <v>47</v>
      </c>
      <c r="B62" s="21">
        <v>20</v>
      </c>
      <c r="C62" s="6">
        <v>15</v>
      </c>
      <c r="D62" s="5">
        <v>35</v>
      </c>
    </row>
    <row r="63" spans="1:4" ht="18" customHeight="1" x14ac:dyDescent="0.15">
      <c r="A63" s="8">
        <v>48</v>
      </c>
      <c r="B63" s="21">
        <v>18</v>
      </c>
      <c r="C63" s="6">
        <v>27</v>
      </c>
      <c r="D63" s="5">
        <v>45</v>
      </c>
    </row>
    <row r="64" spans="1:4" ht="18" customHeight="1" x14ac:dyDescent="0.15">
      <c r="A64" s="8">
        <v>49</v>
      </c>
      <c r="B64" s="21">
        <v>20</v>
      </c>
      <c r="C64" s="6">
        <v>34</v>
      </c>
      <c r="D64" s="5">
        <v>54</v>
      </c>
    </row>
    <row r="65" spans="1:4" ht="18" customHeight="1" x14ac:dyDescent="0.15">
      <c r="A65" s="8" t="s">
        <v>15</v>
      </c>
      <c r="B65" s="21">
        <v>101</v>
      </c>
      <c r="C65" s="6">
        <v>108</v>
      </c>
      <c r="D65" s="5">
        <v>209</v>
      </c>
    </row>
    <row r="66" spans="1:4" ht="18" customHeight="1" x14ac:dyDescent="0.15">
      <c r="A66" s="8">
        <v>50</v>
      </c>
      <c r="B66" s="21">
        <v>22</v>
      </c>
      <c r="C66" s="6">
        <v>20</v>
      </c>
      <c r="D66" s="5">
        <v>42</v>
      </c>
    </row>
    <row r="67" spans="1:4" ht="18" customHeight="1" x14ac:dyDescent="0.15">
      <c r="A67" s="8">
        <v>51</v>
      </c>
      <c r="B67" s="21">
        <v>19</v>
      </c>
      <c r="C67" s="6">
        <v>20</v>
      </c>
      <c r="D67" s="5">
        <v>39</v>
      </c>
    </row>
    <row r="68" spans="1:4" ht="18" customHeight="1" x14ac:dyDescent="0.15">
      <c r="A68" s="8">
        <v>52</v>
      </c>
      <c r="B68" s="21">
        <v>26</v>
      </c>
      <c r="C68" s="6">
        <v>26</v>
      </c>
      <c r="D68" s="5">
        <v>52</v>
      </c>
    </row>
    <row r="69" spans="1:4" ht="18" customHeight="1" x14ac:dyDescent="0.15">
      <c r="A69" s="8">
        <v>53</v>
      </c>
      <c r="B69" s="21">
        <v>24</v>
      </c>
      <c r="C69" s="6">
        <v>20</v>
      </c>
      <c r="D69" s="5">
        <v>44</v>
      </c>
    </row>
    <row r="70" spans="1:4" ht="18" customHeight="1" x14ac:dyDescent="0.15">
      <c r="A70" s="8">
        <v>54</v>
      </c>
      <c r="B70" s="21">
        <v>28</v>
      </c>
      <c r="C70" s="6">
        <v>29</v>
      </c>
      <c r="D70" s="5">
        <v>57</v>
      </c>
    </row>
    <row r="71" spans="1:4" ht="18" customHeight="1" x14ac:dyDescent="0.15">
      <c r="A71" s="8" t="s">
        <v>14</v>
      </c>
      <c r="B71" s="21">
        <v>119</v>
      </c>
      <c r="C71" s="6">
        <v>115</v>
      </c>
      <c r="D71" s="5">
        <v>234</v>
      </c>
    </row>
    <row r="72" spans="1:4" ht="18" customHeight="1" x14ac:dyDescent="0.15">
      <c r="A72" s="8">
        <v>55</v>
      </c>
      <c r="B72" s="21">
        <v>26</v>
      </c>
      <c r="C72" s="6">
        <v>19</v>
      </c>
      <c r="D72" s="5">
        <v>45</v>
      </c>
    </row>
    <row r="73" spans="1:4" ht="18" customHeight="1" x14ac:dyDescent="0.15">
      <c r="A73" s="8">
        <v>56</v>
      </c>
      <c r="B73" s="21">
        <v>17</v>
      </c>
      <c r="C73" s="6">
        <v>15</v>
      </c>
      <c r="D73" s="5">
        <v>32</v>
      </c>
    </row>
    <row r="74" spans="1:4" ht="18" customHeight="1" x14ac:dyDescent="0.15">
      <c r="A74" s="8">
        <v>57</v>
      </c>
      <c r="B74" s="21">
        <v>20</v>
      </c>
      <c r="C74" s="6">
        <v>25</v>
      </c>
      <c r="D74" s="5">
        <v>45</v>
      </c>
    </row>
    <row r="75" spans="1:4" ht="18" customHeight="1" x14ac:dyDescent="0.15">
      <c r="A75" s="8">
        <v>58</v>
      </c>
      <c r="B75" s="21">
        <v>18</v>
      </c>
      <c r="C75" s="6">
        <v>20</v>
      </c>
      <c r="D75" s="5">
        <v>38</v>
      </c>
    </row>
    <row r="76" spans="1:4" ht="18" customHeight="1" x14ac:dyDescent="0.15">
      <c r="A76" s="8">
        <v>59</v>
      </c>
      <c r="B76" s="21">
        <v>11</v>
      </c>
      <c r="C76" s="6">
        <v>14</v>
      </c>
      <c r="D76" s="5">
        <v>25</v>
      </c>
    </row>
    <row r="77" spans="1:4" ht="18" customHeight="1" x14ac:dyDescent="0.15">
      <c r="A77" s="8" t="s">
        <v>13</v>
      </c>
      <c r="B77" s="21">
        <v>92</v>
      </c>
      <c r="C77" s="6">
        <v>93</v>
      </c>
      <c r="D77" s="5">
        <v>185</v>
      </c>
    </row>
    <row r="78" spans="1:4" ht="18" customHeight="1" x14ac:dyDescent="0.15">
      <c r="A78" s="8">
        <v>60</v>
      </c>
      <c r="B78" s="21">
        <v>26</v>
      </c>
      <c r="C78" s="6">
        <v>24</v>
      </c>
      <c r="D78" s="5">
        <v>50</v>
      </c>
    </row>
    <row r="79" spans="1:4" ht="18" customHeight="1" x14ac:dyDescent="0.15">
      <c r="A79" s="8">
        <v>61</v>
      </c>
      <c r="B79" s="21">
        <v>15</v>
      </c>
      <c r="C79" s="6">
        <v>28</v>
      </c>
      <c r="D79" s="5">
        <v>43</v>
      </c>
    </row>
    <row r="80" spans="1:4" ht="18" customHeight="1" x14ac:dyDescent="0.15">
      <c r="A80" s="8">
        <v>62</v>
      </c>
      <c r="B80" s="21">
        <v>22</v>
      </c>
      <c r="C80" s="6">
        <v>25</v>
      </c>
      <c r="D80" s="5">
        <v>47</v>
      </c>
    </row>
    <row r="81" spans="1:4" ht="18" customHeight="1" x14ac:dyDescent="0.15">
      <c r="A81" s="8">
        <v>63</v>
      </c>
      <c r="B81" s="21">
        <v>15</v>
      </c>
      <c r="C81" s="6">
        <v>13</v>
      </c>
      <c r="D81" s="5">
        <v>28</v>
      </c>
    </row>
    <row r="82" spans="1:4" ht="18" customHeight="1" x14ac:dyDescent="0.15">
      <c r="A82" s="8">
        <v>64</v>
      </c>
      <c r="B82" s="21">
        <v>23</v>
      </c>
      <c r="C82" s="6">
        <v>19</v>
      </c>
      <c r="D82" s="5">
        <v>42</v>
      </c>
    </row>
    <row r="83" spans="1:4" ht="18" customHeight="1" x14ac:dyDescent="0.15">
      <c r="A83" s="8" t="s">
        <v>12</v>
      </c>
      <c r="B83" s="21">
        <v>101</v>
      </c>
      <c r="C83" s="6">
        <v>109</v>
      </c>
      <c r="D83" s="5">
        <v>210</v>
      </c>
    </row>
    <row r="84" spans="1:4" ht="18" customHeight="1" x14ac:dyDescent="0.15">
      <c r="A84" s="8" t="s">
        <v>11</v>
      </c>
      <c r="B84" s="21">
        <v>848</v>
      </c>
      <c r="C84" s="6">
        <v>807</v>
      </c>
      <c r="D84" s="5">
        <v>1655</v>
      </c>
    </row>
    <row r="85" spans="1:4" ht="18" customHeight="1" x14ac:dyDescent="0.15">
      <c r="A85" s="8">
        <v>65</v>
      </c>
      <c r="B85" s="21">
        <v>20</v>
      </c>
      <c r="C85" s="6">
        <v>21</v>
      </c>
      <c r="D85" s="5">
        <v>41</v>
      </c>
    </row>
    <row r="86" spans="1:4" ht="18" customHeight="1" x14ac:dyDescent="0.15">
      <c r="A86" s="8">
        <v>66</v>
      </c>
      <c r="B86" s="21">
        <v>13</v>
      </c>
      <c r="C86" s="6">
        <v>17</v>
      </c>
      <c r="D86" s="5">
        <v>30</v>
      </c>
    </row>
    <row r="87" spans="1:4" ht="18" customHeight="1" x14ac:dyDescent="0.15">
      <c r="A87" s="8">
        <v>67</v>
      </c>
      <c r="B87" s="21">
        <v>14</v>
      </c>
      <c r="C87" s="6">
        <v>12</v>
      </c>
      <c r="D87" s="5">
        <v>26</v>
      </c>
    </row>
    <row r="88" spans="1:4" ht="18" customHeight="1" x14ac:dyDescent="0.15">
      <c r="A88" s="8">
        <v>68</v>
      </c>
      <c r="B88" s="21">
        <v>14</v>
      </c>
      <c r="C88" s="6">
        <v>18</v>
      </c>
      <c r="D88" s="5">
        <v>32</v>
      </c>
    </row>
    <row r="89" spans="1:4" ht="18" customHeight="1" x14ac:dyDescent="0.15">
      <c r="A89" s="8">
        <v>69</v>
      </c>
      <c r="B89" s="21">
        <v>14</v>
      </c>
      <c r="C89" s="6">
        <v>16</v>
      </c>
      <c r="D89" s="5">
        <v>30</v>
      </c>
    </row>
    <row r="90" spans="1:4" ht="18" customHeight="1" x14ac:dyDescent="0.15">
      <c r="A90" s="8" t="s">
        <v>10</v>
      </c>
      <c r="B90" s="21">
        <v>75</v>
      </c>
      <c r="C90" s="6">
        <v>84</v>
      </c>
      <c r="D90" s="5">
        <v>159</v>
      </c>
    </row>
    <row r="91" spans="1:4" ht="18" customHeight="1" x14ac:dyDescent="0.15">
      <c r="A91" s="8">
        <v>70</v>
      </c>
      <c r="B91" s="21">
        <v>14</v>
      </c>
      <c r="C91" s="6">
        <v>22</v>
      </c>
      <c r="D91" s="5">
        <v>36</v>
      </c>
    </row>
    <row r="92" spans="1:4" ht="18" customHeight="1" x14ac:dyDescent="0.15">
      <c r="A92" s="8">
        <v>71</v>
      </c>
      <c r="B92" s="21">
        <v>15</v>
      </c>
      <c r="C92" s="6">
        <v>18</v>
      </c>
      <c r="D92" s="5">
        <v>33</v>
      </c>
    </row>
    <row r="93" spans="1:4" ht="18" customHeight="1" x14ac:dyDescent="0.15">
      <c r="A93" s="8">
        <v>72</v>
      </c>
      <c r="B93" s="21">
        <v>21</v>
      </c>
      <c r="C93" s="6">
        <v>31</v>
      </c>
      <c r="D93" s="5">
        <v>52</v>
      </c>
    </row>
    <row r="94" spans="1:4" ht="18" customHeight="1" x14ac:dyDescent="0.15">
      <c r="A94" s="8">
        <v>73</v>
      </c>
      <c r="B94" s="21">
        <v>13</v>
      </c>
      <c r="C94" s="6">
        <v>28</v>
      </c>
      <c r="D94" s="5">
        <v>41</v>
      </c>
    </row>
    <row r="95" spans="1:4" ht="18" customHeight="1" x14ac:dyDescent="0.15">
      <c r="A95" s="8">
        <v>74</v>
      </c>
      <c r="B95" s="21">
        <v>17</v>
      </c>
      <c r="C95" s="6">
        <v>18</v>
      </c>
      <c r="D95" s="5">
        <v>35</v>
      </c>
    </row>
    <row r="96" spans="1:4" ht="18" customHeight="1" x14ac:dyDescent="0.15">
      <c r="A96" s="8" t="s">
        <v>9</v>
      </c>
      <c r="B96" s="21">
        <v>80</v>
      </c>
      <c r="C96" s="6">
        <v>117</v>
      </c>
      <c r="D96" s="5">
        <v>197</v>
      </c>
    </row>
    <row r="97" spans="1:4" ht="18" customHeight="1" x14ac:dyDescent="0.15">
      <c r="A97" s="8">
        <v>75</v>
      </c>
      <c r="B97" s="21">
        <v>15</v>
      </c>
      <c r="C97" s="6">
        <v>21</v>
      </c>
      <c r="D97" s="5">
        <v>36</v>
      </c>
    </row>
    <row r="98" spans="1:4" ht="18" customHeight="1" x14ac:dyDescent="0.15">
      <c r="A98" s="8">
        <v>76</v>
      </c>
      <c r="B98" s="21">
        <v>27</v>
      </c>
      <c r="C98" s="6">
        <v>30</v>
      </c>
      <c r="D98" s="5">
        <v>57</v>
      </c>
    </row>
    <row r="99" spans="1:4" ht="18" customHeight="1" x14ac:dyDescent="0.15">
      <c r="A99" s="8">
        <v>77</v>
      </c>
      <c r="B99" s="21">
        <v>14</v>
      </c>
      <c r="C99" s="6">
        <v>34</v>
      </c>
      <c r="D99" s="5">
        <v>48</v>
      </c>
    </row>
    <row r="100" spans="1:4" ht="18" customHeight="1" x14ac:dyDescent="0.15">
      <c r="A100" s="8">
        <v>78</v>
      </c>
      <c r="B100" s="21">
        <v>22</v>
      </c>
      <c r="C100" s="6">
        <v>31</v>
      </c>
      <c r="D100" s="5">
        <v>53</v>
      </c>
    </row>
    <row r="101" spans="1:4" ht="18" customHeight="1" x14ac:dyDescent="0.15">
      <c r="A101" s="8">
        <v>79</v>
      </c>
      <c r="B101" s="21">
        <v>16</v>
      </c>
      <c r="C101" s="6">
        <v>9</v>
      </c>
      <c r="D101" s="5">
        <v>25</v>
      </c>
    </row>
    <row r="102" spans="1:4" ht="18" customHeight="1" x14ac:dyDescent="0.15">
      <c r="A102" s="8" t="s">
        <v>8</v>
      </c>
      <c r="B102" s="21">
        <v>94</v>
      </c>
      <c r="C102" s="6">
        <v>125</v>
      </c>
      <c r="D102" s="5">
        <v>219</v>
      </c>
    </row>
    <row r="103" spans="1:4" ht="18" customHeight="1" x14ac:dyDescent="0.15">
      <c r="A103" s="8">
        <v>80</v>
      </c>
      <c r="B103" s="21">
        <v>10</v>
      </c>
      <c r="C103" s="6">
        <v>13</v>
      </c>
      <c r="D103" s="5">
        <v>23</v>
      </c>
    </row>
    <row r="104" spans="1:4" ht="18" customHeight="1" x14ac:dyDescent="0.15">
      <c r="A104" s="8">
        <v>81</v>
      </c>
      <c r="B104" s="21">
        <v>15</v>
      </c>
      <c r="C104" s="6">
        <v>15</v>
      </c>
      <c r="D104" s="5">
        <v>30</v>
      </c>
    </row>
    <row r="105" spans="1:4" ht="18" customHeight="1" x14ac:dyDescent="0.15">
      <c r="A105" s="8">
        <v>82</v>
      </c>
      <c r="B105" s="21">
        <v>14</v>
      </c>
      <c r="C105" s="6">
        <v>19</v>
      </c>
      <c r="D105" s="5">
        <v>33</v>
      </c>
    </row>
    <row r="106" spans="1:4" ht="18" customHeight="1" x14ac:dyDescent="0.15">
      <c r="A106" s="8">
        <v>83</v>
      </c>
      <c r="B106" s="21">
        <v>13</v>
      </c>
      <c r="C106" s="6">
        <v>12</v>
      </c>
      <c r="D106" s="5">
        <v>25</v>
      </c>
    </row>
    <row r="107" spans="1:4" ht="18" customHeight="1" x14ac:dyDescent="0.15">
      <c r="A107" s="8">
        <v>84</v>
      </c>
      <c r="B107" s="21">
        <v>10</v>
      </c>
      <c r="C107" s="6">
        <v>12</v>
      </c>
      <c r="D107" s="5">
        <v>22</v>
      </c>
    </row>
    <row r="108" spans="1:4" ht="18" customHeight="1" x14ac:dyDescent="0.15">
      <c r="A108" s="8" t="s">
        <v>7</v>
      </c>
      <c r="B108" s="21">
        <v>62</v>
      </c>
      <c r="C108" s="6">
        <v>71</v>
      </c>
      <c r="D108" s="5">
        <v>133</v>
      </c>
    </row>
    <row r="109" spans="1:4" ht="18" customHeight="1" x14ac:dyDescent="0.15">
      <c r="A109" s="8">
        <v>85</v>
      </c>
      <c r="B109" s="21">
        <v>9</v>
      </c>
      <c r="C109" s="6">
        <v>19</v>
      </c>
      <c r="D109" s="5">
        <v>28</v>
      </c>
    </row>
    <row r="110" spans="1:4" ht="18" customHeight="1" x14ac:dyDescent="0.15">
      <c r="A110" s="8">
        <v>86</v>
      </c>
      <c r="B110" s="21">
        <v>4</v>
      </c>
      <c r="C110" s="6">
        <v>7</v>
      </c>
      <c r="D110" s="5">
        <v>11</v>
      </c>
    </row>
    <row r="111" spans="1:4" ht="18" customHeight="1" x14ac:dyDescent="0.15">
      <c r="A111" s="8">
        <v>87</v>
      </c>
      <c r="B111" s="21">
        <v>3</v>
      </c>
      <c r="C111" s="6">
        <v>12</v>
      </c>
      <c r="D111" s="5">
        <v>15</v>
      </c>
    </row>
    <row r="112" spans="1:4" ht="18" customHeight="1" x14ac:dyDescent="0.15">
      <c r="A112" s="8">
        <v>88</v>
      </c>
      <c r="B112" s="21">
        <v>9</v>
      </c>
      <c r="C112" s="6">
        <v>8</v>
      </c>
      <c r="D112" s="5">
        <v>17</v>
      </c>
    </row>
    <row r="113" spans="1:4" ht="18" customHeight="1" x14ac:dyDescent="0.15">
      <c r="A113" s="8">
        <v>89</v>
      </c>
      <c r="B113" s="21">
        <v>4</v>
      </c>
      <c r="C113" s="6">
        <v>14</v>
      </c>
      <c r="D113" s="5">
        <v>18</v>
      </c>
    </row>
    <row r="114" spans="1:4" ht="18" customHeight="1" x14ac:dyDescent="0.15">
      <c r="A114" s="8" t="s">
        <v>6</v>
      </c>
      <c r="B114" s="21">
        <v>29</v>
      </c>
      <c r="C114" s="6">
        <v>60</v>
      </c>
      <c r="D114" s="5">
        <v>89</v>
      </c>
    </row>
    <row r="115" spans="1:4" ht="18" customHeight="1" x14ac:dyDescent="0.15">
      <c r="A115" s="8">
        <v>90</v>
      </c>
      <c r="B115" s="21">
        <v>5</v>
      </c>
      <c r="C115" s="6">
        <v>9</v>
      </c>
      <c r="D115" s="5">
        <v>14</v>
      </c>
    </row>
    <row r="116" spans="1:4" ht="18" customHeight="1" x14ac:dyDescent="0.15">
      <c r="A116" s="8">
        <v>91</v>
      </c>
      <c r="B116" s="21">
        <v>3</v>
      </c>
      <c r="C116" s="6">
        <v>6</v>
      </c>
      <c r="D116" s="5">
        <v>9</v>
      </c>
    </row>
    <row r="117" spans="1:4" ht="18" customHeight="1" x14ac:dyDescent="0.15">
      <c r="A117" s="8">
        <v>92</v>
      </c>
      <c r="B117" s="21">
        <v>7</v>
      </c>
      <c r="C117" s="6">
        <v>12</v>
      </c>
      <c r="D117" s="5">
        <v>19</v>
      </c>
    </row>
    <row r="118" spans="1:4" ht="18" customHeight="1" x14ac:dyDescent="0.15">
      <c r="A118" s="8">
        <v>93</v>
      </c>
      <c r="B118" s="21">
        <v>1</v>
      </c>
      <c r="C118" s="6">
        <v>10</v>
      </c>
      <c r="D118" s="5">
        <v>11</v>
      </c>
    </row>
    <row r="119" spans="1:4" ht="18" customHeight="1" x14ac:dyDescent="0.15">
      <c r="A119" s="8">
        <v>94</v>
      </c>
      <c r="B119" s="21">
        <v>1</v>
      </c>
      <c r="C119" s="6">
        <v>8</v>
      </c>
      <c r="D119" s="5">
        <v>9</v>
      </c>
    </row>
    <row r="120" spans="1:4" ht="18" customHeight="1" x14ac:dyDescent="0.15">
      <c r="A120" s="8" t="s">
        <v>5</v>
      </c>
      <c r="B120" s="21">
        <v>17</v>
      </c>
      <c r="C120" s="6">
        <v>45</v>
      </c>
      <c r="D120" s="5">
        <v>62</v>
      </c>
    </row>
    <row r="121" spans="1:4" ht="18" customHeight="1" x14ac:dyDescent="0.15">
      <c r="A121" s="8">
        <v>95</v>
      </c>
      <c r="B121" s="21">
        <v>1</v>
      </c>
      <c r="C121" s="6">
        <v>5</v>
      </c>
      <c r="D121" s="5">
        <v>6</v>
      </c>
    </row>
    <row r="122" spans="1:4" ht="18" customHeight="1" x14ac:dyDescent="0.15">
      <c r="A122" s="8">
        <v>96</v>
      </c>
      <c r="B122" s="21">
        <v>0</v>
      </c>
      <c r="C122" s="6">
        <v>6</v>
      </c>
      <c r="D122" s="5">
        <v>6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17</v>
      </c>
      <c r="D126" s="5">
        <v>18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21">
        <v>358</v>
      </c>
      <c r="C130" s="6">
        <v>525</v>
      </c>
      <c r="D130" s="5">
        <v>883</v>
      </c>
    </row>
    <row r="131" spans="1:4" ht="18" customHeight="1" x14ac:dyDescent="0.15">
      <c r="A131" s="4" t="s">
        <v>0</v>
      </c>
      <c r="B131" s="20">
        <v>1363</v>
      </c>
      <c r="C131" s="2">
        <v>1494</v>
      </c>
      <c r="D131" s="1">
        <v>285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493B8A6-C090-4809-82CF-C6A15A7B0D21}">
  <sheetPr codeName="Sheet5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6</v>
      </c>
      <c r="C5" s="11">
        <v>11</v>
      </c>
      <c r="D5" s="10">
        <v>17</v>
      </c>
    </row>
    <row r="6" spans="1:4" ht="18" customHeight="1" x14ac:dyDescent="0.15">
      <c r="A6" s="8">
        <v>1</v>
      </c>
      <c r="B6" s="21">
        <v>14</v>
      </c>
      <c r="C6" s="6">
        <v>9</v>
      </c>
      <c r="D6" s="5">
        <v>23</v>
      </c>
    </row>
    <row r="7" spans="1:4" ht="18" customHeight="1" x14ac:dyDescent="0.15">
      <c r="A7" s="8">
        <v>2</v>
      </c>
      <c r="B7" s="21">
        <v>12</v>
      </c>
      <c r="C7" s="6">
        <v>11</v>
      </c>
      <c r="D7" s="5">
        <v>23</v>
      </c>
    </row>
    <row r="8" spans="1:4" ht="18" customHeight="1" x14ac:dyDescent="0.15">
      <c r="A8" s="8">
        <v>3</v>
      </c>
      <c r="B8" s="21">
        <v>11</v>
      </c>
      <c r="C8" s="6">
        <v>12</v>
      </c>
      <c r="D8" s="5">
        <v>23</v>
      </c>
    </row>
    <row r="9" spans="1:4" ht="18" customHeight="1" x14ac:dyDescent="0.15">
      <c r="A9" s="8">
        <v>4</v>
      </c>
      <c r="B9" s="21">
        <v>11</v>
      </c>
      <c r="C9" s="6">
        <v>17</v>
      </c>
      <c r="D9" s="5">
        <v>28</v>
      </c>
    </row>
    <row r="10" spans="1:4" ht="18" customHeight="1" x14ac:dyDescent="0.15">
      <c r="A10" s="8" t="s">
        <v>25</v>
      </c>
      <c r="B10" s="21">
        <v>54</v>
      </c>
      <c r="C10" s="6">
        <v>60</v>
      </c>
      <c r="D10" s="5">
        <v>114</v>
      </c>
    </row>
    <row r="11" spans="1:4" ht="18" customHeight="1" x14ac:dyDescent="0.15">
      <c r="A11" s="8">
        <v>5</v>
      </c>
      <c r="B11" s="21">
        <v>11</v>
      </c>
      <c r="C11" s="6">
        <v>14</v>
      </c>
      <c r="D11" s="5">
        <v>25</v>
      </c>
    </row>
    <row r="12" spans="1:4" ht="18" customHeight="1" x14ac:dyDescent="0.15">
      <c r="A12" s="8">
        <v>6</v>
      </c>
      <c r="B12" s="21">
        <v>12</v>
      </c>
      <c r="C12" s="6">
        <v>13</v>
      </c>
      <c r="D12" s="5">
        <v>25</v>
      </c>
    </row>
    <row r="13" spans="1:4" ht="18" customHeight="1" x14ac:dyDescent="0.15">
      <c r="A13" s="8">
        <v>7</v>
      </c>
      <c r="B13" s="21">
        <v>13</v>
      </c>
      <c r="C13" s="6">
        <v>15</v>
      </c>
      <c r="D13" s="5">
        <v>28</v>
      </c>
    </row>
    <row r="14" spans="1:4" ht="18" customHeight="1" x14ac:dyDescent="0.15">
      <c r="A14" s="8">
        <v>8</v>
      </c>
      <c r="B14" s="21">
        <v>15</v>
      </c>
      <c r="C14" s="6">
        <v>17</v>
      </c>
      <c r="D14" s="5">
        <v>32</v>
      </c>
    </row>
    <row r="15" spans="1:4" ht="18" customHeight="1" x14ac:dyDescent="0.15">
      <c r="A15" s="8">
        <v>9</v>
      </c>
      <c r="B15" s="21">
        <v>14</v>
      </c>
      <c r="C15" s="6">
        <v>7</v>
      </c>
      <c r="D15" s="5">
        <v>21</v>
      </c>
    </row>
    <row r="16" spans="1:4" ht="18" customHeight="1" x14ac:dyDescent="0.15">
      <c r="A16" s="8" t="s">
        <v>24</v>
      </c>
      <c r="B16" s="21">
        <v>65</v>
      </c>
      <c r="C16" s="6">
        <v>66</v>
      </c>
      <c r="D16" s="5">
        <v>131</v>
      </c>
    </row>
    <row r="17" spans="1:4" ht="18" customHeight="1" x14ac:dyDescent="0.15">
      <c r="A17" s="8">
        <v>10</v>
      </c>
      <c r="B17" s="21">
        <v>10</v>
      </c>
      <c r="C17" s="6">
        <v>11</v>
      </c>
      <c r="D17" s="5">
        <v>21</v>
      </c>
    </row>
    <row r="18" spans="1:4" ht="18" customHeight="1" x14ac:dyDescent="0.15">
      <c r="A18" s="8">
        <v>11</v>
      </c>
      <c r="B18" s="21">
        <v>9</v>
      </c>
      <c r="C18" s="6">
        <v>12</v>
      </c>
      <c r="D18" s="5">
        <v>21</v>
      </c>
    </row>
    <row r="19" spans="1:4" ht="18" customHeight="1" x14ac:dyDescent="0.15">
      <c r="A19" s="8">
        <v>12</v>
      </c>
      <c r="B19" s="21">
        <v>20</v>
      </c>
      <c r="C19" s="6">
        <v>18</v>
      </c>
      <c r="D19" s="5">
        <v>38</v>
      </c>
    </row>
    <row r="20" spans="1:4" ht="18" customHeight="1" x14ac:dyDescent="0.15">
      <c r="A20" s="8">
        <v>13</v>
      </c>
      <c r="B20" s="21">
        <v>20</v>
      </c>
      <c r="C20" s="6">
        <v>14</v>
      </c>
      <c r="D20" s="5">
        <v>34</v>
      </c>
    </row>
    <row r="21" spans="1:4" ht="18" customHeight="1" x14ac:dyDescent="0.15">
      <c r="A21" s="8">
        <v>14</v>
      </c>
      <c r="B21" s="21">
        <v>17</v>
      </c>
      <c r="C21" s="6">
        <v>15</v>
      </c>
      <c r="D21" s="5">
        <v>32</v>
      </c>
    </row>
    <row r="22" spans="1:4" ht="18" customHeight="1" x14ac:dyDescent="0.15">
      <c r="A22" s="8" t="s">
        <v>23</v>
      </c>
      <c r="B22" s="21">
        <v>76</v>
      </c>
      <c r="C22" s="6">
        <v>70</v>
      </c>
      <c r="D22" s="5">
        <v>146</v>
      </c>
    </row>
    <row r="23" spans="1:4" ht="18" customHeight="1" x14ac:dyDescent="0.15">
      <c r="A23" s="8" t="s">
        <v>22</v>
      </c>
      <c r="B23" s="21">
        <v>195</v>
      </c>
      <c r="C23" s="6">
        <v>196</v>
      </c>
      <c r="D23" s="5">
        <v>391</v>
      </c>
    </row>
    <row r="24" spans="1:4" ht="18" customHeight="1" x14ac:dyDescent="0.15">
      <c r="A24" s="8">
        <v>15</v>
      </c>
      <c r="B24" s="21">
        <v>13</v>
      </c>
      <c r="C24" s="6">
        <v>15</v>
      </c>
      <c r="D24" s="5">
        <v>28</v>
      </c>
    </row>
    <row r="25" spans="1:4" ht="18" customHeight="1" x14ac:dyDescent="0.15">
      <c r="A25" s="8">
        <v>16</v>
      </c>
      <c r="B25" s="21">
        <v>14</v>
      </c>
      <c r="C25" s="6">
        <v>12</v>
      </c>
      <c r="D25" s="5">
        <v>26</v>
      </c>
    </row>
    <row r="26" spans="1:4" ht="18" customHeight="1" x14ac:dyDescent="0.15">
      <c r="A26" s="8">
        <v>17</v>
      </c>
      <c r="B26" s="21">
        <v>12</v>
      </c>
      <c r="C26" s="6">
        <v>15</v>
      </c>
      <c r="D26" s="5">
        <v>27</v>
      </c>
    </row>
    <row r="27" spans="1:4" ht="18" customHeight="1" x14ac:dyDescent="0.15">
      <c r="A27" s="8">
        <v>18</v>
      </c>
      <c r="B27" s="21">
        <v>16</v>
      </c>
      <c r="C27" s="6">
        <v>16</v>
      </c>
      <c r="D27" s="5">
        <v>32</v>
      </c>
    </row>
    <row r="28" spans="1:4" ht="18" customHeight="1" x14ac:dyDescent="0.15">
      <c r="A28" s="8">
        <v>19</v>
      </c>
      <c r="B28" s="21">
        <v>15</v>
      </c>
      <c r="C28" s="6">
        <v>14</v>
      </c>
      <c r="D28" s="5">
        <v>29</v>
      </c>
    </row>
    <row r="29" spans="1:4" ht="18" customHeight="1" x14ac:dyDescent="0.15">
      <c r="A29" s="8" t="s">
        <v>21</v>
      </c>
      <c r="B29" s="21">
        <v>70</v>
      </c>
      <c r="C29" s="6">
        <v>72</v>
      </c>
      <c r="D29" s="5">
        <v>142</v>
      </c>
    </row>
    <row r="30" spans="1:4" ht="18" customHeight="1" x14ac:dyDescent="0.15">
      <c r="A30" s="8">
        <v>20</v>
      </c>
      <c r="B30" s="21">
        <v>10</v>
      </c>
      <c r="C30" s="6">
        <v>12</v>
      </c>
      <c r="D30" s="5">
        <v>22</v>
      </c>
    </row>
    <row r="31" spans="1:4" ht="18" customHeight="1" x14ac:dyDescent="0.15">
      <c r="A31" s="8">
        <v>21</v>
      </c>
      <c r="B31" s="21">
        <v>19</v>
      </c>
      <c r="C31" s="6">
        <v>12</v>
      </c>
      <c r="D31" s="5">
        <v>31</v>
      </c>
    </row>
    <row r="32" spans="1:4" ht="18" customHeight="1" x14ac:dyDescent="0.15">
      <c r="A32" s="8">
        <v>22</v>
      </c>
      <c r="B32" s="21">
        <v>16</v>
      </c>
      <c r="C32" s="6">
        <v>23</v>
      </c>
      <c r="D32" s="5">
        <v>39</v>
      </c>
    </row>
    <row r="33" spans="1:4" ht="18" customHeight="1" x14ac:dyDescent="0.15">
      <c r="A33" s="8">
        <v>23</v>
      </c>
      <c r="B33" s="21">
        <v>20</v>
      </c>
      <c r="C33" s="6">
        <v>10</v>
      </c>
      <c r="D33" s="5">
        <v>30</v>
      </c>
    </row>
    <row r="34" spans="1:4" ht="18" customHeight="1" x14ac:dyDescent="0.15">
      <c r="A34" s="8">
        <v>24</v>
      </c>
      <c r="B34" s="21">
        <v>20</v>
      </c>
      <c r="C34" s="6">
        <v>12</v>
      </c>
      <c r="D34" s="5">
        <v>32</v>
      </c>
    </row>
    <row r="35" spans="1:4" ht="18" customHeight="1" x14ac:dyDescent="0.15">
      <c r="A35" s="8" t="s">
        <v>20</v>
      </c>
      <c r="B35" s="21">
        <v>85</v>
      </c>
      <c r="C35" s="6">
        <v>69</v>
      </c>
      <c r="D35" s="5">
        <v>154</v>
      </c>
    </row>
    <row r="36" spans="1:4" ht="18" customHeight="1" x14ac:dyDescent="0.15">
      <c r="A36" s="8">
        <v>25</v>
      </c>
      <c r="B36" s="21">
        <v>18</v>
      </c>
      <c r="C36" s="6">
        <v>14</v>
      </c>
      <c r="D36" s="5">
        <v>32</v>
      </c>
    </row>
    <row r="37" spans="1:4" ht="18" customHeight="1" x14ac:dyDescent="0.15">
      <c r="A37" s="8">
        <v>26</v>
      </c>
      <c r="B37" s="21">
        <v>14</v>
      </c>
      <c r="C37" s="6">
        <v>25</v>
      </c>
      <c r="D37" s="5">
        <v>39</v>
      </c>
    </row>
    <row r="38" spans="1:4" ht="18" customHeight="1" x14ac:dyDescent="0.15">
      <c r="A38" s="8">
        <v>27</v>
      </c>
      <c r="B38" s="21">
        <v>29</v>
      </c>
      <c r="C38" s="6">
        <v>21</v>
      </c>
      <c r="D38" s="5">
        <v>50</v>
      </c>
    </row>
    <row r="39" spans="1:4" ht="18" customHeight="1" x14ac:dyDescent="0.15">
      <c r="A39" s="8">
        <v>28</v>
      </c>
      <c r="B39" s="21">
        <v>20</v>
      </c>
      <c r="C39" s="6">
        <v>23</v>
      </c>
      <c r="D39" s="5">
        <v>43</v>
      </c>
    </row>
    <row r="40" spans="1:4" ht="18" customHeight="1" x14ac:dyDescent="0.15">
      <c r="A40" s="8">
        <v>29</v>
      </c>
      <c r="B40" s="21">
        <v>23</v>
      </c>
      <c r="C40" s="6">
        <v>20</v>
      </c>
      <c r="D40" s="5">
        <v>43</v>
      </c>
    </row>
    <row r="41" spans="1:4" ht="18" customHeight="1" x14ac:dyDescent="0.15">
      <c r="A41" s="8" t="s">
        <v>19</v>
      </c>
      <c r="B41" s="21">
        <v>104</v>
      </c>
      <c r="C41" s="6">
        <v>103</v>
      </c>
      <c r="D41" s="5">
        <v>207</v>
      </c>
    </row>
    <row r="42" spans="1:4" ht="18" customHeight="1" x14ac:dyDescent="0.15">
      <c r="A42" s="8">
        <v>30</v>
      </c>
      <c r="B42" s="21">
        <v>22</v>
      </c>
      <c r="C42" s="6">
        <v>26</v>
      </c>
      <c r="D42" s="5">
        <v>48</v>
      </c>
    </row>
    <row r="43" spans="1:4" ht="18" customHeight="1" x14ac:dyDescent="0.15">
      <c r="A43" s="8">
        <v>31</v>
      </c>
      <c r="B43" s="21">
        <v>24</v>
      </c>
      <c r="C43" s="6">
        <v>24</v>
      </c>
      <c r="D43" s="5">
        <v>48</v>
      </c>
    </row>
    <row r="44" spans="1:4" ht="18" customHeight="1" x14ac:dyDescent="0.15">
      <c r="A44" s="8">
        <v>32</v>
      </c>
      <c r="B44" s="21">
        <v>16</v>
      </c>
      <c r="C44" s="6">
        <v>23</v>
      </c>
      <c r="D44" s="5">
        <v>39</v>
      </c>
    </row>
    <row r="45" spans="1:4" ht="18" customHeight="1" x14ac:dyDescent="0.15">
      <c r="A45" s="8">
        <v>33</v>
      </c>
      <c r="B45" s="21">
        <v>16</v>
      </c>
      <c r="C45" s="6">
        <v>15</v>
      </c>
      <c r="D45" s="5">
        <v>31</v>
      </c>
    </row>
    <row r="46" spans="1:4" ht="18" customHeight="1" x14ac:dyDescent="0.15">
      <c r="A46" s="8">
        <v>34</v>
      </c>
      <c r="B46" s="21">
        <v>19</v>
      </c>
      <c r="C46" s="6">
        <v>11</v>
      </c>
      <c r="D46" s="5">
        <v>30</v>
      </c>
    </row>
    <row r="47" spans="1:4" ht="18" customHeight="1" x14ac:dyDescent="0.15">
      <c r="A47" s="8" t="s">
        <v>18</v>
      </c>
      <c r="B47" s="21">
        <v>97</v>
      </c>
      <c r="C47" s="6">
        <v>99</v>
      </c>
      <c r="D47" s="5">
        <v>196</v>
      </c>
    </row>
    <row r="48" spans="1:4" ht="18" customHeight="1" x14ac:dyDescent="0.15">
      <c r="A48" s="8">
        <v>35</v>
      </c>
      <c r="B48" s="21">
        <v>16</v>
      </c>
      <c r="C48" s="6">
        <v>20</v>
      </c>
      <c r="D48" s="5">
        <v>36</v>
      </c>
    </row>
    <row r="49" spans="1:4" ht="18" customHeight="1" x14ac:dyDescent="0.15">
      <c r="A49" s="8">
        <v>36</v>
      </c>
      <c r="B49" s="21">
        <v>19</v>
      </c>
      <c r="C49" s="6">
        <v>15</v>
      </c>
      <c r="D49" s="5">
        <v>34</v>
      </c>
    </row>
    <row r="50" spans="1:4" ht="18" customHeight="1" x14ac:dyDescent="0.15">
      <c r="A50" s="8">
        <v>37</v>
      </c>
      <c r="B50" s="21">
        <v>21</v>
      </c>
      <c r="C50" s="6">
        <v>17</v>
      </c>
      <c r="D50" s="5">
        <v>38</v>
      </c>
    </row>
    <row r="51" spans="1:4" ht="18" customHeight="1" x14ac:dyDescent="0.15">
      <c r="A51" s="8">
        <v>38</v>
      </c>
      <c r="B51" s="21">
        <v>24</v>
      </c>
      <c r="C51" s="6">
        <v>17</v>
      </c>
      <c r="D51" s="5">
        <v>41</v>
      </c>
    </row>
    <row r="52" spans="1:4" ht="18" customHeight="1" x14ac:dyDescent="0.15">
      <c r="A52" s="8">
        <v>39</v>
      </c>
      <c r="B52" s="21">
        <v>29</v>
      </c>
      <c r="C52" s="6">
        <v>25</v>
      </c>
      <c r="D52" s="5">
        <v>54</v>
      </c>
    </row>
    <row r="53" spans="1:4" ht="18" customHeight="1" x14ac:dyDescent="0.15">
      <c r="A53" s="8" t="s">
        <v>17</v>
      </c>
      <c r="B53" s="21">
        <v>109</v>
      </c>
      <c r="C53" s="6">
        <v>94</v>
      </c>
      <c r="D53" s="5">
        <v>203</v>
      </c>
    </row>
    <row r="54" spans="1:4" ht="18" customHeight="1" x14ac:dyDescent="0.15">
      <c r="A54" s="8">
        <v>40</v>
      </c>
      <c r="B54" s="21">
        <v>20</v>
      </c>
      <c r="C54" s="6">
        <v>15</v>
      </c>
      <c r="D54" s="5">
        <v>35</v>
      </c>
    </row>
    <row r="55" spans="1:4" ht="18" customHeight="1" x14ac:dyDescent="0.15">
      <c r="A55" s="8">
        <v>41</v>
      </c>
      <c r="B55" s="21">
        <v>21</v>
      </c>
      <c r="C55" s="6">
        <v>28</v>
      </c>
      <c r="D55" s="5">
        <v>49</v>
      </c>
    </row>
    <row r="56" spans="1:4" ht="18" customHeight="1" x14ac:dyDescent="0.15">
      <c r="A56" s="8">
        <v>42</v>
      </c>
      <c r="B56" s="21">
        <v>21</v>
      </c>
      <c r="C56" s="6">
        <v>19</v>
      </c>
      <c r="D56" s="5">
        <v>40</v>
      </c>
    </row>
    <row r="57" spans="1:4" ht="18" customHeight="1" x14ac:dyDescent="0.15">
      <c r="A57" s="8">
        <v>43</v>
      </c>
      <c r="B57" s="21">
        <v>16</v>
      </c>
      <c r="C57" s="6">
        <v>24</v>
      </c>
      <c r="D57" s="5">
        <v>40</v>
      </c>
    </row>
    <row r="58" spans="1:4" ht="18" customHeight="1" x14ac:dyDescent="0.15">
      <c r="A58" s="8">
        <v>44</v>
      </c>
      <c r="B58" s="21">
        <v>16</v>
      </c>
      <c r="C58" s="6">
        <v>17</v>
      </c>
      <c r="D58" s="5">
        <v>33</v>
      </c>
    </row>
    <row r="59" spans="1:4" ht="18" customHeight="1" x14ac:dyDescent="0.15">
      <c r="A59" s="8" t="s">
        <v>16</v>
      </c>
      <c r="B59" s="21">
        <v>94</v>
      </c>
      <c r="C59" s="6">
        <v>103</v>
      </c>
      <c r="D59" s="5">
        <v>197</v>
      </c>
    </row>
    <row r="60" spans="1:4" ht="18" customHeight="1" x14ac:dyDescent="0.15">
      <c r="A60" s="8">
        <v>45</v>
      </c>
      <c r="B60" s="21">
        <v>20</v>
      </c>
      <c r="C60" s="6">
        <v>23</v>
      </c>
      <c r="D60" s="5">
        <v>43</v>
      </c>
    </row>
    <row r="61" spans="1:4" ht="18" customHeight="1" x14ac:dyDescent="0.15">
      <c r="A61" s="8">
        <v>46</v>
      </c>
      <c r="B61" s="21">
        <v>23</v>
      </c>
      <c r="C61" s="6">
        <v>28</v>
      </c>
      <c r="D61" s="5">
        <v>51</v>
      </c>
    </row>
    <row r="62" spans="1:4" ht="18" customHeight="1" x14ac:dyDescent="0.15">
      <c r="A62" s="8">
        <v>47</v>
      </c>
      <c r="B62" s="21">
        <v>23</v>
      </c>
      <c r="C62" s="6">
        <v>31</v>
      </c>
      <c r="D62" s="5">
        <v>54</v>
      </c>
    </row>
    <row r="63" spans="1:4" ht="18" customHeight="1" x14ac:dyDescent="0.15">
      <c r="A63" s="8">
        <v>48</v>
      </c>
      <c r="B63" s="21">
        <v>32</v>
      </c>
      <c r="C63" s="6">
        <v>17</v>
      </c>
      <c r="D63" s="5">
        <v>49</v>
      </c>
    </row>
    <row r="64" spans="1:4" ht="18" customHeight="1" x14ac:dyDescent="0.15">
      <c r="A64" s="8">
        <v>49</v>
      </c>
      <c r="B64" s="21">
        <v>35</v>
      </c>
      <c r="C64" s="6">
        <v>22</v>
      </c>
      <c r="D64" s="5">
        <v>57</v>
      </c>
    </row>
    <row r="65" spans="1:4" ht="18" customHeight="1" x14ac:dyDescent="0.15">
      <c r="A65" s="8" t="s">
        <v>15</v>
      </c>
      <c r="B65" s="21">
        <v>133</v>
      </c>
      <c r="C65" s="6">
        <v>121</v>
      </c>
      <c r="D65" s="5">
        <v>254</v>
      </c>
    </row>
    <row r="66" spans="1:4" ht="18" customHeight="1" x14ac:dyDescent="0.15">
      <c r="A66" s="8">
        <v>50</v>
      </c>
      <c r="B66" s="21">
        <v>26</v>
      </c>
      <c r="C66" s="6">
        <v>26</v>
      </c>
      <c r="D66" s="5">
        <v>52</v>
      </c>
    </row>
    <row r="67" spans="1:4" ht="18" customHeight="1" x14ac:dyDescent="0.15">
      <c r="A67" s="8">
        <v>51</v>
      </c>
      <c r="B67" s="21">
        <v>37</v>
      </c>
      <c r="C67" s="6">
        <v>34</v>
      </c>
      <c r="D67" s="5">
        <v>71</v>
      </c>
    </row>
    <row r="68" spans="1:4" ht="18" customHeight="1" x14ac:dyDescent="0.15">
      <c r="A68" s="8">
        <v>52</v>
      </c>
      <c r="B68" s="21">
        <v>39</v>
      </c>
      <c r="C68" s="6">
        <v>28</v>
      </c>
      <c r="D68" s="5">
        <v>67</v>
      </c>
    </row>
    <row r="69" spans="1:4" ht="18" customHeight="1" x14ac:dyDescent="0.15">
      <c r="A69" s="8">
        <v>53</v>
      </c>
      <c r="B69" s="21">
        <v>33</v>
      </c>
      <c r="C69" s="6">
        <v>24</v>
      </c>
      <c r="D69" s="5">
        <v>57</v>
      </c>
    </row>
    <row r="70" spans="1:4" ht="18" customHeight="1" x14ac:dyDescent="0.15">
      <c r="A70" s="8">
        <v>54</v>
      </c>
      <c r="B70" s="21">
        <v>33</v>
      </c>
      <c r="C70" s="6">
        <v>24</v>
      </c>
      <c r="D70" s="5">
        <v>57</v>
      </c>
    </row>
    <row r="71" spans="1:4" ht="18" customHeight="1" x14ac:dyDescent="0.15">
      <c r="A71" s="8" t="s">
        <v>14</v>
      </c>
      <c r="B71" s="21">
        <v>168</v>
      </c>
      <c r="C71" s="6">
        <v>136</v>
      </c>
      <c r="D71" s="5">
        <v>304</v>
      </c>
    </row>
    <row r="72" spans="1:4" ht="18" customHeight="1" x14ac:dyDescent="0.15">
      <c r="A72" s="8">
        <v>55</v>
      </c>
      <c r="B72" s="21">
        <v>22</v>
      </c>
      <c r="C72" s="6">
        <v>23</v>
      </c>
      <c r="D72" s="5">
        <v>45</v>
      </c>
    </row>
    <row r="73" spans="1:4" ht="18" customHeight="1" x14ac:dyDescent="0.15">
      <c r="A73" s="8">
        <v>56</v>
      </c>
      <c r="B73" s="21">
        <v>33</v>
      </c>
      <c r="C73" s="6">
        <v>33</v>
      </c>
      <c r="D73" s="5">
        <v>66</v>
      </c>
    </row>
    <row r="74" spans="1:4" ht="18" customHeight="1" x14ac:dyDescent="0.15">
      <c r="A74" s="8">
        <v>57</v>
      </c>
      <c r="B74" s="21">
        <v>26</v>
      </c>
      <c r="C74" s="6">
        <v>31</v>
      </c>
      <c r="D74" s="5">
        <v>57</v>
      </c>
    </row>
    <row r="75" spans="1:4" ht="18" customHeight="1" x14ac:dyDescent="0.15">
      <c r="A75" s="8">
        <v>58</v>
      </c>
      <c r="B75" s="21">
        <v>30</v>
      </c>
      <c r="C75" s="6">
        <v>28</v>
      </c>
      <c r="D75" s="5">
        <v>58</v>
      </c>
    </row>
    <row r="76" spans="1:4" ht="18" customHeight="1" x14ac:dyDescent="0.15">
      <c r="A76" s="8">
        <v>59</v>
      </c>
      <c r="B76" s="21">
        <v>26</v>
      </c>
      <c r="C76" s="6">
        <v>18</v>
      </c>
      <c r="D76" s="5">
        <v>44</v>
      </c>
    </row>
    <row r="77" spans="1:4" ht="18" customHeight="1" x14ac:dyDescent="0.15">
      <c r="A77" s="8" t="s">
        <v>13</v>
      </c>
      <c r="B77" s="21">
        <v>137</v>
      </c>
      <c r="C77" s="6">
        <v>133</v>
      </c>
      <c r="D77" s="5">
        <v>270</v>
      </c>
    </row>
    <row r="78" spans="1:4" ht="18" customHeight="1" x14ac:dyDescent="0.15">
      <c r="A78" s="8">
        <v>60</v>
      </c>
      <c r="B78" s="21">
        <v>23</v>
      </c>
      <c r="C78" s="6">
        <v>28</v>
      </c>
      <c r="D78" s="5">
        <v>51</v>
      </c>
    </row>
    <row r="79" spans="1:4" ht="18" customHeight="1" x14ac:dyDescent="0.15">
      <c r="A79" s="8">
        <v>61</v>
      </c>
      <c r="B79" s="21">
        <v>37</v>
      </c>
      <c r="C79" s="6">
        <v>30</v>
      </c>
      <c r="D79" s="5">
        <v>67</v>
      </c>
    </row>
    <row r="80" spans="1:4" ht="18" customHeight="1" x14ac:dyDescent="0.15">
      <c r="A80" s="8">
        <v>62</v>
      </c>
      <c r="B80" s="21">
        <v>23</v>
      </c>
      <c r="C80" s="6">
        <v>27</v>
      </c>
      <c r="D80" s="5">
        <v>50</v>
      </c>
    </row>
    <row r="81" spans="1:4" ht="18" customHeight="1" x14ac:dyDescent="0.15">
      <c r="A81" s="8">
        <v>63</v>
      </c>
      <c r="B81" s="21">
        <v>27</v>
      </c>
      <c r="C81" s="6">
        <v>26</v>
      </c>
      <c r="D81" s="5">
        <v>53</v>
      </c>
    </row>
    <row r="82" spans="1:4" ht="18" customHeight="1" x14ac:dyDescent="0.15">
      <c r="A82" s="8">
        <v>64</v>
      </c>
      <c r="B82" s="21">
        <v>26</v>
      </c>
      <c r="C82" s="6">
        <v>21</v>
      </c>
      <c r="D82" s="5">
        <v>47</v>
      </c>
    </row>
    <row r="83" spans="1:4" ht="18" customHeight="1" x14ac:dyDescent="0.15">
      <c r="A83" s="8" t="s">
        <v>12</v>
      </c>
      <c r="B83" s="21">
        <v>136</v>
      </c>
      <c r="C83" s="6">
        <v>132</v>
      </c>
      <c r="D83" s="5">
        <v>268</v>
      </c>
    </row>
    <row r="84" spans="1:4" ht="18" customHeight="1" x14ac:dyDescent="0.15">
      <c r="A84" s="8" t="s">
        <v>11</v>
      </c>
      <c r="B84" s="21">
        <v>1133</v>
      </c>
      <c r="C84" s="6">
        <v>1062</v>
      </c>
      <c r="D84" s="5">
        <v>2195</v>
      </c>
    </row>
    <row r="85" spans="1:4" ht="18" customHeight="1" x14ac:dyDescent="0.15">
      <c r="A85" s="8">
        <v>65</v>
      </c>
      <c r="B85" s="21">
        <v>30</v>
      </c>
      <c r="C85" s="6">
        <v>23</v>
      </c>
      <c r="D85" s="5">
        <v>53</v>
      </c>
    </row>
    <row r="86" spans="1:4" ht="18" customHeight="1" x14ac:dyDescent="0.15">
      <c r="A86" s="8">
        <v>66</v>
      </c>
      <c r="B86" s="21">
        <v>22</v>
      </c>
      <c r="C86" s="6">
        <v>24</v>
      </c>
      <c r="D86" s="5">
        <v>46</v>
      </c>
    </row>
    <row r="87" spans="1:4" ht="18" customHeight="1" x14ac:dyDescent="0.15">
      <c r="A87" s="8">
        <v>67</v>
      </c>
      <c r="B87" s="21">
        <v>15</v>
      </c>
      <c r="C87" s="6">
        <v>26</v>
      </c>
      <c r="D87" s="5">
        <v>41</v>
      </c>
    </row>
    <row r="88" spans="1:4" ht="18" customHeight="1" x14ac:dyDescent="0.15">
      <c r="A88" s="8">
        <v>68</v>
      </c>
      <c r="B88" s="21">
        <v>18</v>
      </c>
      <c r="C88" s="6">
        <v>23</v>
      </c>
      <c r="D88" s="5">
        <v>41</v>
      </c>
    </row>
    <row r="89" spans="1:4" ht="18" customHeight="1" x14ac:dyDescent="0.15">
      <c r="A89" s="8">
        <v>69</v>
      </c>
      <c r="B89" s="21">
        <v>23</v>
      </c>
      <c r="C89" s="6">
        <v>24</v>
      </c>
      <c r="D89" s="5">
        <v>47</v>
      </c>
    </row>
    <row r="90" spans="1:4" ht="18" customHeight="1" x14ac:dyDescent="0.15">
      <c r="A90" s="8" t="s">
        <v>10</v>
      </c>
      <c r="B90" s="21">
        <v>108</v>
      </c>
      <c r="C90" s="6">
        <v>120</v>
      </c>
      <c r="D90" s="5">
        <v>228</v>
      </c>
    </row>
    <row r="91" spans="1:4" ht="18" customHeight="1" x14ac:dyDescent="0.15">
      <c r="A91" s="8">
        <v>70</v>
      </c>
      <c r="B91" s="21">
        <v>25</v>
      </c>
      <c r="C91" s="6">
        <v>17</v>
      </c>
      <c r="D91" s="5">
        <v>42</v>
      </c>
    </row>
    <row r="92" spans="1:4" ht="18" customHeight="1" x14ac:dyDescent="0.15">
      <c r="A92" s="8">
        <v>71</v>
      </c>
      <c r="B92" s="21">
        <v>23</v>
      </c>
      <c r="C92" s="6">
        <v>26</v>
      </c>
      <c r="D92" s="5">
        <v>49</v>
      </c>
    </row>
    <row r="93" spans="1:4" ht="18" customHeight="1" x14ac:dyDescent="0.15">
      <c r="A93" s="8">
        <v>72</v>
      </c>
      <c r="B93" s="21">
        <v>28</v>
      </c>
      <c r="C93" s="6">
        <v>32</v>
      </c>
      <c r="D93" s="5">
        <v>60</v>
      </c>
    </row>
    <row r="94" spans="1:4" ht="18" customHeight="1" x14ac:dyDescent="0.15">
      <c r="A94" s="8">
        <v>73</v>
      </c>
      <c r="B94" s="21">
        <v>33</v>
      </c>
      <c r="C94" s="6">
        <v>39</v>
      </c>
      <c r="D94" s="5">
        <v>72</v>
      </c>
    </row>
    <row r="95" spans="1:4" ht="18" customHeight="1" x14ac:dyDescent="0.15">
      <c r="A95" s="8">
        <v>74</v>
      </c>
      <c r="B95" s="21">
        <v>29</v>
      </c>
      <c r="C95" s="6">
        <v>31</v>
      </c>
      <c r="D95" s="5">
        <v>60</v>
      </c>
    </row>
    <row r="96" spans="1:4" ht="18" customHeight="1" x14ac:dyDescent="0.15">
      <c r="A96" s="8" t="s">
        <v>9</v>
      </c>
      <c r="B96" s="21">
        <v>138</v>
      </c>
      <c r="C96" s="6">
        <v>145</v>
      </c>
      <c r="D96" s="5">
        <v>283</v>
      </c>
    </row>
    <row r="97" spans="1:4" ht="18" customHeight="1" x14ac:dyDescent="0.15">
      <c r="A97" s="8">
        <v>75</v>
      </c>
      <c r="B97" s="21">
        <v>29</v>
      </c>
      <c r="C97" s="6">
        <v>34</v>
      </c>
      <c r="D97" s="5">
        <v>63</v>
      </c>
    </row>
    <row r="98" spans="1:4" ht="18" customHeight="1" x14ac:dyDescent="0.15">
      <c r="A98" s="8">
        <v>76</v>
      </c>
      <c r="B98" s="21">
        <v>37</v>
      </c>
      <c r="C98" s="6">
        <v>36</v>
      </c>
      <c r="D98" s="5">
        <v>73</v>
      </c>
    </row>
    <row r="99" spans="1:4" ht="18" customHeight="1" x14ac:dyDescent="0.15">
      <c r="A99" s="8">
        <v>77</v>
      </c>
      <c r="B99" s="21">
        <v>38</v>
      </c>
      <c r="C99" s="6">
        <v>44</v>
      </c>
      <c r="D99" s="5">
        <v>82</v>
      </c>
    </row>
    <row r="100" spans="1:4" ht="18" customHeight="1" x14ac:dyDescent="0.15">
      <c r="A100" s="8">
        <v>78</v>
      </c>
      <c r="B100" s="21">
        <v>27</v>
      </c>
      <c r="C100" s="6">
        <v>51</v>
      </c>
      <c r="D100" s="5">
        <v>78</v>
      </c>
    </row>
    <row r="101" spans="1:4" ht="18" customHeight="1" x14ac:dyDescent="0.15">
      <c r="A101" s="8">
        <v>79</v>
      </c>
      <c r="B101" s="21">
        <v>15</v>
      </c>
      <c r="C101" s="6">
        <v>20</v>
      </c>
      <c r="D101" s="5">
        <v>35</v>
      </c>
    </row>
    <row r="102" spans="1:4" ht="18" customHeight="1" x14ac:dyDescent="0.15">
      <c r="A102" s="8" t="s">
        <v>8</v>
      </c>
      <c r="B102" s="21">
        <v>146</v>
      </c>
      <c r="C102" s="6">
        <v>185</v>
      </c>
      <c r="D102" s="5">
        <v>331</v>
      </c>
    </row>
    <row r="103" spans="1:4" ht="18" customHeight="1" x14ac:dyDescent="0.15">
      <c r="A103" s="8">
        <v>80</v>
      </c>
      <c r="B103" s="21">
        <v>16</v>
      </c>
      <c r="C103" s="6">
        <v>24</v>
      </c>
      <c r="D103" s="5">
        <v>40</v>
      </c>
    </row>
    <row r="104" spans="1:4" ht="18" customHeight="1" x14ac:dyDescent="0.15">
      <c r="A104" s="8">
        <v>81</v>
      </c>
      <c r="B104" s="21">
        <v>11</v>
      </c>
      <c r="C104" s="6">
        <v>37</v>
      </c>
      <c r="D104" s="5">
        <v>48</v>
      </c>
    </row>
    <row r="105" spans="1:4" ht="18" customHeight="1" x14ac:dyDescent="0.15">
      <c r="A105" s="8">
        <v>82</v>
      </c>
      <c r="B105" s="21">
        <v>19</v>
      </c>
      <c r="C105" s="6">
        <v>30</v>
      </c>
      <c r="D105" s="5">
        <v>49</v>
      </c>
    </row>
    <row r="106" spans="1:4" ht="18" customHeight="1" x14ac:dyDescent="0.15">
      <c r="A106" s="8">
        <v>83</v>
      </c>
      <c r="B106" s="21">
        <v>23</v>
      </c>
      <c r="C106" s="6">
        <v>21</v>
      </c>
      <c r="D106" s="5">
        <v>44</v>
      </c>
    </row>
    <row r="107" spans="1:4" ht="18" customHeight="1" x14ac:dyDescent="0.15">
      <c r="A107" s="8">
        <v>84</v>
      </c>
      <c r="B107" s="21">
        <v>28</v>
      </c>
      <c r="C107" s="6">
        <v>31</v>
      </c>
      <c r="D107" s="5">
        <v>59</v>
      </c>
    </row>
    <row r="108" spans="1:4" ht="18" customHeight="1" x14ac:dyDescent="0.15">
      <c r="A108" s="8" t="s">
        <v>7</v>
      </c>
      <c r="B108" s="21">
        <v>97</v>
      </c>
      <c r="C108" s="6">
        <v>143</v>
      </c>
      <c r="D108" s="5">
        <v>240</v>
      </c>
    </row>
    <row r="109" spans="1:4" ht="18" customHeight="1" x14ac:dyDescent="0.15">
      <c r="A109" s="8">
        <v>85</v>
      </c>
      <c r="B109" s="21">
        <v>7</v>
      </c>
      <c r="C109" s="6">
        <v>13</v>
      </c>
      <c r="D109" s="5">
        <v>20</v>
      </c>
    </row>
    <row r="110" spans="1:4" ht="18" customHeight="1" x14ac:dyDescent="0.15">
      <c r="A110" s="8">
        <v>86</v>
      </c>
      <c r="B110" s="21">
        <v>7</v>
      </c>
      <c r="C110" s="6">
        <v>19</v>
      </c>
      <c r="D110" s="5">
        <v>26</v>
      </c>
    </row>
    <row r="111" spans="1:4" ht="18" customHeight="1" x14ac:dyDescent="0.15">
      <c r="A111" s="8">
        <v>87</v>
      </c>
      <c r="B111" s="21">
        <v>9</v>
      </c>
      <c r="C111" s="6">
        <v>17</v>
      </c>
      <c r="D111" s="5">
        <v>26</v>
      </c>
    </row>
    <row r="112" spans="1:4" ht="18" customHeight="1" x14ac:dyDescent="0.15">
      <c r="A112" s="8">
        <v>88</v>
      </c>
      <c r="B112" s="21">
        <v>17</v>
      </c>
      <c r="C112" s="6">
        <v>14</v>
      </c>
      <c r="D112" s="5">
        <v>31</v>
      </c>
    </row>
    <row r="113" spans="1:4" ht="18" customHeight="1" x14ac:dyDescent="0.15">
      <c r="A113" s="8">
        <v>89</v>
      </c>
      <c r="B113" s="21">
        <v>5</v>
      </c>
      <c r="C113" s="6">
        <v>14</v>
      </c>
      <c r="D113" s="5">
        <v>19</v>
      </c>
    </row>
    <row r="114" spans="1:4" ht="18" customHeight="1" x14ac:dyDescent="0.15">
      <c r="A114" s="8" t="s">
        <v>6</v>
      </c>
      <c r="B114" s="21">
        <v>45</v>
      </c>
      <c r="C114" s="6">
        <v>77</v>
      </c>
      <c r="D114" s="5">
        <v>122</v>
      </c>
    </row>
    <row r="115" spans="1:4" ht="18" customHeight="1" x14ac:dyDescent="0.15">
      <c r="A115" s="8">
        <v>90</v>
      </c>
      <c r="B115" s="21">
        <v>5</v>
      </c>
      <c r="C115" s="6">
        <v>4</v>
      </c>
      <c r="D115" s="5">
        <v>9</v>
      </c>
    </row>
    <row r="116" spans="1:4" ht="18" customHeight="1" x14ac:dyDescent="0.15">
      <c r="A116" s="8">
        <v>91</v>
      </c>
      <c r="B116" s="21">
        <v>5</v>
      </c>
      <c r="C116" s="6">
        <v>9</v>
      </c>
      <c r="D116" s="5">
        <v>14</v>
      </c>
    </row>
    <row r="117" spans="1:4" ht="18" customHeight="1" x14ac:dyDescent="0.15">
      <c r="A117" s="8">
        <v>92</v>
      </c>
      <c r="B117" s="21">
        <v>4</v>
      </c>
      <c r="C117" s="6">
        <v>12</v>
      </c>
      <c r="D117" s="5">
        <v>16</v>
      </c>
    </row>
    <row r="118" spans="1:4" ht="18" customHeight="1" x14ac:dyDescent="0.15">
      <c r="A118" s="8">
        <v>93</v>
      </c>
      <c r="B118" s="21">
        <v>2</v>
      </c>
      <c r="C118" s="6">
        <v>9</v>
      </c>
      <c r="D118" s="5">
        <v>11</v>
      </c>
    </row>
    <row r="119" spans="1:4" ht="18" customHeight="1" x14ac:dyDescent="0.15">
      <c r="A119" s="8">
        <v>94</v>
      </c>
      <c r="B119" s="21">
        <v>2</v>
      </c>
      <c r="C119" s="6">
        <v>7</v>
      </c>
      <c r="D119" s="5">
        <v>9</v>
      </c>
    </row>
    <row r="120" spans="1:4" ht="18" customHeight="1" x14ac:dyDescent="0.15">
      <c r="A120" s="8" t="s">
        <v>5</v>
      </c>
      <c r="B120" s="21">
        <v>18</v>
      </c>
      <c r="C120" s="6">
        <v>41</v>
      </c>
      <c r="D120" s="5">
        <v>59</v>
      </c>
    </row>
    <row r="121" spans="1:4" ht="18" customHeight="1" x14ac:dyDescent="0.15">
      <c r="A121" s="8">
        <v>95</v>
      </c>
      <c r="B121" s="21">
        <v>0</v>
      </c>
      <c r="C121" s="6">
        <v>4</v>
      </c>
      <c r="D121" s="5">
        <v>4</v>
      </c>
    </row>
    <row r="122" spans="1:4" ht="18" customHeight="1" x14ac:dyDescent="0.15">
      <c r="A122" s="8">
        <v>96</v>
      </c>
      <c r="B122" s="21">
        <v>2</v>
      </c>
      <c r="C122" s="6">
        <v>3</v>
      </c>
      <c r="D122" s="5">
        <v>5</v>
      </c>
    </row>
    <row r="123" spans="1:4" ht="18" customHeight="1" x14ac:dyDescent="0.15">
      <c r="A123" s="8">
        <v>97</v>
      </c>
      <c r="B123" s="21">
        <v>1</v>
      </c>
      <c r="C123" s="6">
        <v>7</v>
      </c>
      <c r="D123" s="5">
        <v>8</v>
      </c>
    </row>
    <row r="124" spans="1:4" ht="18" customHeight="1" x14ac:dyDescent="0.15">
      <c r="A124" s="8">
        <v>98</v>
      </c>
      <c r="B124" s="21">
        <v>1</v>
      </c>
      <c r="C124" s="6">
        <v>1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4</v>
      </c>
      <c r="C126" s="6">
        <v>16</v>
      </c>
      <c r="D126" s="5">
        <v>20</v>
      </c>
    </row>
    <row r="127" spans="1:4" ht="18" customHeight="1" x14ac:dyDescent="0.15">
      <c r="A127" s="8">
        <v>100</v>
      </c>
      <c r="B127" s="21">
        <v>0</v>
      </c>
      <c r="C127" s="6">
        <v>4</v>
      </c>
      <c r="D127" s="5">
        <v>4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556</v>
      </c>
      <c r="C130" s="6">
        <v>731</v>
      </c>
      <c r="D130" s="5">
        <v>1287</v>
      </c>
    </row>
    <row r="131" spans="1:4" ht="18" customHeight="1" x14ac:dyDescent="0.15">
      <c r="A131" s="4" t="s">
        <v>0</v>
      </c>
      <c r="B131" s="20">
        <v>1884</v>
      </c>
      <c r="C131" s="2">
        <v>1989</v>
      </c>
      <c r="D131" s="1">
        <v>387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CE95A9-62DE-47CB-B5A9-6861CB7C0CB2}">
  <sheetPr codeName="Sheet5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</v>
      </c>
      <c r="C5" s="11">
        <v>4</v>
      </c>
      <c r="D5" s="10">
        <v>8</v>
      </c>
    </row>
    <row r="6" spans="1:4" ht="18" customHeight="1" x14ac:dyDescent="0.15">
      <c r="A6" s="8">
        <v>1</v>
      </c>
      <c r="B6" s="21">
        <v>3</v>
      </c>
      <c r="C6" s="6">
        <v>2</v>
      </c>
      <c r="D6" s="5">
        <v>5</v>
      </c>
    </row>
    <row r="7" spans="1:4" ht="18" customHeight="1" x14ac:dyDescent="0.15">
      <c r="A7" s="8">
        <v>2</v>
      </c>
      <c r="B7" s="21">
        <v>4</v>
      </c>
      <c r="C7" s="6">
        <v>5</v>
      </c>
      <c r="D7" s="5">
        <v>9</v>
      </c>
    </row>
    <row r="8" spans="1:4" ht="18" customHeight="1" x14ac:dyDescent="0.15">
      <c r="A8" s="8">
        <v>3</v>
      </c>
      <c r="B8" s="21">
        <v>3</v>
      </c>
      <c r="C8" s="6">
        <v>6</v>
      </c>
      <c r="D8" s="5">
        <v>9</v>
      </c>
    </row>
    <row r="9" spans="1:4" ht="18" customHeight="1" x14ac:dyDescent="0.15">
      <c r="A9" s="8">
        <v>4</v>
      </c>
      <c r="B9" s="21">
        <v>6</v>
      </c>
      <c r="C9" s="6">
        <v>8</v>
      </c>
      <c r="D9" s="5">
        <v>14</v>
      </c>
    </row>
    <row r="10" spans="1:4" ht="18" customHeight="1" x14ac:dyDescent="0.15">
      <c r="A10" s="8" t="s">
        <v>25</v>
      </c>
      <c r="B10" s="21">
        <v>20</v>
      </c>
      <c r="C10" s="6">
        <v>25</v>
      </c>
      <c r="D10" s="5">
        <v>45</v>
      </c>
    </row>
    <row r="11" spans="1:4" ht="18" customHeight="1" x14ac:dyDescent="0.15">
      <c r="A11" s="8">
        <v>5</v>
      </c>
      <c r="B11" s="21">
        <v>5</v>
      </c>
      <c r="C11" s="6">
        <v>3</v>
      </c>
      <c r="D11" s="5">
        <v>8</v>
      </c>
    </row>
    <row r="12" spans="1:4" ht="18" customHeight="1" x14ac:dyDescent="0.15">
      <c r="A12" s="8">
        <v>6</v>
      </c>
      <c r="B12" s="21">
        <v>6</v>
      </c>
      <c r="C12" s="6">
        <v>6</v>
      </c>
      <c r="D12" s="5">
        <v>12</v>
      </c>
    </row>
    <row r="13" spans="1:4" ht="18" customHeight="1" x14ac:dyDescent="0.15">
      <c r="A13" s="8">
        <v>7</v>
      </c>
      <c r="B13" s="21">
        <v>7</v>
      </c>
      <c r="C13" s="6">
        <v>6</v>
      </c>
      <c r="D13" s="5">
        <v>13</v>
      </c>
    </row>
    <row r="14" spans="1:4" ht="18" customHeight="1" x14ac:dyDescent="0.15">
      <c r="A14" s="8">
        <v>8</v>
      </c>
      <c r="B14" s="21">
        <v>7</v>
      </c>
      <c r="C14" s="6">
        <v>1</v>
      </c>
      <c r="D14" s="5">
        <v>8</v>
      </c>
    </row>
    <row r="15" spans="1:4" ht="18" customHeight="1" x14ac:dyDescent="0.15">
      <c r="A15" s="8">
        <v>9</v>
      </c>
      <c r="B15" s="21">
        <v>3</v>
      </c>
      <c r="C15" s="6">
        <v>8</v>
      </c>
      <c r="D15" s="5">
        <v>11</v>
      </c>
    </row>
    <row r="16" spans="1:4" ht="18" customHeight="1" x14ac:dyDescent="0.15">
      <c r="A16" s="8" t="s">
        <v>24</v>
      </c>
      <c r="B16" s="21">
        <v>28</v>
      </c>
      <c r="C16" s="6">
        <v>24</v>
      </c>
      <c r="D16" s="5">
        <v>52</v>
      </c>
    </row>
    <row r="17" spans="1:4" ht="18" customHeight="1" x14ac:dyDescent="0.15">
      <c r="A17" s="8">
        <v>10</v>
      </c>
      <c r="B17" s="21">
        <v>3</v>
      </c>
      <c r="C17" s="6">
        <v>5</v>
      </c>
      <c r="D17" s="5">
        <v>8</v>
      </c>
    </row>
    <row r="18" spans="1:4" ht="18" customHeight="1" x14ac:dyDescent="0.15">
      <c r="A18" s="8">
        <v>11</v>
      </c>
      <c r="B18" s="21">
        <v>12</v>
      </c>
      <c r="C18" s="6">
        <v>5</v>
      </c>
      <c r="D18" s="5">
        <v>17</v>
      </c>
    </row>
    <row r="19" spans="1:4" ht="18" customHeight="1" x14ac:dyDescent="0.15">
      <c r="A19" s="8">
        <v>12</v>
      </c>
      <c r="B19" s="21">
        <v>7</v>
      </c>
      <c r="C19" s="6">
        <v>9</v>
      </c>
      <c r="D19" s="5">
        <v>16</v>
      </c>
    </row>
    <row r="20" spans="1:4" ht="18" customHeight="1" x14ac:dyDescent="0.15">
      <c r="A20" s="8">
        <v>13</v>
      </c>
      <c r="B20" s="21">
        <v>7</v>
      </c>
      <c r="C20" s="6">
        <v>5</v>
      </c>
      <c r="D20" s="5">
        <v>12</v>
      </c>
    </row>
    <row r="21" spans="1:4" ht="18" customHeight="1" x14ac:dyDescent="0.15">
      <c r="A21" s="8">
        <v>14</v>
      </c>
      <c r="B21" s="21">
        <v>6</v>
      </c>
      <c r="C21" s="6">
        <v>7</v>
      </c>
      <c r="D21" s="5">
        <v>13</v>
      </c>
    </row>
    <row r="22" spans="1:4" ht="18" customHeight="1" x14ac:dyDescent="0.15">
      <c r="A22" s="8" t="s">
        <v>23</v>
      </c>
      <c r="B22" s="21">
        <v>35</v>
      </c>
      <c r="C22" s="6">
        <v>31</v>
      </c>
      <c r="D22" s="5">
        <v>66</v>
      </c>
    </row>
    <row r="23" spans="1:4" ht="18" customHeight="1" x14ac:dyDescent="0.15">
      <c r="A23" s="8" t="s">
        <v>22</v>
      </c>
      <c r="B23" s="21">
        <v>83</v>
      </c>
      <c r="C23" s="6">
        <v>80</v>
      </c>
      <c r="D23" s="5">
        <v>163</v>
      </c>
    </row>
    <row r="24" spans="1:4" ht="18" customHeight="1" x14ac:dyDescent="0.15">
      <c r="A24" s="8">
        <v>15</v>
      </c>
      <c r="B24" s="21">
        <v>10</v>
      </c>
      <c r="C24" s="6">
        <v>6</v>
      </c>
      <c r="D24" s="5">
        <v>16</v>
      </c>
    </row>
    <row r="25" spans="1:4" ht="18" customHeight="1" x14ac:dyDescent="0.15">
      <c r="A25" s="8">
        <v>16</v>
      </c>
      <c r="B25" s="21">
        <v>4</v>
      </c>
      <c r="C25" s="6">
        <v>11</v>
      </c>
      <c r="D25" s="5">
        <v>15</v>
      </c>
    </row>
    <row r="26" spans="1:4" ht="18" customHeight="1" x14ac:dyDescent="0.15">
      <c r="A26" s="8">
        <v>17</v>
      </c>
      <c r="B26" s="21">
        <v>7</v>
      </c>
      <c r="C26" s="6">
        <v>5</v>
      </c>
      <c r="D26" s="5">
        <v>12</v>
      </c>
    </row>
    <row r="27" spans="1:4" ht="18" customHeight="1" x14ac:dyDescent="0.15">
      <c r="A27" s="8">
        <v>18</v>
      </c>
      <c r="B27" s="21">
        <v>7</v>
      </c>
      <c r="C27" s="6">
        <v>7</v>
      </c>
      <c r="D27" s="5">
        <v>14</v>
      </c>
    </row>
    <row r="28" spans="1:4" ht="18" customHeight="1" x14ac:dyDescent="0.15">
      <c r="A28" s="8">
        <v>19</v>
      </c>
      <c r="B28" s="21">
        <v>5</v>
      </c>
      <c r="C28" s="6">
        <v>7</v>
      </c>
      <c r="D28" s="5">
        <v>12</v>
      </c>
    </row>
    <row r="29" spans="1:4" ht="18" customHeight="1" x14ac:dyDescent="0.15">
      <c r="A29" s="8" t="s">
        <v>21</v>
      </c>
      <c r="B29" s="21">
        <v>33</v>
      </c>
      <c r="C29" s="6">
        <v>36</v>
      </c>
      <c r="D29" s="5">
        <v>69</v>
      </c>
    </row>
    <row r="30" spans="1:4" ht="18" customHeight="1" x14ac:dyDescent="0.15">
      <c r="A30" s="8">
        <v>20</v>
      </c>
      <c r="B30" s="21">
        <v>9</v>
      </c>
      <c r="C30" s="6">
        <v>4</v>
      </c>
      <c r="D30" s="5">
        <v>13</v>
      </c>
    </row>
    <row r="31" spans="1:4" ht="18" customHeight="1" x14ac:dyDescent="0.15">
      <c r="A31" s="8">
        <v>21</v>
      </c>
      <c r="B31" s="21">
        <v>10</v>
      </c>
      <c r="C31" s="6">
        <v>9</v>
      </c>
      <c r="D31" s="5">
        <v>19</v>
      </c>
    </row>
    <row r="32" spans="1:4" ht="18" customHeight="1" x14ac:dyDescent="0.15">
      <c r="A32" s="8">
        <v>22</v>
      </c>
      <c r="B32" s="21">
        <v>10</v>
      </c>
      <c r="C32" s="6">
        <v>8</v>
      </c>
      <c r="D32" s="5">
        <v>18</v>
      </c>
    </row>
    <row r="33" spans="1:4" ht="18" customHeight="1" x14ac:dyDescent="0.15">
      <c r="A33" s="8">
        <v>23</v>
      </c>
      <c r="B33" s="21">
        <v>7</v>
      </c>
      <c r="C33" s="6">
        <v>3</v>
      </c>
      <c r="D33" s="5">
        <v>10</v>
      </c>
    </row>
    <row r="34" spans="1:4" ht="18" customHeight="1" x14ac:dyDescent="0.15">
      <c r="A34" s="8">
        <v>24</v>
      </c>
      <c r="B34" s="21">
        <v>5</v>
      </c>
      <c r="C34" s="6">
        <v>6</v>
      </c>
      <c r="D34" s="5">
        <v>11</v>
      </c>
    </row>
    <row r="35" spans="1:4" ht="18" customHeight="1" x14ac:dyDescent="0.15">
      <c r="A35" s="8" t="s">
        <v>20</v>
      </c>
      <c r="B35" s="21">
        <v>41</v>
      </c>
      <c r="C35" s="6">
        <v>30</v>
      </c>
      <c r="D35" s="5">
        <v>71</v>
      </c>
    </row>
    <row r="36" spans="1:4" ht="18" customHeight="1" x14ac:dyDescent="0.15">
      <c r="A36" s="8">
        <v>25</v>
      </c>
      <c r="B36" s="21">
        <v>5</v>
      </c>
      <c r="C36" s="6">
        <v>4</v>
      </c>
      <c r="D36" s="5">
        <v>9</v>
      </c>
    </row>
    <row r="37" spans="1:4" ht="18" customHeight="1" x14ac:dyDescent="0.15">
      <c r="A37" s="8">
        <v>26</v>
      </c>
      <c r="B37" s="21">
        <v>12</v>
      </c>
      <c r="C37" s="6">
        <v>9</v>
      </c>
      <c r="D37" s="5">
        <v>21</v>
      </c>
    </row>
    <row r="38" spans="1:4" ht="18" customHeight="1" x14ac:dyDescent="0.15">
      <c r="A38" s="8">
        <v>27</v>
      </c>
      <c r="B38" s="21">
        <v>10</v>
      </c>
      <c r="C38" s="6">
        <v>6</v>
      </c>
      <c r="D38" s="5">
        <v>16</v>
      </c>
    </row>
    <row r="39" spans="1:4" ht="18" customHeight="1" x14ac:dyDescent="0.15">
      <c r="A39" s="8">
        <v>28</v>
      </c>
      <c r="B39" s="21">
        <v>5</v>
      </c>
      <c r="C39" s="6">
        <v>6</v>
      </c>
      <c r="D39" s="5">
        <v>11</v>
      </c>
    </row>
    <row r="40" spans="1:4" ht="18" customHeight="1" x14ac:dyDescent="0.15">
      <c r="A40" s="8">
        <v>29</v>
      </c>
      <c r="B40" s="21">
        <v>11</v>
      </c>
      <c r="C40" s="6">
        <v>5</v>
      </c>
      <c r="D40" s="5">
        <v>16</v>
      </c>
    </row>
    <row r="41" spans="1:4" ht="18" customHeight="1" x14ac:dyDescent="0.15">
      <c r="A41" s="8" t="s">
        <v>19</v>
      </c>
      <c r="B41" s="21">
        <v>43</v>
      </c>
      <c r="C41" s="6">
        <v>30</v>
      </c>
      <c r="D41" s="5">
        <v>73</v>
      </c>
    </row>
    <row r="42" spans="1:4" ht="18" customHeight="1" x14ac:dyDescent="0.15">
      <c r="A42" s="8">
        <v>30</v>
      </c>
      <c r="B42" s="21">
        <v>8</v>
      </c>
      <c r="C42" s="6">
        <v>5</v>
      </c>
      <c r="D42" s="5">
        <v>13</v>
      </c>
    </row>
    <row r="43" spans="1:4" ht="18" customHeight="1" x14ac:dyDescent="0.15">
      <c r="A43" s="8">
        <v>31</v>
      </c>
      <c r="B43" s="21">
        <v>9</v>
      </c>
      <c r="C43" s="6">
        <v>8</v>
      </c>
      <c r="D43" s="5">
        <v>17</v>
      </c>
    </row>
    <row r="44" spans="1:4" ht="18" customHeight="1" x14ac:dyDescent="0.15">
      <c r="A44" s="8">
        <v>32</v>
      </c>
      <c r="B44" s="21">
        <v>7</v>
      </c>
      <c r="C44" s="6">
        <v>5</v>
      </c>
      <c r="D44" s="5">
        <v>12</v>
      </c>
    </row>
    <row r="45" spans="1:4" ht="18" customHeight="1" x14ac:dyDescent="0.15">
      <c r="A45" s="8">
        <v>33</v>
      </c>
      <c r="B45" s="21">
        <v>8</v>
      </c>
      <c r="C45" s="6">
        <v>6</v>
      </c>
      <c r="D45" s="5">
        <v>14</v>
      </c>
    </row>
    <row r="46" spans="1:4" ht="18" customHeight="1" x14ac:dyDescent="0.15">
      <c r="A46" s="8">
        <v>34</v>
      </c>
      <c r="B46" s="21">
        <v>6</v>
      </c>
      <c r="C46" s="6">
        <v>2</v>
      </c>
      <c r="D46" s="5">
        <v>8</v>
      </c>
    </row>
    <row r="47" spans="1:4" ht="18" customHeight="1" x14ac:dyDescent="0.15">
      <c r="A47" s="8" t="s">
        <v>18</v>
      </c>
      <c r="B47" s="21">
        <v>38</v>
      </c>
      <c r="C47" s="6">
        <v>26</v>
      </c>
      <c r="D47" s="5">
        <v>64</v>
      </c>
    </row>
    <row r="48" spans="1:4" ht="18" customHeight="1" x14ac:dyDescent="0.15">
      <c r="A48" s="8">
        <v>35</v>
      </c>
      <c r="B48" s="21">
        <v>15</v>
      </c>
      <c r="C48" s="6">
        <v>4</v>
      </c>
      <c r="D48" s="5">
        <v>19</v>
      </c>
    </row>
    <row r="49" spans="1:4" ht="18" customHeight="1" x14ac:dyDescent="0.15">
      <c r="A49" s="8">
        <v>36</v>
      </c>
      <c r="B49" s="21">
        <v>10</v>
      </c>
      <c r="C49" s="6">
        <v>6</v>
      </c>
      <c r="D49" s="5">
        <v>16</v>
      </c>
    </row>
    <row r="50" spans="1:4" ht="18" customHeight="1" x14ac:dyDescent="0.15">
      <c r="A50" s="8">
        <v>37</v>
      </c>
      <c r="B50" s="21">
        <v>10</v>
      </c>
      <c r="C50" s="6">
        <v>5</v>
      </c>
      <c r="D50" s="5">
        <v>15</v>
      </c>
    </row>
    <row r="51" spans="1:4" ht="18" customHeight="1" x14ac:dyDescent="0.15">
      <c r="A51" s="8">
        <v>38</v>
      </c>
      <c r="B51" s="21">
        <v>7</v>
      </c>
      <c r="C51" s="6">
        <v>9</v>
      </c>
      <c r="D51" s="5">
        <v>16</v>
      </c>
    </row>
    <row r="52" spans="1:4" ht="18" customHeight="1" x14ac:dyDescent="0.15">
      <c r="A52" s="8">
        <v>39</v>
      </c>
      <c r="B52" s="21">
        <v>9</v>
      </c>
      <c r="C52" s="6">
        <v>8</v>
      </c>
      <c r="D52" s="5">
        <v>17</v>
      </c>
    </row>
    <row r="53" spans="1:4" ht="18" customHeight="1" x14ac:dyDescent="0.15">
      <c r="A53" s="8" t="s">
        <v>17</v>
      </c>
      <c r="B53" s="21">
        <v>51</v>
      </c>
      <c r="C53" s="6">
        <v>32</v>
      </c>
      <c r="D53" s="5">
        <v>83</v>
      </c>
    </row>
    <row r="54" spans="1:4" ht="18" customHeight="1" x14ac:dyDescent="0.15">
      <c r="A54" s="8">
        <v>40</v>
      </c>
      <c r="B54" s="21">
        <v>9</v>
      </c>
      <c r="C54" s="6">
        <v>2</v>
      </c>
      <c r="D54" s="5">
        <v>11</v>
      </c>
    </row>
    <row r="55" spans="1:4" ht="18" customHeight="1" x14ac:dyDescent="0.15">
      <c r="A55" s="8">
        <v>41</v>
      </c>
      <c r="B55" s="21">
        <v>12</v>
      </c>
      <c r="C55" s="6">
        <v>8</v>
      </c>
      <c r="D55" s="5">
        <v>20</v>
      </c>
    </row>
    <row r="56" spans="1:4" ht="18" customHeight="1" x14ac:dyDescent="0.15">
      <c r="A56" s="8">
        <v>42</v>
      </c>
      <c r="B56" s="21">
        <v>11</v>
      </c>
      <c r="C56" s="6">
        <v>6</v>
      </c>
      <c r="D56" s="5">
        <v>17</v>
      </c>
    </row>
    <row r="57" spans="1:4" ht="18" customHeight="1" x14ac:dyDescent="0.15">
      <c r="A57" s="8">
        <v>43</v>
      </c>
      <c r="B57" s="21">
        <v>10</v>
      </c>
      <c r="C57" s="6">
        <v>6</v>
      </c>
      <c r="D57" s="5">
        <v>16</v>
      </c>
    </row>
    <row r="58" spans="1:4" ht="18" customHeight="1" x14ac:dyDescent="0.15">
      <c r="A58" s="8">
        <v>44</v>
      </c>
      <c r="B58" s="21">
        <v>11</v>
      </c>
      <c r="C58" s="6">
        <v>10</v>
      </c>
      <c r="D58" s="5">
        <v>21</v>
      </c>
    </row>
    <row r="59" spans="1:4" ht="18" customHeight="1" x14ac:dyDescent="0.15">
      <c r="A59" s="8" t="s">
        <v>16</v>
      </c>
      <c r="B59" s="21">
        <v>53</v>
      </c>
      <c r="C59" s="6">
        <v>32</v>
      </c>
      <c r="D59" s="5">
        <v>85</v>
      </c>
    </row>
    <row r="60" spans="1:4" ht="18" customHeight="1" x14ac:dyDescent="0.15">
      <c r="A60" s="8">
        <v>45</v>
      </c>
      <c r="B60" s="21">
        <v>9</v>
      </c>
      <c r="C60" s="6">
        <v>11</v>
      </c>
      <c r="D60" s="5">
        <v>20</v>
      </c>
    </row>
    <row r="61" spans="1:4" ht="18" customHeight="1" x14ac:dyDescent="0.15">
      <c r="A61" s="8">
        <v>46</v>
      </c>
      <c r="B61" s="21">
        <v>6</v>
      </c>
      <c r="C61" s="6">
        <v>8</v>
      </c>
      <c r="D61" s="5">
        <v>14</v>
      </c>
    </row>
    <row r="62" spans="1:4" ht="18" customHeight="1" x14ac:dyDescent="0.15">
      <c r="A62" s="8">
        <v>47</v>
      </c>
      <c r="B62" s="21">
        <v>10</v>
      </c>
      <c r="C62" s="6">
        <v>7</v>
      </c>
      <c r="D62" s="5">
        <v>17</v>
      </c>
    </row>
    <row r="63" spans="1:4" ht="18" customHeight="1" x14ac:dyDescent="0.15">
      <c r="A63" s="8">
        <v>48</v>
      </c>
      <c r="B63" s="21">
        <v>15</v>
      </c>
      <c r="C63" s="6">
        <v>6</v>
      </c>
      <c r="D63" s="5">
        <v>21</v>
      </c>
    </row>
    <row r="64" spans="1:4" ht="18" customHeight="1" x14ac:dyDescent="0.15">
      <c r="A64" s="8">
        <v>49</v>
      </c>
      <c r="B64" s="21">
        <v>11</v>
      </c>
      <c r="C64" s="6">
        <v>18</v>
      </c>
      <c r="D64" s="5">
        <v>29</v>
      </c>
    </row>
    <row r="65" spans="1:4" ht="18" customHeight="1" x14ac:dyDescent="0.15">
      <c r="A65" s="8" t="s">
        <v>15</v>
      </c>
      <c r="B65" s="21">
        <v>51</v>
      </c>
      <c r="C65" s="6">
        <v>50</v>
      </c>
      <c r="D65" s="5">
        <v>101</v>
      </c>
    </row>
    <row r="66" spans="1:4" ht="18" customHeight="1" x14ac:dyDescent="0.15">
      <c r="A66" s="8">
        <v>50</v>
      </c>
      <c r="B66" s="21">
        <v>12</v>
      </c>
      <c r="C66" s="6">
        <v>10</v>
      </c>
      <c r="D66" s="5">
        <v>22</v>
      </c>
    </row>
    <row r="67" spans="1:4" ht="18" customHeight="1" x14ac:dyDescent="0.15">
      <c r="A67" s="8">
        <v>51</v>
      </c>
      <c r="B67" s="21">
        <v>7</v>
      </c>
      <c r="C67" s="6">
        <v>12</v>
      </c>
      <c r="D67" s="5">
        <v>19</v>
      </c>
    </row>
    <row r="68" spans="1:4" ht="18" customHeight="1" x14ac:dyDescent="0.15">
      <c r="A68" s="8">
        <v>52</v>
      </c>
      <c r="B68" s="21">
        <v>14</v>
      </c>
      <c r="C68" s="6">
        <v>15</v>
      </c>
      <c r="D68" s="5">
        <v>29</v>
      </c>
    </row>
    <row r="69" spans="1:4" ht="18" customHeight="1" x14ac:dyDescent="0.15">
      <c r="A69" s="8">
        <v>53</v>
      </c>
      <c r="B69" s="21">
        <v>13</v>
      </c>
      <c r="C69" s="6">
        <v>10</v>
      </c>
      <c r="D69" s="5">
        <v>23</v>
      </c>
    </row>
    <row r="70" spans="1:4" ht="18" customHeight="1" x14ac:dyDescent="0.15">
      <c r="A70" s="8">
        <v>54</v>
      </c>
      <c r="B70" s="21">
        <v>12</v>
      </c>
      <c r="C70" s="6">
        <v>16</v>
      </c>
      <c r="D70" s="5">
        <v>28</v>
      </c>
    </row>
    <row r="71" spans="1:4" ht="18" customHeight="1" x14ac:dyDescent="0.15">
      <c r="A71" s="8" t="s">
        <v>14</v>
      </c>
      <c r="B71" s="21">
        <v>58</v>
      </c>
      <c r="C71" s="6">
        <v>63</v>
      </c>
      <c r="D71" s="5">
        <v>121</v>
      </c>
    </row>
    <row r="72" spans="1:4" ht="18" customHeight="1" x14ac:dyDescent="0.15">
      <c r="A72" s="8">
        <v>55</v>
      </c>
      <c r="B72" s="21">
        <v>12</v>
      </c>
      <c r="C72" s="6">
        <v>7</v>
      </c>
      <c r="D72" s="5">
        <v>19</v>
      </c>
    </row>
    <row r="73" spans="1:4" ht="18" customHeight="1" x14ac:dyDescent="0.15">
      <c r="A73" s="8">
        <v>56</v>
      </c>
      <c r="B73" s="21">
        <v>9</v>
      </c>
      <c r="C73" s="6">
        <v>8</v>
      </c>
      <c r="D73" s="5">
        <v>17</v>
      </c>
    </row>
    <row r="74" spans="1:4" ht="18" customHeight="1" x14ac:dyDescent="0.15">
      <c r="A74" s="8">
        <v>57</v>
      </c>
      <c r="B74" s="21">
        <v>10</v>
      </c>
      <c r="C74" s="6">
        <v>9</v>
      </c>
      <c r="D74" s="5">
        <v>19</v>
      </c>
    </row>
    <row r="75" spans="1:4" ht="18" customHeight="1" x14ac:dyDescent="0.15">
      <c r="A75" s="8">
        <v>58</v>
      </c>
      <c r="B75" s="21">
        <v>15</v>
      </c>
      <c r="C75" s="6">
        <v>15</v>
      </c>
      <c r="D75" s="5">
        <v>30</v>
      </c>
    </row>
    <row r="76" spans="1:4" ht="18" customHeight="1" x14ac:dyDescent="0.15">
      <c r="A76" s="8">
        <v>59</v>
      </c>
      <c r="B76" s="21">
        <v>6</v>
      </c>
      <c r="C76" s="6">
        <v>6</v>
      </c>
      <c r="D76" s="5">
        <v>12</v>
      </c>
    </row>
    <row r="77" spans="1:4" ht="18" customHeight="1" x14ac:dyDescent="0.15">
      <c r="A77" s="8" t="s">
        <v>13</v>
      </c>
      <c r="B77" s="21">
        <v>52</v>
      </c>
      <c r="C77" s="6">
        <v>45</v>
      </c>
      <c r="D77" s="5">
        <v>97</v>
      </c>
    </row>
    <row r="78" spans="1:4" ht="18" customHeight="1" x14ac:dyDescent="0.15">
      <c r="A78" s="8">
        <v>60</v>
      </c>
      <c r="B78" s="21">
        <v>10</v>
      </c>
      <c r="C78" s="6">
        <v>6</v>
      </c>
      <c r="D78" s="5">
        <v>16</v>
      </c>
    </row>
    <row r="79" spans="1:4" ht="18" customHeight="1" x14ac:dyDescent="0.15">
      <c r="A79" s="8">
        <v>61</v>
      </c>
      <c r="B79" s="21">
        <v>10</v>
      </c>
      <c r="C79" s="6">
        <v>15</v>
      </c>
      <c r="D79" s="5">
        <v>25</v>
      </c>
    </row>
    <row r="80" spans="1:4" ht="18" customHeight="1" x14ac:dyDescent="0.15">
      <c r="A80" s="8">
        <v>62</v>
      </c>
      <c r="B80" s="21">
        <v>17</v>
      </c>
      <c r="C80" s="6">
        <v>12</v>
      </c>
      <c r="D80" s="5">
        <v>29</v>
      </c>
    </row>
    <row r="81" spans="1:4" ht="18" customHeight="1" x14ac:dyDescent="0.15">
      <c r="A81" s="8">
        <v>63</v>
      </c>
      <c r="B81" s="21">
        <v>6</v>
      </c>
      <c r="C81" s="6">
        <v>8</v>
      </c>
      <c r="D81" s="5">
        <v>14</v>
      </c>
    </row>
    <row r="82" spans="1:4" ht="18" customHeight="1" x14ac:dyDescent="0.15">
      <c r="A82" s="8">
        <v>64</v>
      </c>
      <c r="B82" s="21">
        <v>9</v>
      </c>
      <c r="C82" s="6">
        <v>7</v>
      </c>
      <c r="D82" s="5">
        <v>16</v>
      </c>
    </row>
    <row r="83" spans="1:4" ht="18" customHeight="1" x14ac:dyDescent="0.15">
      <c r="A83" s="8" t="s">
        <v>12</v>
      </c>
      <c r="B83" s="21">
        <v>52</v>
      </c>
      <c r="C83" s="6">
        <v>48</v>
      </c>
      <c r="D83" s="5">
        <v>100</v>
      </c>
    </row>
    <row r="84" spans="1:4" ht="18" customHeight="1" x14ac:dyDescent="0.15">
      <c r="A84" s="8" t="s">
        <v>11</v>
      </c>
      <c r="B84" s="21">
        <v>472</v>
      </c>
      <c r="C84" s="6">
        <v>392</v>
      </c>
      <c r="D84" s="5">
        <v>864</v>
      </c>
    </row>
    <row r="85" spans="1:4" ht="18" customHeight="1" x14ac:dyDescent="0.15">
      <c r="A85" s="8">
        <v>65</v>
      </c>
      <c r="B85" s="21">
        <v>11</v>
      </c>
      <c r="C85" s="6">
        <v>12</v>
      </c>
      <c r="D85" s="5">
        <v>23</v>
      </c>
    </row>
    <row r="86" spans="1:4" ht="18" customHeight="1" x14ac:dyDescent="0.15">
      <c r="A86" s="8">
        <v>66</v>
      </c>
      <c r="B86" s="21">
        <v>12</v>
      </c>
      <c r="C86" s="6">
        <v>13</v>
      </c>
      <c r="D86" s="5">
        <v>25</v>
      </c>
    </row>
    <row r="87" spans="1:4" ht="18" customHeight="1" x14ac:dyDescent="0.15">
      <c r="A87" s="8">
        <v>67</v>
      </c>
      <c r="B87" s="21">
        <v>10</v>
      </c>
      <c r="C87" s="6">
        <v>12</v>
      </c>
      <c r="D87" s="5">
        <v>22</v>
      </c>
    </row>
    <row r="88" spans="1:4" ht="18" customHeight="1" x14ac:dyDescent="0.15">
      <c r="A88" s="8">
        <v>68</v>
      </c>
      <c r="B88" s="21">
        <v>9</v>
      </c>
      <c r="C88" s="6">
        <v>11</v>
      </c>
      <c r="D88" s="5">
        <v>20</v>
      </c>
    </row>
    <row r="89" spans="1:4" ht="18" customHeight="1" x14ac:dyDescent="0.15">
      <c r="A89" s="8">
        <v>69</v>
      </c>
      <c r="B89" s="21">
        <v>10</v>
      </c>
      <c r="C89" s="6">
        <v>8</v>
      </c>
      <c r="D89" s="5">
        <v>18</v>
      </c>
    </row>
    <row r="90" spans="1:4" ht="18" customHeight="1" x14ac:dyDescent="0.15">
      <c r="A90" s="8" t="s">
        <v>10</v>
      </c>
      <c r="B90" s="21">
        <v>52</v>
      </c>
      <c r="C90" s="6">
        <v>56</v>
      </c>
      <c r="D90" s="5">
        <v>108</v>
      </c>
    </row>
    <row r="91" spans="1:4" ht="18" customHeight="1" x14ac:dyDescent="0.15">
      <c r="A91" s="8">
        <v>70</v>
      </c>
      <c r="B91" s="21">
        <v>12</v>
      </c>
      <c r="C91" s="6">
        <v>12</v>
      </c>
      <c r="D91" s="5">
        <v>24</v>
      </c>
    </row>
    <row r="92" spans="1:4" ht="18" customHeight="1" x14ac:dyDescent="0.15">
      <c r="A92" s="8">
        <v>71</v>
      </c>
      <c r="B92" s="21">
        <v>4</v>
      </c>
      <c r="C92" s="6">
        <v>7</v>
      </c>
      <c r="D92" s="5">
        <v>11</v>
      </c>
    </row>
    <row r="93" spans="1:4" ht="18" customHeight="1" x14ac:dyDescent="0.15">
      <c r="A93" s="8">
        <v>72</v>
      </c>
      <c r="B93" s="21">
        <v>8</v>
      </c>
      <c r="C93" s="6">
        <v>12</v>
      </c>
      <c r="D93" s="5">
        <v>20</v>
      </c>
    </row>
    <row r="94" spans="1:4" ht="18" customHeight="1" x14ac:dyDescent="0.15">
      <c r="A94" s="8">
        <v>73</v>
      </c>
      <c r="B94" s="21">
        <v>16</v>
      </c>
      <c r="C94" s="6">
        <v>13</v>
      </c>
      <c r="D94" s="5">
        <v>29</v>
      </c>
    </row>
    <row r="95" spans="1:4" ht="18" customHeight="1" x14ac:dyDescent="0.15">
      <c r="A95" s="8">
        <v>74</v>
      </c>
      <c r="B95" s="21">
        <v>8</v>
      </c>
      <c r="C95" s="6">
        <v>10</v>
      </c>
      <c r="D95" s="5">
        <v>18</v>
      </c>
    </row>
    <row r="96" spans="1:4" ht="18" customHeight="1" x14ac:dyDescent="0.15">
      <c r="A96" s="8" t="s">
        <v>9</v>
      </c>
      <c r="B96" s="21">
        <v>48</v>
      </c>
      <c r="C96" s="6">
        <v>54</v>
      </c>
      <c r="D96" s="5">
        <v>102</v>
      </c>
    </row>
    <row r="97" spans="1:4" ht="18" customHeight="1" x14ac:dyDescent="0.15">
      <c r="A97" s="8">
        <v>75</v>
      </c>
      <c r="B97" s="21">
        <v>5</v>
      </c>
      <c r="C97" s="6">
        <v>13</v>
      </c>
      <c r="D97" s="5">
        <v>18</v>
      </c>
    </row>
    <row r="98" spans="1:4" ht="18" customHeight="1" x14ac:dyDescent="0.15">
      <c r="A98" s="8">
        <v>76</v>
      </c>
      <c r="B98" s="21">
        <v>18</v>
      </c>
      <c r="C98" s="6">
        <v>14</v>
      </c>
      <c r="D98" s="5">
        <v>32</v>
      </c>
    </row>
    <row r="99" spans="1:4" ht="18" customHeight="1" x14ac:dyDescent="0.15">
      <c r="A99" s="8">
        <v>77</v>
      </c>
      <c r="B99" s="21">
        <v>12</v>
      </c>
      <c r="C99" s="6">
        <v>17</v>
      </c>
      <c r="D99" s="5">
        <v>29</v>
      </c>
    </row>
    <row r="100" spans="1:4" ht="18" customHeight="1" x14ac:dyDescent="0.15">
      <c r="A100" s="8">
        <v>78</v>
      </c>
      <c r="B100" s="21">
        <v>16</v>
      </c>
      <c r="C100" s="6">
        <v>13</v>
      </c>
      <c r="D100" s="5">
        <v>29</v>
      </c>
    </row>
    <row r="101" spans="1:4" ht="18" customHeight="1" x14ac:dyDescent="0.15">
      <c r="A101" s="8">
        <v>79</v>
      </c>
      <c r="B101" s="21">
        <v>6</v>
      </c>
      <c r="C101" s="6">
        <v>13</v>
      </c>
      <c r="D101" s="5">
        <v>19</v>
      </c>
    </row>
    <row r="102" spans="1:4" ht="18" customHeight="1" x14ac:dyDescent="0.15">
      <c r="A102" s="8" t="s">
        <v>8</v>
      </c>
      <c r="B102" s="21">
        <v>57</v>
      </c>
      <c r="C102" s="6">
        <v>70</v>
      </c>
      <c r="D102" s="5">
        <v>127</v>
      </c>
    </row>
    <row r="103" spans="1:4" ht="18" customHeight="1" x14ac:dyDescent="0.15">
      <c r="A103" s="8">
        <v>80</v>
      </c>
      <c r="B103" s="21">
        <v>8</v>
      </c>
      <c r="C103" s="6">
        <v>9</v>
      </c>
      <c r="D103" s="5">
        <v>17</v>
      </c>
    </row>
    <row r="104" spans="1:4" ht="18" customHeight="1" x14ac:dyDescent="0.15">
      <c r="A104" s="8">
        <v>81</v>
      </c>
      <c r="B104" s="21">
        <v>9</v>
      </c>
      <c r="C104" s="6">
        <v>7</v>
      </c>
      <c r="D104" s="5">
        <v>16</v>
      </c>
    </row>
    <row r="105" spans="1:4" ht="18" customHeight="1" x14ac:dyDescent="0.15">
      <c r="A105" s="8">
        <v>82</v>
      </c>
      <c r="B105" s="21">
        <v>6</v>
      </c>
      <c r="C105" s="6">
        <v>9</v>
      </c>
      <c r="D105" s="5">
        <v>15</v>
      </c>
    </row>
    <row r="106" spans="1:4" ht="18" customHeight="1" x14ac:dyDescent="0.15">
      <c r="A106" s="8">
        <v>83</v>
      </c>
      <c r="B106" s="21">
        <v>11</v>
      </c>
      <c r="C106" s="6">
        <v>8</v>
      </c>
      <c r="D106" s="5">
        <v>19</v>
      </c>
    </row>
    <row r="107" spans="1:4" ht="18" customHeight="1" x14ac:dyDescent="0.15">
      <c r="A107" s="8">
        <v>84</v>
      </c>
      <c r="B107" s="21">
        <v>4</v>
      </c>
      <c r="C107" s="6">
        <v>13</v>
      </c>
      <c r="D107" s="5">
        <v>17</v>
      </c>
    </row>
    <row r="108" spans="1:4" ht="18" customHeight="1" x14ac:dyDescent="0.15">
      <c r="A108" s="8" t="s">
        <v>7</v>
      </c>
      <c r="B108" s="21">
        <v>38</v>
      </c>
      <c r="C108" s="6">
        <v>46</v>
      </c>
      <c r="D108" s="5">
        <v>84</v>
      </c>
    </row>
    <row r="109" spans="1:4" ht="18" customHeight="1" x14ac:dyDescent="0.15">
      <c r="A109" s="8">
        <v>85</v>
      </c>
      <c r="B109" s="21">
        <v>5</v>
      </c>
      <c r="C109" s="6">
        <v>13</v>
      </c>
      <c r="D109" s="5">
        <v>18</v>
      </c>
    </row>
    <row r="110" spans="1:4" ht="18" customHeight="1" x14ac:dyDescent="0.15">
      <c r="A110" s="8">
        <v>86</v>
      </c>
      <c r="B110" s="21">
        <v>4</v>
      </c>
      <c r="C110" s="6">
        <v>10</v>
      </c>
      <c r="D110" s="5">
        <v>14</v>
      </c>
    </row>
    <row r="111" spans="1:4" ht="18" customHeight="1" x14ac:dyDescent="0.15">
      <c r="A111" s="8">
        <v>87</v>
      </c>
      <c r="B111" s="21">
        <v>2</v>
      </c>
      <c r="C111" s="6">
        <v>6</v>
      </c>
      <c r="D111" s="5">
        <v>8</v>
      </c>
    </row>
    <row r="112" spans="1:4" ht="18" customHeight="1" x14ac:dyDescent="0.15">
      <c r="A112" s="8">
        <v>88</v>
      </c>
      <c r="B112" s="21">
        <v>4</v>
      </c>
      <c r="C112" s="6">
        <v>14</v>
      </c>
      <c r="D112" s="5">
        <v>18</v>
      </c>
    </row>
    <row r="113" spans="1:4" ht="18" customHeight="1" x14ac:dyDescent="0.15">
      <c r="A113" s="8">
        <v>89</v>
      </c>
      <c r="B113" s="21">
        <v>5</v>
      </c>
      <c r="C113" s="6">
        <v>12</v>
      </c>
      <c r="D113" s="5">
        <v>17</v>
      </c>
    </row>
    <row r="114" spans="1:4" ht="18" customHeight="1" x14ac:dyDescent="0.15">
      <c r="A114" s="8" t="s">
        <v>6</v>
      </c>
      <c r="B114" s="21">
        <v>20</v>
      </c>
      <c r="C114" s="6">
        <v>55</v>
      </c>
      <c r="D114" s="5">
        <v>75</v>
      </c>
    </row>
    <row r="115" spans="1:4" ht="18" customHeight="1" x14ac:dyDescent="0.15">
      <c r="A115" s="8">
        <v>90</v>
      </c>
      <c r="B115" s="21">
        <v>2</v>
      </c>
      <c r="C115" s="6">
        <v>7</v>
      </c>
      <c r="D115" s="5">
        <v>9</v>
      </c>
    </row>
    <row r="116" spans="1:4" ht="18" customHeight="1" x14ac:dyDescent="0.15">
      <c r="A116" s="8">
        <v>91</v>
      </c>
      <c r="B116" s="21">
        <v>1</v>
      </c>
      <c r="C116" s="6">
        <v>4</v>
      </c>
      <c r="D116" s="5">
        <v>5</v>
      </c>
    </row>
    <row r="117" spans="1:4" ht="18" customHeight="1" x14ac:dyDescent="0.15">
      <c r="A117" s="8">
        <v>92</v>
      </c>
      <c r="B117" s="21">
        <v>0</v>
      </c>
      <c r="C117" s="6">
        <v>3</v>
      </c>
      <c r="D117" s="5">
        <v>3</v>
      </c>
    </row>
    <row r="118" spans="1:4" ht="18" customHeight="1" x14ac:dyDescent="0.15">
      <c r="A118" s="8">
        <v>93</v>
      </c>
      <c r="B118" s="21">
        <v>1</v>
      </c>
      <c r="C118" s="6">
        <v>4</v>
      </c>
      <c r="D118" s="5">
        <v>5</v>
      </c>
    </row>
    <row r="119" spans="1:4" ht="18" customHeight="1" x14ac:dyDescent="0.15">
      <c r="A119" s="8">
        <v>94</v>
      </c>
      <c r="B119" s="21">
        <v>0</v>
      </c>
      <c r="C119" s="6">
        <v>3</v>
      </c>
      <c r="D119" s="5">
        <v>3</v>
      </c>
    </row>
    <row r="120" spans="1:4" ht="18" customHeight="1" x14ac:dyDescent="0.15">
      <c r="A120" s="8" t="s">
        <v>5</v>
      </c>
      <c r="B120" s="21">
        <v>4</v>
      </c>
      <c r="C120" s="6">
        <v>21</v>
      </c>
      <c r="D120" s="5">
        <v>25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1</v>
      </c>
      <c r="C122" s="6">
        <v>0</v>
      </c>
      <c r="D122" s="5">
        <v>1</v>
      </c>
    </row>
    <row r="123" spans="1:4" ht="18" customHeight="1" x14ac:dyDescent="0.15">
      <c r="A123" s="8">
        <v>97</v>
      </c>
      <c r="B123" s="21">
        <v>1</v>
      </c>
      <c r="C123" s="6">
        <v>2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221</v>
      </c>
      <c r="C130" s="6">
        <v>309</v>
      </c>
      <c r="D130" s="5">
        <v>530</v>
      </c>
    </row>
    <row r="131" spans="1:4" ht="18" customHeight="1" x14ac:dyDescent="0.15">
      <c r="A131" s="4" t="s">
        <v>0</v>
      </c>
      <c r="B131" s="20">
        <v>776</v>
      </c>
      <c r="C131" s="2">
        <v>781</v>
      </c>
      <c r="D131" s="1">
        <v>155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E5C830-DCF4-4E62-AAD5-94556CC2E9D1}">
  <sheetPr codeName="Sheet5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</v>
      </c>
      <c r="C5" s="11">
        <v>0</v>
      </c>
      <c r="D5" s="10">
        <v>4</v>
      </c>
    </row>
    <row r="6" spans="1:4" ht="18" customHeight="1" x14ac:dyDescent="0.15">
      <c r="A6" s="8">
        <v>1</v>
      </c>
      <c r="B6" s="21">
        <v>2</v>
      </c>
      <c r="C6" s="6">
        <v>4</v>
      </c>
      <c r="D6" s="5">
        <v>6</v>
      </c>
    </row>
    <row r="7" spans="1:4" ht="18" customHeight="1" x14ac:dyDescent="0.15">
      <c r="A7" s="8">
        <v>2</v>
      </c>
      <c r="B7" s="21">
        <v>3</v>
      </c>
      <c r="C7" s="6">
        <v>3</v>
      </c>
      <c r="D7" s="5">
        <v>6</v>
      </c>
    </row>
    <row r="8" spans="1:4" ht="18" customHeight="1" x14ac:dyDescent="0.15">
      <c r="A8" s="8">
        <v>3</v>
      </c>
      <c r="B8" s="21">
        <v>2</v>
      </c>
      <c r="C8" s="6">
        <v>1</v>
      </c>
      <c r="D8" s="5">
        <v>3</v>
      </c>
    </row>
    <row r="9" spans="1:4" ht="18" customHeight="1" x14ac:dyDescent="0.15">
      <c r="A9" s="8">
        <v>4</v>
      </c>
      <c r="B9" s="21">
        <v>2</v>
      </c>
      <c r="C9" s="6">
        <v>4</v>
      </c>
      <c r="D9" s="5">
        <v>6</v>
      </c>
    </row>
    <row r="10" spans="1:4" ht="18" customHeight="1" x14ac:dyDescent="0.15">
      <c r="A10" s="8" t="s">
        <v>25</v>
      </c>
      <c r="B10" s="21">
        <v>13</v>
      </c>
      <c r="C10" s="6">
        <v>12</v>
      </c>
      <c r="D10" s="5">
        <v>25</v>
      </c>
    </row>
    <row r="11" spans="1:4" ht="18" customHeight="1" x14ac:dyDescent="0.15">
      <c r="A11" s="8">
        <v>5</v>
      </c>
      <c r="B11" s="21">
        <v>4</v>
      </c>
      <c r="C11" s="6">
        <v>4</v>
      </c>
      <c r="D11" s="5">
        <v>8</v>
      </c>
    </row>
    <row r="12" spans="1:4" ht="18" customHeight="1" x14ac:dyDescent="0.15">
      <c r="A12" s="8">
        <v>6</v>
      </c>
      <c r="B12" s="21">
        <v>1</v>
      </c>
      <c r="C12" s="6">
        <v>6</v>
      </c>
      <c r="D12" s="5">
        <v>7</v>
      </c>
    </row>
    <row r="13" spans="1:4" ht="18" customHeight="1" x14ac:dyDescent="0.15">
      <c r="A13" s="8">
        <v>7</v>
      </c>
      <c r="B13" s="21">
        <v>2</v>
      </c>
      <c r="C13" s="6">
        <v>6</v>
      </c>
      <c r="D13" s="5">
        <v>8</v>
      </c>
    </row>
    <row r="14" spans="1:4" ht="18" customHeight="1" x14ac:dyDescent="0.15">
      <c r="A14" s="8">
        <v>8</v>
      </c>
      <c r="B14" s="21">
        <v>8</v>
      </c>
      <c r="C14" s="6">
        <v>4</v>
      </c>
      <c r="D14" s="5">
        <v>12</v>
      </c>
    </row>
    <row r="15" spans="1:4" ht="18" customHeight="1" x14ac:dyDescent="0.15">
      <c r="A15" s="8">
        <v>9</v>
      </c>
      <c r="B15" s="21">
        <v>4</v>
      </c>
      <c r="C15" s="6">
        <v>6</v>
      </c>
      <c r="D15" s="5">
        <v>10</v>
      </c>
    </row>
    <row r="16" spans="1:4" ht="18" customHeight="1" x14ac:dyDescent="0.15">
      <c r="A16" s="8" t="s">
        <v>24</v>
      </c>
      <c r="B16" s="21">
        <v>19</v>
      </c>
      <c r="C16" s="6">
        <v>26</v>
      </c>
      <c r="D16" s="5">
        <v>45</v>
      </c>
    </row>
    <row r="17" spans="1:4" ht="18" customHeight="1" x14ac:dyDescent="0.15">
      <c r="A17" s="8">
        <v>10</v>
      </c>
      <c r="B17" s="21">
        <v>4</v>
      </c>
      <c r="C17" s="6">
        <v>4</v>
      </c>
      <c r="D17" s="5">
        <v>8</v>
      </c>
    </row>
    <row r="18" spans="1:4" ht="18" customHeight="1" x14ac:dyDescent="0.15">
      <c r="A18" s="8">
        <v>11</v>
      </c>
      <c r="B18" s="21">
        <v>2</v>
      </c>
      <c r="C18" s="6">
        <v>4</v>
      </c>
      <c r="D18" s="5">
        <v>6</v>
      </c>
    </row>
    <row r="19" spans="1:4" ht="18" customHeight="1" x14ac:dyDescent="0.15">
      <c r="A19" s="8">
        <v>12</v>
      </c>
      <c r="B19" s="21">
        <v>4</v>
      </c>
      <c r="C19" s="6">
        <v>3</v>
      </c>
      <c r="D19" s="5">
        <v>7</v>
      </c>
    </row>
    <row r="20" spans="1:4" ht="18" customHeight="1" x14ac:dyDescent="0.15">
      <c r="A20" s="8">
        <v>13</v>
      </c>
      <c r="B20" s="21">
        <v>2</v>
      </c>
      <c r="C20" s="6">
        <v>3</v>
      </c>
      <c r="D20" s="5">
        <v>5</v>
      </c>
    </row>
    <row r="21" spans="1:4" ht="18" customHeight="1" x14ac:dyDescent="0.15">
      <c r="A21" s="8">
        <v>14</v>
      </c>
      <c r="B21" s="21">
        <v>3</v>
      </c>
      <c r="C21" s="6">
        <v>3</v>
      </c>
      <c r="D21" s="5">
        <v>6</v>
      </c>
    </row>
    <row r="22" spans="1:4" ht="18" customHeight="1" x14ac:dyDescent="0.15">
      <c r="A22" s="8" t="s">
        <v>23</v>
      </c>
      <c r="B22" s="21">
        <v>15</v>
      </c>
      <c r="C22" s="6">
        <v>17</v>
      </c>
      <c r="D22" s="5">
        <v>32</v>
      </c>
    </row>
    <row r="23" spans="1:4" ht="18" customHeight="1" x14ac:dyDescent="0.15">
      <c r="A23" s="8" t="s">
        <v>22</v>
      </c>
      <c r="B23" s="21">
        <v>47</v>
      </c>
      <c r="C23" s="6">
        <v>55</v>
      </c>
      <c r="D23" s="5">
        <v>102</v>
      </c>
    </row>
    <row r="24" spans="1:4" ht="18" customHeight="1" x14ac:dyDescent="0.15">
      <c r="A24" s="8">
        <v>15</v>
      </c>
      <c r="B24" s="21">
        <v>3</v>
      </c>
      <c r="C24" s="6">
        <v>4</v>
      </c>
      <c r="D24" s="5">
        <v>7</v>
      </c>
    </row>
    <row r="25" spans="1:4" ht="18" customHeight="1" x14ac:dyDescent="0.15">
      <c r="A25" s="8">
        <v>16</v>
      </c>
      <c r="B25" s="21">
        <v>3</v>
      </c>
      <c r="C25" s="6">
        <v>3</v>
      </c>
      <c r="D25" s="5">
        <v>6</v>
      </c>
    </row>
    <row r="26" spans="1:4" ht="18" customHeight="1" x14ac:dyDescent="0.15">
      <c r="A26" s="8">
        <v>17</v>
      </c>
      <c r="B26" s="21">
        <v>3</v>
      </c>
      <c r="C26" s="6">
        <v>2</v>
      </c>
      <c r="D26" s="5">
        <v>5</v>
      </c>
    </row>
    <row r="27" spans="1:4" ht="18" customHeight="1" x14ac:dyDescent="0.15">
      <c r="A27" s="8">
        <v>18</v>
      </c>
      <c r="B27" s="21">
        <v>4</v>
      </c>
      <c r="C27" s="6">
        <v>9</v>
      </c>
      <c r="D27" s="5">
        <v>13</v>
      </c>
    </row>
    <row r="28" spans="1:4" ht="18" customHeight="1" x14ac:dyDescent="0.15">
      <c r="A28" s="8">
        <v>19</v>
      </c>
      <c r="B28" s="21">
        <v>10</v>
      </c>
      <c r="C28" s="6">
        <v>14</v>
      </c>
      <c r="D28" s="5">
        <v>24</v>
      </c>
    </row>
    <row r="29" spans="1:4" ht="18" customHeight="1" x14ac:dyDescent="0.15">
      <c r="A29" s="8" t="s">
        <v>21</v>
      </c>
      <c r="B29" s="21">
        <v>23</v>
      </c>
      <c r="C29" s="6">
        <v>32</v>
      </c>
      <c r="D29" s="5">
        <v>55</v>
      </c>
    </row>
    <row r="30" spans="1:4" ht="18" customHeight="1" x14ac:dyDescent="0.15">
      <c r="A30" s="8">
        <v>20</v>
      </c>
      <c r="B30" s="21">
        <v>16</v>
      </c>
      <c r="C30" s="6">
        <v>27</v>
      </c>
      <c r="D30" s="5">
        <v>43</v>
      </c>
    </row>
    <row r="31" spans="1:4" ht="18" customHeight="1" x14ac:dyDescent="0.15">
      <c r="A31" s="8">
        <v>21</v>
      </c>
      <c r="B31" s="21">
        <v>23</v>
      </c>
      <c r="C31" s="6">
        <v>20</v>
      </c>
      <c r="D31" s="5">
        <v>43</v>
      </c>
    </row>
    <row r="32" spans="1:4" ht="18" customHeight="1" x14ac:dyDescent="0.15">
      <c r="A32" s="8">
        <v>22</v>
      </c>
      <c r="B32" s="21">
        <v>26</v>
      </c>
      <c r="C32" s="6">
        <v>19</v>
      </c>
      <c r="D32" s="5">
        <v>45</v>
      </c>
    </row>
    <row r="33" spans="1:4" ht="18" customHeight="1" x14ac:dyDescent="0.15">
      <c r="A33" s="8">
        <v>23</v>
      </c>
      <c r="B33" s="21">
        <v>29</v>
      </c>
      <c r="C33" s="6">
        <v>32</v>
      </c>
      <c r="D33" s="5">
        <v>61</v>
      </c>
    </row>
    <row r="34" spans="1:4" ht="18" customHeight="1" x14ac:dyDescent="0.15">
      <c r="A34" s="8">
        <v>24</v>
      </c>
      <c r="B34" s="21">
        <v>34</v>
      </c>
      <c r="C34" s="6">
        <v>27</v>
      </c>
      <c r="D34" s="5">
        <v>61</v>
      </c>
    </row>
    <row r="35" spans="1:4" ht="18" customHeight="1" x14ac:dyDescent="0.15">
      <c r="A35" s="8" t="s">
        <v>20</v>
      </c>
      <c r="B35" s="21">
        <v>128</v>
      </c>
      <c r="C35" s="6">
        <v>125</v>
      </c>
      <c r="D35" s="5">
        <v>253</v>
      </c>
    </row>
    <row r="36" spans="1:4" ht="18" customHeight="1" x14ac:dyDescent="0.15">
      <c r="A36" s="8">
        <v>25</v>
      </c>
      <c r="B36" s="21">
        <v>28</v>
      </c>
      <c r="C36" s="6">
        <v>23</v>
      </c>
      <c r="D36" s="5">
        <v>51</v>
      </c>
    </row>
    <row r="37" spans="1:4" ht="18" customHeight="1" x14ac:dyDescent="0.15">
      <c r="A37" s="8">
        <v>26</v>
      </c>
      <c r="B37" s="21">
        <v>17</v>
      </c>
      <c r="C37" s="6">
        <v>20</v>
      </c>
      <c r="D37" s="5">
        <v>37</v>
      </c>
    </row>
    <row r="38" spans="1:4" ht="18" customHeight="1" x14ac:dyDescent="0.15">
      <c r="A38" s="8">
        <v>27</v>
      </c>
      <c r="B38" s="21">
        <v>12</v>
      </c>
      <c r="C38" s="6">
        <v>18</v>
      </c>
      <c r="D38" s="5">
        <v>30</v>
      </c>
    </row>
    <row r="39" spans="1:4" ht="18" customHeight="1" x14ac:dyDescent="0.15">
      <c r="A39" s="8">
        <v>28</v>
      </c>
      <c r="B39" s="21">
        <v>12</v>
      </c>
      <c r="C39" s="6">
        <v>9</v>
      </c>
      <c r="D39" s="5">
        <v>21</v>
      </c>
    </row>
    <row r="40" spans="1:4" ht="18" customHeight="1" x14ac:dyDescent="0.15">
      <c r="A40" s="8">
        <v>29</v>
      </c>
      <c r="B40" s="21">
        <v>16</v>
      </c>
      <c r="C40" s="6">
        <v>8</v>
      </c>
      <c r="D40" s="5">
        <v>24</v>
      </c>
    </row>
    <row r="41" spans="1:4" ht="18" customHeight="1" x14ac:dyDescent="0.15">
      <c r="A41" s="8" t="s">
        <v>19</v>
      </c>
      <c r="B41" s="21">
        <v>85</v>
      </c>
      <c r="C41" s="6">
        <v>78</v>
      </c>
      <c r="D41" s="5">
        <v>163</v>
      </c>
    </row>
    <row r="42" spans="1:4" ht="18" customHeight="1" x14ac:dyDescent="0.15">
      <c r="A42" s="8">
        <v>30</v>
      </c>
      <c r="B42" s="21">
        <v>15</v>
      </c>
      <c r="C42" s="6">
        <v>9</v>
      </c>
      <c r="D42" s="5">
        <v>24</v>
      </c>
    </row>
    <row r="43" spans="1:4" ht="18" customHeight="1" x14ac:dyDescent="0.15">
      <c r="A43" s="8">
        <v>31</v>
      </c>
      <c r="B43" s="21">
        <v>4</v>
      </c>
      <c r="C43" s="6">
        <v>5</v>
      </c>
      <c r="D43" s="5">
        <v>9</v>
      </c>
    </row>
    <row r="44" spans="1:4" ht="18" customHeight="1" x14ac:dyDescent="0.15">
      <c r="A44" s="8">
        <v>32</v>
      </c>
      <c r="B44" s="21">
        <v>9</v>
      </c>
      <c r="C44" s="6">
        <v>13</v>
      </c>
      <c r="D44" s="5">
        <v>22</v>
      </c>
    </row>
    <row r="45" spans="1:4" ht="18" customHeight="1" x14ac:dyDescent="0.15">
      <c r="A45" s="8">
        <v>33</v>
      </c>
      <c r="B45" s="21">
        <v>5</v>
      </c>
      <c r="C45" s="6">
        <v>8</v>
      </c>
      <c r="D45" s="5">
        <v>13</v>
      </c>
    </row>
    <row r="46" spans="1:4" ht="18" customHeight="1" x14ac:dyDescent="0.15">
      <c r="A46" s="8">
        <v>34</v>
      </c>
      <c r="B46" s="21">
        <v>6</v>
      </c>
      <c r="C46" s="6">
        <v>10</v>
      </c>
      <c r="D46" s="5">
        <v>16</v>
      </c>
    </row>
    <row r="47" spans="1:4" ht="18" customHeight="1" x14ac:dyDescent="0.15">
      <c r="A47" s="8" t="s">
        <v>18</v>
      </c>
      <c r="B47" s="21">
        <v>39</v>
      </c>
      <c r="C47" s="6">
        <v>45</v>
      </c>
      <c r="D47" s="5">
        <v>84</v>
      </c>
    </row>
    <row r="48" spans="1:4" ht="18" customHeight="1" x14ac:dyDescent="0.15">
      <c r="A48" s="8">
        <v>35</v>
      </c>
      <c r="B48" s="21">
        <v>9</v>
      </c>
      <c r="C48" s="6">
        <v>6</v>
      </c>
      <c r="D48" s="5">
        <v>15</v>
      </c>
    </row>
    <row r="49" spans="1:4" ht="18" customHeight="1" x14ac:dyDescent="0.15">
      <c r="A49" s="8">
        <v>36</v>
      </c>
      <c r="B49" s="21">
        <v>16</v>
      </c>
      <c r="C49" s="6">
        <v>4</v>
      </c>
      <c r="D49" s="5">
        <v>20</v>
      </c>
    </row>
    <row r="50" spans="1:4" ht="18" customHeight="1" x14ac:dyDescent="0.15">
      <c r="A50" s="8">
        <v>37</v>
      </c>
      <c r="B50" s="21">
        <v>5</v>
      </c>
      <c r="C50" s="6">
        <v>7</v>
      </c>
      <c r="D50" s="5">
        <v>12</v>
      </c>
    </row>
    <row r="51" spans="1:4" ht="18" customHeight="1" x14ac:dyDescent="0.15">
      <c r="A51" s="8">
        <v>38</v>
      </c>
      <c r="B51" s="21">
        <v>10</v>
      </c>
      <c r="C51" s="6">
        <v>4</v>
      </c>
      <c r="D51" s="5">
        <v>14</v>
      </c>
    </row>
    <row r="52" spans="1:4" ht="18" customHeight="1" x14ac:dyDescent="0.15">
      <c r="A52" s="8">
        <v>39</v>
      </c>
      <c r="B52" s="21">
        <v>9</v>
      </c>
      <c r="C52" s="6">
        <v>6</v>
      </c>
      <c r="D52" s="5">
        <v>15</v>
      </c>
    </row>
    <row r="53" spans="1:4" ht="18" customHeight="1" x14ac:dyDescent="0.15">
      <c r="A53" s="8" t="s">
        <v>17</v>
      </c>
      <c r="B53" s="21">
        <v>49</v>
      </c>
      <c r="C53" s="6">
        <v>27</v>
      </c>
      <c r="D53" s="5">
        <v>76</v>
      </c>
    </row>
    <row r="54" spans="1:4" ht="18" customHeight="1" x14ac:dyDescent="0.15">
      <c r="A54" s="8">
        <v>40</v>
      </c>
      <c r="B54" s="21">
        <v>8</v>
      </c>
      <c r="C54" s="6">
        <v>6</v>
      </c>
      <c r="D54" s="5">
        <v>14</v>
      </c>
    </row>
    <row r="55" spans="1:4" ht="18" customHeight="1" x14ac:dyDescent="0.15">
      <c r="A55" s="8">
        <v>41</v>
      </c>
      <c r="B55" s="21">
        <v>6</v>
      </c>
      <c r="C55" s="6">
        <v>5</v>
      </c>
      <c r="D55" s="5">
        <v>11</v>
      </c>
    </row>
    <row r="56" spans="1:4" ht="18" customHeight="1" x14ac:dyDescent="0.15">
      <c r="A56" s="8">
        <v>42</v>
      </c>
      <c r="B56" s="21">
        <v>13</v>
      </c>
      <c r="C56" s="6">
        <v>3</v>
      </c>
      <c r="D56" s="5">
        <v>16</v>
      </c>
    </row>
    <row r="57" spans="1:4" ht="18" customHeight="1" x14ac:dyDescent="0.15">
      <c r="A57" s="8">
        <v>43</v>
      </c>
      <c r="B57" s="21">
        <v>8</v>
      </c>
      <c r="C57" s="6">
        <v>5</v>
      </c>
      <c r="D57" s="5">
        <v>13</v>
      </c>
    </row>
    <row r="58" spans="1:4" ht="18" customHeight="1" x14ac:dyDescent="0.15">
      <c r="A58" s="8">
        <v>44</v>
      </c>
      <c r="B58" s="21">
        <v>13</v>
      </c>
      <c r="C58" s="6">
        <v>2</v>
      </c>
      <c r="D58" s="5">
        <v>15</v>
      </c>
    </row>
    <row r="59" spans="1:4" ht="18" customHeight="1" x14ac:dyDescent="0.15">
      <c r="A59" s="8" t="s">
        <v>16</v>
      </c>
      <c r="B59" s="21">
        <v>48</v>
      </c>
      <c r="C59" s="6">
        <v>21</v>
      </c>
      <c r="D59" s="5">
        <v>69</v>
      </c>
    </row>
    <row r="60" spans="1:4" ht="18" customHeight="1" x14ac:dyDescent="0.15">
      <c r="A60" s="8">
        <v>45</v>
      </c>
      <c r="B60" s="21">
        <v>12</v>
      </c>
      <c r="C60" s="6">
        <v>8</v>
      </c>
      <c r="D60" s="5">
        <v>20</v>
      </c>
    </row>
    <row r="61" spans="1:4" ht="18" customHeight="1" x14ac:dyDescent="0.15">
      <c r="A61" s="8">
        <v>46</v>
      </c>
      <c r="B61" s="21">
        <v>6</v>
      </c>
      <c r="C61" s="6">
        <v>5</v>
      </c>
      <c r="D61" s="5">
        <v>11</v>
      </c>
    </row>
    <row r="62" spans="1:4" ht="18" customHeight="1" x14ac:dyDescent="0.15">
      <c r="A62" s="8">
        <v>47</v>
      </c>
      <c r="B62" s="21">
        <v>9</v>
      </c>
      <c r="C62" s="6">
        <v>10</v>
      </c>
      <c r="D62" s="5">
        <v>19</v>
      </c>
    </row>
    <row r="63" spans="1:4" ht="18" customHeight="1" x14ac:dyDescent="0.15">
      <c r="A63" s="8">
        <v>48</v>
      </c>
      <c r="B63" s="21">
        <v>12</v>
      </c>
      <c r="C63" s="6">
        <v>11</v>
      </c>
      <c r="D63" s="5">
        <v>23</v>
      </c>
    </row>
    <row r="64" spans="1:4" ht="18" customHeight="1" x14ac:dyDescent="0.15">
      <c r="A64" s="8">
        <v>49</v>
      </c>
      <c r="B64" s="21">
        <v>13</v>
      </c>
      <c r="C64" s="6">
        <v>15</v>
      </c>
      <c r="D64" s="5">
        <v>28</v>
      </c>
    </row>
    <row r="65" spans="1:4" ht="18" customHeight="1" x14ac:dyDescent="0.15">
      <c r="A65" s="8" t="s">
        <v>15</v>
      </c>
      <c r="B65" s="21">
        <v>52</v>
      </c>
      <c r="C65" s="6">
        <v>49</v>
      </c>
      <c r="D65" s="5">
        <v>101</v>
      </c>
    </row>
    <row r="66" spans="1:4" ht="18" customHeight="1" x14ac:dyDescent="0.15">
      <c r="A66" s="8">
        <v>50</v>
      </c>
      <c r="B66" s="21">
        <v>14</v>
      </c>
      <c r="C66" s="6">
        <v>6</v>
      </c>
      <c r="D66" s="5">
        <v>20</v>
      </c>
    </row>
    <row r="67" spans="1:4" ht="18" customHeight="1" x14ac:dyDescent="0.15">
      <c r="A67" s="8">
        <v>51</v>
      </c>
      <c r="B67" s="21">
        <v>15</v>
      </c>
      <c r="C67" s="6">
        <v>13</v>
      </c>
      <c r="D67" s="5">
        <v>28</v>
      </c>
    </row>
    <row r="68" spans="1:4" ht="18" customHeight="1" x14ac:dyDescent="0.15">
      <c r="A68" s="8">
        <v>52</v>
      </c>
      <c r="B68" s="21">
        <v>17</v>
      </c>
      <c r="C68" s="6">
        <v>8</v>
      </c>
      <c r="D68" s="5">
        <v>25</v>
      </c>
    </row>
    <row r="69" spans="1:4" ht="18" customHeight="1" x14ac:dyDescent="0.15">
      <c r="A69" s="8">
        <v>53</v>
      </c>
      <c r="B69" s="21">
        <v>6</v>
      </c>
      <c r="C69" s="6">
        <v>9</v>
      </c>
      <c r="D69" s="5">
        <v>15</v>
      </c>
    </row>
    <row r="70" spans="1:4" ht="18" customHeight="1" x14ac:dyDescent="0.15">
      <c r="A70" s="8">
        <v>54</v>
      </c>
      <c r="B70" s="21">
        <v>10</v>
      </c>
      <c r="C70" s="6">
        <v>9</v>
      </c>
      <c r="D70" s="5">
        <v>19</v>
      </c>
    </row>
    <row r="71" spans="1:4" ht="18" customHeight="1" x14ac:dyDescent="0.15">
      <c r="A71" s="8" t="s">
        <v>14</v>
      </c>
      <c r="B71" s="21">
        <v>62</v>
      </c>
      <c r="C71" s="6">
        <v>45</v>
      </c>
      <c r="D71" s="5">
        <v>107</v>
      </c>
    </row>
    <row r="72" spans="1:4" ht="18" customHeight="1" x14ac:dyDescent="0.15">
      <c r="A72" s="8">
        <v>55</v>
      </c>
      <c r="B72" s="21">
        <v>10</v>
      </c>
      <c r="C72" s="6">
        <v>11</v>
      </c>
      <c r="D72" s="5">
        <v>21</v>
      </c>
    </row>
    <row r="73" spans="1:4" ht="18" customHeight="1" x14ac:dyDescent="0.15">
      <c r="A73" s="8">
        <v>56</v>
      </c>
      <c r="B73" s="21">
        <v>13</v>
      </c>
      <c r="C73" s="6">
        <v>10</v>
      </c>
      <c r="D73" s="5">
        <v>23</v>
      </c>
    </row>
    <row r="74" spans="1:4" ht="18" customHeight="1" x14ac:dyDescent="0.15">
      <c r="A74" s="8">
        <v>57</v>
      </c>
      <c r="B74" s="21">
        <v>10</v>
      </c>
      <c r="C74" s="6">
        <v>10</v>
      </c>
      <c r="D74" s="5">
        <v>20</v>
      </c>
    </row>
    <row r="75" spans="1:4" ht="18" customHeight="1" x14ac:dyDescent="0.15">
      <c r="A75" s="8">
        <v>58</v>
      </c>
      <c r="B75" s="21">
        <v>11</v>
      </c>
      <c r="C75" s="6">
        <v>7</v>
      </c>
      <c r="D75" s="5">
        <v>18</v>
      </c>
    </row>
    <row r="76" spans="1:4" ht="18" customHeight="1" x14ac:dyDescent="0.15">
      <c r="A76" s="8">
        <v>59</v>
      </c>
      <c r="B76" s="21">
        <v>13</v>
      </c>
      <c r="C76" s="6">
        <v>8</v>
      </c>
      <c r="D76" s="5">
        <v>21</v>
      </c>
    </row>
    <row r="77" spans="1:4" ht="18" customHeight="1" x14ac:dyDescent="0.15">
      <c r="A77" s="8" t="s">
        <v>13</v>
      </c>
      <c r="B77" s="21">
        <v>57</v>
      </c>
      <c r="C77" s="6">
        <v>46</v>
      </c>
      <c r="D77" s="5">
        <v>103</v>
      </c>
    </row>
    <row r="78" spans="1:4" ht="18" customHeight="1" x14ac:dyDescent="0.15">
      <c r="A78" s="8">
        <v>60</v>
      </c>
      <c r="B78" s="21">
        <v>14</v>
      </c>
      <c r="C78" s="6">
        <v>9</v>
      </c>
      <c r="D78" s="5">
        <v>23</v>
      </c>
    </row>
    <row r="79" spans="1:4" ht="18" customHeight="1" x14ac:dyDescent="0.15">
      <c r="A79" s="8">
        <v>61</v>
      </c>
      <c r="B79" s="21">
        <v>10</v>
      </c>
      <c r="C79" s="6">
        <v>7</v>
      </c>
      <c r="D79" s="5">
        <v>17</v>
      </c>
    </row>
    <row r="80" spans="1:4" ht="18" customHeight="1" x14ac:dyDescent="0.15">
      <c r="A80" s="8">
        <v>62</v>
      </c>
      <c r="B80" s="21">
        <v>4</v>
      </c>
      <c r="C80" s="6">
        <v>15</v>
      </c>
      <c r="D80" s="5">
        <v>19</v>
      </c>
    </row>
    <row r="81" spans="1:4" ht="18" customHeight="1" x14ac:dyDescent="0.15">
      <c r="A81" s="8">
        <v>63</v>
      </c>
      <c r="B81" s="21">
        <v>7</v>
      </c>
      <c r="C81" s="6">
        <v>9</v>
      </c>
      <c r="D81" s="5">
        <v>16</v>
      </c>
    </row>
    <row r="82" spans="1:4" ht="18" customHeight="1" x14ac:dyDescent="0.15">
      <c r="A82" s="8">
        <v>64</v>
      </c>
      <c r="B82" s="21">
        <v>15</v>
      </c>
      <c r="C82" s="6">
        <v>12</v>
      </c>
      <c r="D82" s="5">
        <v>27</v>
      </c>
    </row>
    <row r="83" spans="1:4" ht="18" customHeight="1" x14ac:dyDescent="0.15">
      <c r="A83" s="8" t="s">
        <v>12</v>
      </c>
      <c r="B83" s="21">
        <v>50</v>
      </c>
      <c r="C83" s="6">
        <v>52</v>
      </c>
      <c r="D83" s="5">
        <v>102</v>
      </c>
    </row>
    <row r="84" spans="1:4" ht="18" customHeight="1" x14ac:dyDescent="0.15">
      <c r="A84" s="8" t="s">
        <v>11</v>
      </c>
      <c r="B84" s="21">
        <v>593</v>
      </c>
      <c r="C84" s="6">
        <v>520</v>
      </c>
      <c r="D84" s="5">
        <v>1113</v>
      </c>
    </row>
    <row r="85" spans="1:4" ht="18" customHeight="1" x14ac:dyDescent="0.15">
      <c r="A85" s="8">
        <v>65</v>
      </c>
      <c r="B85" s="21">
        <v>8</v>
      </c>
      <c r="C85" s="6">
        <v>6</v>
      </c>
      <c r="D85" s="5">
        <v>14</v>
      </c>
    </row>
    <row r="86" spans="1:4" ht="18" customHeight="1" x14ac:dyDescent="0.15">
      <c r="A86" s="8">
        <v>66</v>
      </c>
      <c r="B86" s="21">
        <v>7</v>
      </c>
      <c r="C86" s="6">
        <v>8</v>
      </c>
      <c r="D86" s="5">
        <v>15</v>
      </c>
    </row>
    <row r="87" spans="1:4" ht="18" customHeight="1" x14ac:dyDescent="0.15">
      <c r="A87" s="8">
        <v>67</v>
      </c>
      <c r="B87" s="21">
        <v>8</v>
      </c>
      <c r="C87" s="6">
        <v>2</v>
      </c>
      <c r="D87" s="5">
        <v>10</v>
      </c>
    </row>
    <row r="88" spans="1:4" ht="18" customHeight="1" x14ac:dyDescent="0.15">
      <c r="A88" s="8">
        <v>68</v>
      </c>
      <c r="B88" s="21">
        <v>8</v>
      </c>
      <c r="C88" s="6">
        <v>11</v>
      </c>
      <c r="D88" s="5">
        <v>19</v>
      </c>
    </row>
    <row r="89" spans="1:4" ht="18" customHeight="1" x14ac:dyDescent="0.15">
      <c r="A89" s="8">
        <v>69</v>
      </c>
      <c r="B89" s="21">
        <v>10</v>
      </c>
      <c r="C89" s="6">
        <v>9</v>
      </c>
      <c r="D89" s="5">
        <v>19</v>
      </c>
    </row>
    <row r="90" spans="1:4" ht="18" customHeight="1" x14ac:dyDescent="0.15">
      <c r="A90" s="8" t="s">
        <v>10</v>
      </c>
      <c r="B90" s="21">
        <v>41</v>
      </c>
      <c r="C90" s="6">
        <v>36</v>
      </c>
      <c r="D90" s="5">
        <v>77</v>
      </c>
    </row>
    <row r="91" spans="1:4" ht="18" customHeight="1" x14ac:dyDescent="0.15">
      <c r="A91" s="8">
        <v>70</v>
      </c>
      <c r="B91" s="21">
        <v>8</v>
      </c>
      <c r="C91" s="6">
        <v>4</v>
      </c>
      <c r="D91" s="5">
        <v>12</v>
      </c>
    </row>
    <row r="92" spans="1:4" ht="18" customHeight="1" x14ac:dyDescent="0.15">
      <c r="A92" s="8">
        <v>71</v>
      </c>
      <c r="B92" s="21">
        <v>10</v>
      </c>
      <c r="C92" s="6">
        <v>15</v>
      </c>
      <c r="D92" s="5">
        <v>25</v>
      </c>
    </row>
    <row r="93" spans="1:4" ht="18" customHeight="1" x14ac:dyDescent="0.15">
      <c r="A93" s="8">
        <v>72</v>
      </c>
      <c r="B93" s="21">
        <v>6</v>
      </c>
      <c r="C93" s="6">
        <v>8</v>
      </c>
      <c r="D93" s="5">
        <v>14</v>
      </c>
    </row>
    <row r="94" spans="1:4" ht="18" customHeight="1" x14ac:dyDescent="0.15">
      <c r="A94" s="8">
        <v>73</v>
      </c>
      <c r="B94" s="21">
        <v>7</v>
      </c>
      <c r="C94" s="6">
        <v>11</v>
      </c>
      <c r="D94" s="5">
        <v>18</v>
      </c>
    </row>
    <row r="95" spans="1:4" ht="18" customHeight="1" x14ac:dyDescent="0.15">
      <c r="A95" s="8">
        <v>74</v>
      </c>
      <c r="B95" s="21">
        <v>11</v>
      </c>
      <c r="C95" s="6">
        <v>7</v>
      </c>
      <c r="D95" s="5">
        <v>18</v>
      </c>
    </row>
    <row r="96" spans="1:4" ht="18" customHeight="1" x14ac:dyDescent="0.15">
      <c r="A96" s="8" t="s">
        <v>9</v>
      </c>
      <c r="B96" s="21">
        <v>42</v>
      </c>
      <c r="C96" s="6">
        <v>45</v>
      </c>
      <c r="D96" s="5">
        <v>87</v>
      </c>
    </row>
    <row r="97" spans="1:4" ht="18" customHeight="1" x14ac:dyDescent="0.15">
      <c r="A97" s="8">
        <v>75</v>
      </c>
      <c r="B97" s="21">
        <v>12</v>
      </c>
      <c r="C97" s="6">
        <v>22</v>
      </c>
      <c r="D97" s="5">
        <v>34</v>
      </c>
    </row>
    <row r="98" spans="1:4" ht="18" customHeight="1" x14ac:dyDescent="0.15">
      <c r="A98" s="8">
        <v>76</v>
      </c>
      <c r="B98" s="21">
        <v>12</v>
      </c>
      <c r="C98" s="6">
        <v>15</v>
      </c>
      <c r="D98" s="5">
        <v>27</v>
      </c>
    </row>
    <row r="99" spans="1:4" ht="18" customHeight="1" x14ac:dyDescent="0.15">
      <c r="A99" s="8">
        <v>77</v>
      </c>
      <c r="B99" s="21">
        <v>18</v>
      </c>
      <c r="C99" s="6">
        <v>20</v>
      </c>
      <c r="D99" s="5">
        <v>38</v>
      </c>
    </row>
    <row r="100" spans="1:4" ht="18" customHeight="1" x14ac:dyDescent="0.15">
      <c r="A100" s="8">
        <v>78</v>
      </c>
      <c r="B100" s="21">
        <v>13</v>
      </c>
      <c r="C100" s="6">
        <v>11</v>
      </c>
      <c r="D100" s="5">
        <v>24</v>
      </c>
    </row>
    <row r="101" spans="1:4" ht="18" customHeight="1" x14ac:dyDescent="0.15">
      <c r="A101" s="8">
        <v>79</v>
      </c>
      <c r="B101" s="21">
        <v>3</v>
      </c>
      <c r="C101" s="6">
        <v>10</v>
      </c>
      <c r="D101" s="5">
        <v>13</v>
      </c>
    </row>
    <row r="102" spans="1:4" ht="18" customHeight="1" x14ac:dyDescent="0.15">
      <c r="A102" s="8" t="s">
        <v>8</v>
      </c>
      <c r="B102" s="21">
        <v>58</v>
      </c>
      <c r="C102" s="6">
        <v>78</v>
      </c>
      <c r="D102" s="5">
        <v>136</v>
      </c>
    </row>
    <row r="103" spans="1:4" ht="18" customHeight="1" x14ac:dyDescent="0.15">
      <c r="A103" s="8">
        <v>80</v>
      </c>
      <c r="B103" s="21">
        <v>5</v>
      </c>
      <c r="C103" s="6">
        <v>7</v>
      </c>
      <c r="D103" s="5">
        <v>12</v>
      </c>
    </row>
    <row r="104" spans="1:4" ht="18" customHeight="1" x14ac:dyDescent="0.15">
      <c r="A104" s="8">
        <v>81</v>
      </c>
      <c r="B104" s="21">
        <v>8</v>
      </c>
      <c r="C104" s="6">
        <v>11</v>
      </c>
      <c r="D104" s="5">
        <v>19</v>
      </c>
    </row>
    <row r="105" spans="1:4" ht="18" customHeight="1" x14ac:dyDescent="0.15">
      <c r="A105" s="8">
        <v>82</v>
      </c>
      <c r="B105" s="21">
        <v>8</v>
      </c>
      <c r="C105" s="6">
        <v>3</v>
      </c>
      <c r="D105" s="5">
        <v>11</v>
      </c>
    </row>
    <row r="106" spans="1:4" ht="18" customHeight="1" x14ac:dyDescent="0.15">
      <c r="A106" s="8">
        <v>83</v>
      </c>
      <c r="B106" s="21">
        <v>5</v>
      </c>
      <c r="C106" s="6">
        <v>8</v>
      </c>
      <c r="D106" s="5">
        <v>13</v>
      </c>
    </row>
    <row r="107" spans="1:4" ht="18" customHeight="1" x14ac:dyDescent="0.15">
      <c r="A107" s="8">
        <v>84</v>
      </c>
      <c r="B107" s="21">
        <v>4</v>
      </c>
      <c r="C107" s="6">
        <v>7</v>
      </c>
      <c r="D107" s="5">
        <v>11</v>
      </c>
    </row>
    <row r="108" spans="1:4" ht="18" customHeight="1" x14ac:dyDescent="0.15">
      <c r="A108" s="8" t="s">
        <v>7</v>
      </c>
      <c r="B108" s="21">
        <v>30</v>
      </c>
      <c r="C108" s="6">
        <v>36</v>
      </c>
      <c r="D108" s="5">
        <v>66</v>
      </c>
    </row>
    <row r="109" spans="1:4" ht="18" customHeight="1" x14ac:dyDescent="0.15">
      <c r="A109" s="8">
        <v>85</v>
      </c>
      <c r="B109" s="21">
        <v>5</v>
      </c>
      <c r="C109" s="6">
        <v>7</v>
      </c>
      <c r="D109" s="5">
        <v>12</v>
      </c>
    </row>
    <row r="110" spans="1:4" ht="18" customHeight="1" x14ac:dyDescent="0.15">
      <c r="A110" s="8">
        <v>86</v>
      </c>
      <c r="B110" s="21">
        <v>4</v>
      </c>
      <c r="C110" s="6">
        <v>6</v>
      </c>
      <c r="D110" s="5">
        <v>10</v>
      </c>
    </row>
    <row r="111" spans="1:4" ht="18" customHeight="1" x14ac:dyDescent="0.15">
      <c r="A111" s="8">
        <v>87</v>
      </c>
      <c r="B111" s="21">
        <v>6</v>
      </c>
      <c r="C111" s="6">
        <v>6</v>
      </c>
      <c r="D111" s="5">
        <v>12</v>
      </c>
    </row>
    <row r="112" spans="1:4" ht="18" customHeight="1" x14ac:dyDescent="0.15">
      <c r="A112" s="8">
        <v>88</v>
      </c>
      <c r="B112" s="21">
        <v>0</v>
      </c>
      <c r="C112" s="6">
        <v>3</v>
      </c>
      <c r="D112" s="5">
        <v>3</v>
      </c>
    </row>
    <row r="113" spans="1:4" ht="18" customHeight="1" x14ac:dyDescent="0.15">
      <c r="A113" s="8">
        <v>89</v>
      </c>
      <c r="B113" s="21">
        <v>1</v>
      </c>
      <c r="C113" s="6">
        <v>9</v>
      </c>
      <c r="D113" s="5">
        <v>10</v>
      </c>
    </row>
    <row r="114" spans="1:4" ht="18" customHeight="1" x14ac:dyDescent="0.15">
      <c r="A114" s="8" t="s">
        <v>6</v>
      </c>
      <c r="B114" s="21">
        <v>16</v>
      </c>
      <c r="C114" s="6">
        <v>31</v>
      </c>
      <c r="D114" s="5">
        <v>47</v>
      </c>
    </row>
    <row r="115" spans="1:4" ht="18" customHeight="1" x14ac:dyDescent="0.15">
      <c r="A115" s="8">
        <v>90</v>
      </c>
      <c r="B115" s="21">
        <v>4</v>
      </c>
      <c r="C115" s="6">
        <v>4</v>
      </c>
      <c r="D115" s="5">
        <v>8</v>
      </c>
    </row>
    <row r="116" spans="1:4" ht="18" customHeight="1" x14ac:dyDescent="0.15">
      <c r="A116" s="8">
        <v>91</v>
      </c>
      <c r="B116" s="21">
        <v>2</v>
      </c>
      <c r="C116" s="6">
        <v>1</v>
      </c>
      <c r="D116" s="5">
        <v>3</v>
      </c>
    </row>
    <row r="117" spans="1:4" ht="18" customHeight="1" x14ac:dyDescent="0.15">
      <c r="A117" s="8">
        <v>92</v>
      </c>
      <c r="B117" s="21">
        <v>0</v>
      </c>
      <c r="C117" s="6">
        <v>5</v>
      </c>
      <c r="D117" s="5">
        <v>5</v>
      </c>
    </row>
    <row r="118" spans="1:4" ht="18" customHeight="1" x14ac:dyDescent="0.15">
      <c r="A118" s="8">
        <v>93</v>
      </c>
      <c r="B118" s="21">
        <v>0</v>
      </c>
      <c r="C118" s="6">
        <v>3</v>
      </c>
      <c r="D118" s="5">
        <v>3</v>
      </c>
    </row>
    <row r="119" spans="1:4" ht="18" customHeight="1" x14ac:dyDescent="0.15">
      <c r="A119" s="8">
        <v>94</v>
      </c>
      <c r="B119" s="21">
        <v>0</v>
      </c>
      <c r="C119" s="6">
        <v>5</v>
      </c>
      <c r="D119" s="5">
        <v>5</v>
      </c>
    </row>
    <row r="120" spans="1:4" ht="18" customHeight="1" x14ac:dyDescent="0.15">
      <c r="A120" s="8" t="s">
        <v>5</v>
      </c>
      <c r="B120" s="21">
        <v>6</v>
      </c>
      <c r="C120" s="6">
        <v>18</v>
      </c>
      <c r="D120" s="5">
        <v>24</v>
      </c>
    </row>
    <row r="121" spans="1:4" ht="18" customHeight="1" x14ac:dyDescent="0.15">
      <c r="A121" s="8">
        <v>95</v>
      </c>
      <c r="B121" s="21">
        <v>2</v>
      </c>
      <c r="C121" s="6">
        <v>1</v>
      </c>
      <c r="D121" s="5">
        <v>3</v>
      </c>
    </row>
    <row r="122" spans="1:4" ht="18" customHeight="1" x14ac:dyDescent="0.15">
      <c r="A122" s="8">
        <v>96</v>
      </c>
      <c r="B122" s="21">
        <v>1</v>
      </c>
      <c r="C122" s="6">
        <v>4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1</v>
      </c>
      <c r="C124" s="6">
        <v>1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4</v>
      </c>
      <c r="C126" s="6">
        <v>6</v>
      </c>
      <c r="D126" s="5">
        <v>10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97</v>
      </c>
      <c r="C130" s="6">
        <v>250</v>
      </c>
      <c r="D130" s="5">
        <v>447</v>
      </c>
    </row>
    <row r="131" spans="1:4" ht="18" customHeight="1" x14ac:dyDescent="0.15">
      <c r="A131" s="4" t="s">
        <v>0</v>
      </c>
      <c r="B131" s="20">
        <v>837</v>
      </c>
      <c r="C131" s="2">
        <v>825</v>
      </c>
      <c r="D131" s="1">
        <v>166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37A409-92DF-4696-80F9-843478FFB247}">
  <sheetPr codeName="Sheet5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3</v>
      </c>
      <c r="C5" s="11">
        <v>7</v>
      </c>
      <c r="D5" s="10">
        <v>20</v>
      </c>
    </row>
    <row r="6" spans="1:4" ht="18" customHeight="1" x14ac:dyDescent="0.15">
      <c r="A6" s="8">
        <v>1</v>
      </c>
      <c r="B6" s="21">
        <v>7</v>
      </c>
      <c r="C6" s="6">
        <v>3</v>
      </c>
      <c r="D6" s="5">
        <v>10</v>
      </c>
    </row>
    <row r="7" spans="1:4" ht="18" customHeight="1" x14ac:dyDescent="0.15">
      <c r="A7" s="8">
        <v>2</v>
      </c>
      <c r="B7" s="21">
        <v>8</v>
      </c>
      <c r="C7" s="6">
        <v>9</v>
      </c>
      <c r="D7" s="5">
        <v>17</v>
      </c>
    </row>
    <row r="8" spans="1:4" ht="18" customHeight="1" x14ac:dyDescent="0.15">
      <c r="A8" s="8">
        <v>3</v>
      </c>
      <c r="B8" s="21">
        <v>10</v>
      </c>
      <c r="C8" s="6">
        <v>6</v>
      </c>
      <c r="D8" s="5">
        <v>16</v>
      </c>
    </row>
    <row r="9" spans="1:4" ht="18" customHeight="1" x14ac:dyDescent="0.15">
      <c r="A9" s="8">
        <v>4</v>
      </c>
      <c r="B9" s="21">
        <v>9</v>
      </c>
      <c r="C9" s="6">
        <v>6</v>
      </c>
      <c r="D9" s="5">
        <v>15</v>
      </c>
    </row>
    <row r="10" spans="1:4" ht="18" customHeight="1" x14ac:dyDescent="0.15">
      <c r="A10" s="8" t="s">
        <v>25</v>
      </c>
      <c r="B10" s="21">
        <v>47</v>
      </c>
      <c r="C10" s="6">
        <v>31</v>
      </c>
      <c r="D10" s="5">
        <v>78</v>
      </c>
    </row>
    <row r="11" spans="1:4" ht="18" customHeight="1" x14ac:dyDescent="0.15">
      <c r="A11" s="8">
        <v>5</v>
      </c>
      <c r="B11" s="21">
        <v>8</v>
      </c>
      <c r="C11" s="6">
        <v>12</v>
      </c>
      <c r="D11" s="5">
        <v>20</v>
      </c>
    </row>
    <row r="12" spans="1:4" ht="18" customHeight="1" x14ac:dyDescent="0.15">
      <c r="A12" s="8">
        <v>6</v>
      </c>
      <c r="B12" s="21">
        <v>6</v>
      </c>
      <c r="C12" s="6">
        <v>15</v>
      </c>
      <c r="D12" s="5">
        <v>21</v>
      </c>
    </row>
    <row r="13" spans="1:4" ht="18" customHeight="1" x14ac:dyDescent="0.15">
      <c r="A13" s="8">
        <v>7</v>
      </c>
      <c r="B13" s="21">
        <v>17</v>
      </c>
      <c r="C13" s="6">
        <v>9</v>
      </c>
      <c r="D13" s="5">
        <v>26</v>
      </c>
    </row>
    <row r="14" spans="1:4" ht="18" customHeight="1" x14ac:dyDescent="0.15">
      <c r="A14" s="8">
        <v>8</v>
      </c>
      <c r="B14" s="21">
        <v>11</v>
      </c>
      <c r="C14" s="6">
        <v>16</v>
      </c>
      <c r="D14" s="5">
        <v>27</v>
      </c>
    </row>
    <row r="15" spans="1:4" ht="18" customHeight="1" x14ac:dyDescent="0.15">
      <c r="A15" s="8">
        <v>9</v>
      </c>
      <c r="B15" s="21">
        <v>16</v>
      </c>
      <c r="C15" s="6">
        <v>8</v>
      </c>
      <c r="D15" s="5">
        <v>24</v>
      </c>
    </row>
    <row r="16" spans="1:4" ht="18" customHeight="1" x14ac:dyDescent="0.15">
      <c r="A16" s="8" t="s">
        <v>24</v>
      </c>
      <c r="B16" s="21">
        <v>58</v>
      </c>
      <c r="C16" s="6">
        <v>60</v>
      </c>
      <c r="D16" s="5">
        <v>118</v>
      </c>
    </row>
    <row r="17" spans="1:4" ht="18" customHeight="1" x14ac:dyDescent="0.15">
      <c r="A17" s="8">
        <v>10</v>
      </c>
      <c r="B17" s="21">
        <v>12</v>
      </c>
      <c r="C17" s="6">
        <v>20</v>
      </c>
      <c r="D17" s="5">
        <v>32</v>
      </c>
    </row>
    <row r="18" spans="1:4" ht="18" customHeight="1" x14ac:dyDescent="0.15">
      <c r="A18" s="8">
        <v>11</v>
      </c>
      <c r="B18" s="21">
        <v>9</v>
      </c>
      <c r="C18" s="6">
        <v>16</v>
      </c>
      <c r="D18" s="5">
        <v>25</v>
      </c>
    </row>
    <row r="19" spans="1:4" ht="18" customHeight="1" x14ac:dyDescent="0.15">
      <c r="A19" s="8">
        <v>12</v>
      </c>
      <c r="B19" s="21">
        <v>16</v>
      </c>
      <c r="C19" s="6">
        <v>13</v>
      </c>
      <c r="D19" s="5">
        <v>29</v>
      </c>
    </row>
    <row r="20" spans="1:4" ht="18" customHeight="1" x14ac:dyDescent="0.15">
      <c r="A20" s="8">
        <v>13</v>
      </c>
      <c r="B20" s="21">
        <v>18</v>
      </c>
      <c r="C20" s="6">
        <v>6</v>
      </c>
      <c r="D20" s="5">
        <v>24</v>
      </c>
    </row>
    <row r="21" spans="1:4" ht="18" customHeight="1" x14ac:dyDescent="0.15">
      <c r="A21" s="8">
        <v>14</v>
      </c>
      <c r="B21" s="21">
        <v>9</v>
      </c>
      <c r="C21" s="6">
        <v>14</v>
      </c>
      <c r="D21" s="5">
        <v>23</v>
      </c>
    </row>
    <row r="22" spans="1:4" ht="18" customHeight="1" x14ac:dyDescent="0.15">
      <c r="A22" s="8" t="s">
        <v>23</v>
      </c>
      <c r="B22" s="21">
        <v>64</v>
      </c>
      <c r="C22" s="6">
        <v>69</v>
      </c>
      <c r="D22" s="5">
        <v>133</v>
      </c>
    </row>
    <row r="23" spans="1:4" ht="18" customHeight="1" x14ac:dyDescent="0.15">
      <c r="A23" s="8" t="s">
        <v>22</v>
      </c>
      <c r="B23" s="21">
        <v>169</v>
      </c>
      <c r="C23" s="6">
        <v>160</v>
      </c>
      <c r="D23" s="5">
        <v>329</v>
      </c>
    </row>
    <row r="24" spans="1:4" ht="18" customHeight="1" x14ac:dyDescent="0.15">
      <c r="A24" s="8">
        <v>15</v>
      </c>
      <c r="B24" s="21">
        <v>10</v>
      </c>
      <c r="C24" s="6">
        <v>11</v>
      </c>
      <c r="D24" s="5">
        <v>21</v>
      </c>
    </row>
    <row r="25" spans="1:4" ht="18" customHeight="1" x14ac:dyDescent="0.15">
      <c r="A25" s="8">
        <v>16</v>
      </c>
      <c r="B25" s="21">
        <v>16</v>
      </c>
      <c r="C25" s="6">
        <v>15</v>
      </c>
      <c r="D25" s="5">
        <v>31</v>
      </c>
    </row>
    <row r="26" spans="1:4" ht="18" customHeight="1" x14ac:dyDescent="0.15">
      <c r="A26" s="8">
        <v>17</v>
      </c>
      <c r="B26" s="21">
        <v>16</v>
      </c>
      <c r="C26" s="6">
        <v>11</v>
      </c>
      <c r="D26" s="5">
        <v>27</v>
      </c>
    </row>
    <row r="27" spans="1:4" ht="18" customHeight="1" x14ac:dyDescent="0.15">
      <c r="A27" s="8">
        <v>18</v>
      </c>
      <c r="B27" s="21">
        <v>14</v>
      </c>
      <c r="C27" s="6">
        <v>18</v>
      </c>
      <c r="D27" s="5">
        <v>32</v>
      </c>
    </row>
    <row r="28" spans="1:4" ht="18" customHeight="1" x14ac:dyDescent="0.15">
      <c r="A28" s="8">
        <v>19</v>
      </c>
      <c r="B28" s="21">
        <v>16</v>
      </c>
      <c r="C28" s="6">
        <v>11</v>
      </c>
      <c r="D28" s="5">
        <v>27</v>
      </c>
    </row>
    <row r="29" spans="1:4" ht="18" customHeight="1" x14ac:dyDescent="0.15">
      <c r="A29" s="8" t="s">
        <v>21</v>
      </c>
      <c r="B29" s="21">
        <v>72</v>
      </c>
      <c r="C29" s="6">
        <v>66</v>
      </c>
      <c r="D29" s="5">
        <v>138</v>
      </c>
    </row>
    <row r="30" spans="1:4" ht="18" customHeight="1" x14ac:dyDescent="0.15">
      <c r="A30" s="8">
        <v>20</v>
      </c>
      <c r="B30" s="21">
        <v>17</v>
      </c>
      <c r="C30" s="6">
        <v>13</v>
      </c>
      <c r="D30" s="5">
        <v>30</v>
      </c>
    </row>
    <row r="31" spans="1:4" ht="18" customHeight="1" x14ac:dyDescent="0.15">
      <c r="A31" s="8">
        <v>21</v>
      </c>
      <c r="B31" s="21">
        <v>10</v>
      </c>
      <c r="C31" s="6">
        <v>16</v>
      </c>
      <c r="D31" s="5">
        <v>26</v>
      </c>
    </row>
    <row r="32" spans="1:4" ht="18" customHeight="1" x14ac:dyDescent="0.15">
      <c r="A32" s="8">
        <v>22</v>
      </c>
      <c r="B32" s="21">
        <v>17</v>
      </c>
      <c r="C32" s="6">
        <v>17</v>
      </c>
      <c r="D32" s="5">
        <v>34</v>
      </c>
    </row>
    <row r="33" spans="1:4" ht="18" customHeight="1" x14ac:dyDescent="0.15">
      <c r="A33" s="8">
        <v>23</v>
      </c>
      <c r="B33" s="21">
        <v>13</v>
      </c>
      <c r="C33" s="6">
        <v>13</v>
      </c>
      <c r="D33" s="5">
        <v>26</v>
      </c>
    </row>
    <row r="34" spans="1:4" ht="18" customHeight="1" x14ac:dyDescent="0.15">
      <c r="A34" s="8">
        <v>24</v>
      </c>
      <c r="B34" s="21">
        <v>30</v>
      </c>
      <c r="C34" s="6">
        <v>19</v>
      </c>
      <c r="D34" s="5">
        <v>49</v>
      </c>
    </row>
    <row r="35" spans="1:4" ht="18" customHeight="1" x14ac:dyDescent="0.15">
      <c r="A35" s="8" t="s">
        <v>20</v>
      </c>
      <c r="B35" s="21">
        <v>87</v>
      </c>
      <c r="C35" s="6">
        <v>78</v>
      </c>
      <c r="D35" s="5">
        <v>165</v>
      </c>
    </row>
    <row r="36" spans="1:4" ht="18" customHeight="1" x14ac:dyDescent="0.15">
      <c r="A36" s="8">
        <v>25</v>
      </c>
      <c r="B36" s="21">
        <v>14</v>
      </c>
      <c r="C36" s="6">
        <v>18</v>
      </c>
      <c r="D36" s="5">
        <v>32</v>
      </c>
    </row>
    <row r="37" spans="1:4" ht="18" customHeight="1" x14ac:dyDescent="0.15">
      <c r="A37" s="8">
        <v>26</v>
      </c>
      <c r="B37" s="21">
        <v>19</v>
      </c>
      <c r="C37" s="6">
        <v>19</v>
      </c>
      <c r="D37" s="5">
        <v>38</v>
      </c>
    </row>
    <row r="38" spans="1:4" ht="18" customHeight="1" x14ac:dyDescent="0.15">
      <c r="A38" s="8">
        <v>27</v>
      </c>
      <c r="B38" s="21">
        <v>17</v>
      </c>
      <c r="C38" s="6">
        <v>14</v>
      </c>
      <c r="D38" s="5">
        <v>31</v>
      </c>
    </row>
    <row r="39" spans="1:4" ht="18" customHeight="1" x14ac:dyDescent="0.15">
      <c r="A39" s="8">
        <v>28</v>
      </c>
      <c r="B39" s="21">
        <v>26</v>
      </c>
      <c r="C39" s="6">
        <v>12</v>
      </c>
      <c r="D39" s="5">
        <v>38</v>
      </c>
    </row>
    <row r="40" spans="1:4" ht="18" customHeight="1" x14ac:dyDescent="0.15">
      <c r="A40" s="8">
        <v>29</v>
      </c>
      <c r="B40" s="21">
        <v>16</v>
      </c>
      <c r="C40" s="6">
        <v>11</v>
      </c>
      <c r="D40" s="5">
        <v>27</v>
      </c>
    </row>
    <row r="41" spans="1:4" ht="18" customHeight="1" x14ac:dyDescent="0.15">
      <c r="A41" s="8" t="s">
        <v>19</v>
      </c>
      <c r="B41" s="21">
        <v>92</v>
      </c>
      <c r="C41" s="6">
        <v>74</v>
      </c>
      <c r="D41" s="5">
        <v>166</v>
      </c>
    </row>
    <row r="42" spans="1:4" ht="18" customHeight="1" x14ac:dyDescent="0.15">
      <c r="A42" s="8">
        <v>30</v>
      </c>
      <c r="B42" s="21">
        <v>15</v>
      </c>
      <c r="C42" s="6">
        <v>7</v>
      </c>
      <c r="D42" s="5">
        <v>22</v>
      </c>
    </row>
    <row r="43" spans="1:4" ht="18" customHeight="1" x14ac:dyDescent="0.15">
      <c r="A43" s="8">
        <v>31</v>
      </c>
      <c r="B43" s="21">
        <v>16</v>
      </c>
      <c r="C43" s="6">
        <v>16</v>
      </c>
      <c r="D43" s="5">
        <v>32</v>
      </c>
    </row>
    <row r="44" spans="1:4" ht="18" customHeight="1" x14ac:dyDescent="0.15">
      <c r="A44" s="8">
        <v>32</v>
      </c>
      <c r="B44" s="21">
        <v>14</v>
      </c>
      <c r="C44" s="6">
        <v>15</v>
      </c>
      <c r="D44" s="5">
        <v>29</v>
      </c>
    </row>
    <row r="45" spans="1:4" ht="18" customHeight="1" x14ac:dyDescent="0.15">
      <c r="A45" s="8">
        <v>33</v>
      </c>
      <c r="B45" s="21">
        <v>8</v>
      </c>
      <c r="C45" s="6">
        <v>13</v>
      </c>
      <c r="D45" s="5">
        <v>21</v>
      </c>
    </row>
    <row r="46" spans="1:4" ht="18" customHeight="1" x14ac:dyDescent="0.15">
      <c r="A46" s="8">
        <v>34</v>
      </c>
      <c r="B46" s="21">
        <v>8</v>
      </c>
      <c r="C46" s="6">
        <v>20</v>
      </c>
      <c r="D46" s="5">
        <v>28</v>
      </c>
    </row>
    <row r="47" spans="1:4" ht="18" customHeight="1" x14ac:dyDescent="0.15">
      <c r="A47" s="8" t="s">
        <v>18</v>
      </c>
      <c r="B47" s="21">
        <v>61</v>
      </c>
      <c r="C47" s="6">
        <v>71</v>
      </c>
      <c r="D47" s="5">
        <v>132</v>
      </c>
    </row>
    <row r="48" spans="1:4" ht="18" customHeight="1" x14ac:dyDescent="0.15">
      <c r="A48" s="8">
        <v>35</v>
      </c>
      <c r="B48" s="21">
        <v>15</v>
      </c>
      <c r="C48" s="6">
        <v>16</v>
      </c>
      <c r="D48" s="5">
        <v>31</v>
      </c>
    </row>
    <row r="49" spans="1:4" ht="18" customHeight="1" x14ac:dyDescent="0.15">
      <c r="A49" s="8">
        <v>36</v>
      </c>
      <c r="B49" s="21">
        <v>16</v>
      </c>
      <c r="C49" s="6">
        <v>13</v>
      </c>
      <c r="D49" s="5">
        <v>29</v>
      </c>
    </row>
    <row r="50" spans="1:4" ht="18" customHeight="1" x14ac:dyDescent="0.15">
      <c r="A50" s="8">
        <v>37</v>
      </c>
      <c r="B50" s="21">
        <v>18</v>
      </c>
      <c r="C50" s="6">
        <v>7</v>
      </c>
      <c r="D50" s="5">
        <v>25</v>
      </c>
    </row>
    <row r="51" spans="1:4" ht="18" customHeight="1" x14ac:dyDescent="0.15">
      <c r="A51" s="8">
        <v>38</v>
      </c>
      <c r="B51" s="21">
        <v>28</v>
      </c>
      <c r="C51" s="6">
        <v>17</v>
      </c>
      <c r="D51" s="5">
        <v>45</v>
      </c>
    </row>
    <row r="52" spans="1:4" ht="18" customHeight="1" x14ac:dyDescent="0.15">
      <c r="A52" s="8">
        <v>39</v>
      </c>
      <c r="B52" s="21">
        <v>24</v>
      </c>
      <c r="C52" s="6">
        <v>12</v>
      </c>
      <c r="D52" s="5">
        <v>36</v>
      </c>
    </row>
    <row r="53" spans="1:4" ht="18" customHeight="1" x14ac:dyDescent="0.15">
      <c r="A53" s="8" t="s">
        <v>17</v>
      </c>
      <c r="B53" s="21">
        <v>101</v>
      </c>
      <c r="C53" s="6">
        <v>65</v>
      </c>
      <c r="D53" s="5">
        <v>166</v>
      </c>
    </row>
    <row r="54" spans="1:4" ht="18" customHeight="1" x14ac:dyDescent="0.15">
      <c r="A54" s="8">
        <v>40</v>
      </c>
      <c r="B54" s="21">
        <v>23</v>
      </c>
      <c r="C54" s="6">
        <v>24</v>
      </c>
      <c r="D54" s="5">
        <v>47</v>
      </c>
    </row>
    <row r="55" spans="1:4" ht="18" customHeight="1" x14ac:dyDescent="0.15">
      <c r="A55" s="8">
        <v>41</v>
      </c>
      <c r="B55" s="21">
        <v>19</v>
      </c>
      <c r="C55" s="6">
        <v>15</v>
      </c>
      <c r="D55" s="5">
        <v>34</v>
      </c>
    </row>
    <row r="56" spans="1:4" ht="18" customHeight="1" x14ac:dyDescent="0.15">
      <c r="A56" s="8">
        <v>42</v>
      </c>
      <c r="B56" s="21">
        <v>18</v>
      </c>
      <c r="C56" s="6">
        <v>18</v>
      </c>
      <c r="D56" s="5">
        <v>36</v>
      </c>
    </row>
    <row r="57" spans="1:4" ht="18" customHeight="1" x14ac:dyDescent="0.15">
      <c r="A57" s="8">
        <v>43</v>
      </c>
      <c r="B57" s="21">
        <v>19</v>
      </c>
      <c r="C57" s="6">
        <v>16</v>
      </c>
      <c r="D57" s="5">
        <v>35</v>
      </c>
    </row>
    <row r="58" spans="1:4" ht="18" customHeight="1" x14ac:dyDescent="0.15">
      <c r="A58" s="8">
        <v>44</v>
      </c>
      <c r="B58" s="21">
        <v>17</v>
      </c>
      <c r="C58" s="6">
        <v>22</v>
      </c>
      <c r="D58" s="5">
        <v>39</v>
      </c>
    </row>
    <row r="59" spans="1:4" ht="18" customHeight="1" x14ac:dyDescent="0.15">
      <c r="A59" s="8" t="s">
        <v>16</v>
      </c>
      <c r="B59" s="21">
        <v>96</v>
      </c>
      <c r="C59" s="6">
        <v>95</v>
      </c>
      <c r="D59" s="5">
        <v>191</v>
      </c>
    </row>
    <row r="60" spans="1:4" ht="18" customHeight="1" x14ac:dyDescent="0.15">
      <c r="A60" s="8">
        <v>45</v>
      </c>
      <c r="B60" s="21">
        <v>19</v>
      </c>
      <c r="C60" s="6">
        <v>23</v>
      </c>
      <c r="D60" s="5">
        <v>42</v>
      </c>
    </row>
    <row r="61" spans="1:4" ht="18" customHeight="1" x14ac:dyDescent="0.15">
      <c r="A61" s="8">
        <v>46</v>
      </c>
      <c r="B61" s="21">
        <v>20</v>
      </c>
      <c r="C61" s="6">
        <v>14</v>
      </c>
      <c r="D61" s="5">
        <v>34</v>
      </c>
    </row>
    <row r="62" spans="1:4" ht="18" customHeight="1" x14ac:dyDescent="0.15">
      <c r="A62" s="8">
        <v>47</v>
      </c>
      <c r="B62" s="21">
        <v>21</v>
      </c>
      <c r="C62" s="6">
        <v>18</v>
      </c>
      <c r="D62" s="5">
        <v>39</v>
      </c>
    </row>
    <row r="63" spans="1:4" ht="18" customHeight="1" x14ac:dyDescent="0.15">
      <c r="A63" s="8">
        <v>48</v>
      </c>
      <c r="B63" s="21">
        <v>18</v>
      </c>
      <c r="C63" s="6">
        <v>23</v>
      </c>
      <c r="D63" s="5">
        <v>41</v>
      </c>
    </row>
    <row r="64" spans="1:4" ht="18" customHeight="1" x14ac:dyDescent="0.15">
      <c r="A64" s="8">
        <v>49</v>
      </c>
      <c r="B64" s="21">
        <v>24</v>
      </c>
      <c r="C64" s="6">
        <v>23</v>
      </c>
      <c r="D64" s="5">
        <v>47</v>
      </c>
    </row>
    <row r="65" spans="1:4" ht="18" customHeight="1" x14ac:dyDescent="0.15">
      <c r="A65" s="8" t="s">
        <v>15</v>
      </c>
      <c r="B65" s="21">
        <v>102</v>
      </c>
      <c r="C65" s="6">
        <v>101</v>
      </c>
      <c r="D65" s="5">
        <v>203</v>
      </c>
    </row>
    <row r="66" spans="1:4" ht="18" customHeight="1" x14ac:dyDescent="0.15">
      <c r="A66" s="8">
        <v>50</v>
      </c>
      <c r="B66" s="21">
        <v>35</v>
      </c>
      <c r="C66" s="6">
        <v>21</v>
      </c>
      <c r="D66" s="5">
        <v>56</v>
      </c>
    </row>
    <row r="67" spans="1:4" ht="18" customHeight="1" x14ac:dyDescent="0.15">
      <c r="A67" s="8">
        <v>51</v>
      </c>
      <c r="B67" s="21">
        <v>27</v>
      </c>
      <c r="C67" s="6">
        <v>18</v>
      </c>
      <c r="D67" s="5">
        <v>45</v>
      </c>
    </row>
    <row r="68" spans="1:4" ht="18" customHeight="1" x14ac:dyDescent="0.15">
      <c r="A68" s="8">
        <v>52</v>
      </c>
      <c r="B68" s="21">
        <v>26</v>
      </c>
      <c r="C68" s="6">
        <v>26</v>
      </c>
      <c r="D68" s="5">
        <v>52</v>
      </c>
    </row>
    <row r="69" spans="1:4" ht="18" customHeight="1" x14ac:dyDescent="0.15">
      <c r="A69" s="8">
        <v>53</v>
      </c>
      <c r="B69" s="21">
        <v>24</v>
      </c>
      <c r="C69" s="6">
        <v>25</v>
      </c>
      <c r="D69" s="5">
        <v>49</v>
      </c>
    </row>
    <row r="70" spans="1:4" ht="18" customHeight="1" x14ac:dyDescent="0.15">
      <c r="A70" s="8">
        <v>54</v>
      </c>
      <c r="B70" s="21">
        <v>24</v>
      </c>
      <c r="C70" s="6">
        <v>16</v>
      </c>
      <c r="D70" s="5">
        <v>40</v>
      </c>
    </row>
    <row r="71" spans="1:4" ht="18" customHeight="1" x14ac:dyDescent="0.15">
      <c r="A71" s="8" t="s">
        <v>14</v>
      </c>
      <c r="B71" s="21">
        <v>136</v>
      </c>
      <c r="C71" s="6">
        <v>106</v>
      </c>
      <c r="D71" s="5">
        <v>242</v>
      </c>
    </row>
    <row r="72" spans="1:4" ht="18" customHeight="1" x14ac:dyDescent="0.15">
      <c r="A72" s="8">
        <v>55</v>
      </c>
      <c r="B72" s="21">
        <v>23</v>
      </c>
      <c r="C72" s="6">
        <v>23</v>
      </c>
      <c r="D72" s="5">
        <v>46</v>
      </c>
    </row>
    <row r="73" spans="1:4" ht="18" customHeight="1" x14ac:dyDescent="0.15">
      <c r="A73" s="8">
        <v>56</v>
      </c>
      <c r="B73" s="21">
        <v>28</v>
      </c>
      <c r="C73" s="6">
        <v>26</v>
      </c>
      <c r="D73" s="5">
        <v>54</v>
      </c>
    </row>
    <row r="74" spans="1:4" ht="18" customHeight="1" x14ac:dyDescent="0.15">
      <c r="A74" s="8">
        <v>57</v>
      </c>
      <c r="B74" s="21">
        <v>16</v>
      </c>
      <c r="C74" s="6">
        <v>15</v>
      </c>
      <c r="D74" s="5">
        <v>31</v>
      </c>
    </row>
    <row r="75" spans="1:4" ht="18" customHeight="1" x14ac:dyDescent="0.15">
      <c r="A75" s="8">
        <v>58</v>
      </c>
      <c r="B75" s="21">
        <v>27</v>
      </c>
      <c r="C75" s="6">
        <v>22</v>
      </c>
      <c r="D75" s="5">
        <v>49</v>
      </c>
    </row>
    <row r="76" spans="1:4" ht="18" customHeight="1" x14ac:dyDescent="0.15">
      <c r="A76" s="8">
        <v>59</v>
      </c>
      <c r="B76" s="21">
        <v>17</v>
      </c>
      <c r="C76" s="6">
        <v>18</v>
      </c>
      <c r="D76" s="5">
        <v>35</v>
      </c>
    </row>
    <row r="77" spans="1:4" ht="18" customHeight="1" x14ac:dyDescent="0.15">
      <c r="A77" s="8" t="s">
        <v>13</v>
      </c>
      <c r="B77" s="21">
        <v>111</v>
      </c>
      <c r="C77" s="6">
        <v>104</v>
      </c>
      <c r="D77" s="5">
        <v>215</v>
      </c>
    </row>
    <row r="78" spans="1:4" ht="18" customHeight="1" x14ac:dyDescent="0.15">
      <c r="A78" s="8">
        <v>60</v>
      </c>
      <c r="B78" s="21">
        <v>11</v>
      </c>
      <c r="C78" s="6">
        <v>22</v>
      </c>
      <c r="D78" s="5">
        <v>33</v>
      </c>
    </row>
    <row r="79" spans="1:4" ht="18" customHeight="1" x14ac:dyDescent="0.15">
      <c r="A79" s="8">
        <v>61</v>
      </c>
      <c r="B79" s="21">
        <v>15</v>
      </c>
      <c r="C79" s="6">
        <v>14</v>
      </c>
      <c r="D79" s="5">
        <v>29</v>
      </c>
    </row>
    <row r="80" spans="1:4" ht="18" customHeight="1" x14ac:dyDescent="0.15">
      <c r="A80" s="8">
        <v>62</v>
      </c>
      <c r="B80" s="21">
        <v>22</v>
      </c>
      <c r="C80" s="6">
        <v>15</v>
      </c>
      <c r="D80" s="5">
        <v>37</v>
      </c>
    </row>
    <row r="81" spans="1:4" ht="18" customHeight="1" x14ac:dyDescent="0.15">
      <c r="A81" s="8">
        <v>63</v>
      </c>
      <c r="B81" s="21">
        <v>19</v>
      </c>
      <c r="C81" s="6">
        <v>20</v>
      </c>
      <c r="D81" s="5">
        <v>39</v>
      </c>
    </row>
    <row r="82" spans="1:4" ht="18" customHeight="1" x14ac:dyDescent="0.15">
      <c r="A82" s="8">
        <v>64</v>
      </c>
      <c r="B82" s="21">
        <v>20</v>
      </c>
      <c r="C82" s="6">
        <v>26</v>
      </c>
      <c r="D82" s="5">
        <v>46</v>
      </c>
    </row>
    <row r="83" spans="1:4" ht="18" customHeight="1" x14ac:dyDescent="0.15">
      <c r="A83" s="8" t="s">
        <v>12</v>
      </c>
      <c r="B83" s="21">
        <v>87</v>
      </c>
      <c r="C83" s="6">
        <v>97</v>
      </c>
      <c r="D83" s="5">
        <v>184</v>
      </c>
    </row>
    <row r="84" spans="1:4" ht="18" customHeight="1" x14ac:dyDescent="0.15">
      <c r="A84" s="8" t="s">
        <v>11</v>
      </c>
      <c r="B84" s="21">
        <v>945</v>
      </c>
      <c r="C84" s="6">
        <v>857</v>
      </c>
      <c r="D84" s="5">
        <v>1802</v>
      </c>
    </row>
    <row r="85" spans="1:4" ht="18" customHeight="1" x14ac:dyDescent="0.15">
      <c r="A85" s="8">
        <v>65</v>
      </c>
      <c r="B85" s="21">
        <v>16</v>
      </c>
      <c r="C85" s="6">
        <v>17</v>
      </c>
      <c r="D85" s="5">
        <v>33</v>
      </c>
    </row>
    <row r="86" spans="1:4" ht="18" customHeight="1" x14ac:dyDescent="0.15">
      <c r="A86" s="8">
        <v>66</v>
      </c>
      <c r="B86" s="21">
        <v>12</v>
      </c>
      <c r="C86" s="6">
        <v>26</v>
      </c>
      <c r="D86" s="5">
        <v>38</v>
      </c>
    </row>
    <row r="87" spans="1:4" ht="18" customHeight="1" x14ac:dyDescent="0.15">
      <c r="A87" s="8">
        <v>67</v>
      </c>
      <c r="B87" s="21">
        <v>18</v>
      </c>
      <c r="C87" s="6">
        <v>10</v>
      </c>
      <c r="D87" s="5">
        <v>28</v>
      </c>
    </row>
    <row r="88" spans="1:4" ht="18" customHeight="1" x14ac:dyDescent="0.15">
      <c r="A88" s="8">
        <v>68</v>
      </c>
      <c r="B88" s="21">
        <v>17</v>
      </c>
      <c r="C88" s="6">
        <v>18</v>
      </c>
      <c r="D88" s="5">
        <v>35</v>
      </c>
    </row>
    <row r="89" spans="1:4" ht="18" customHeight="1" x14ac:dyDescent="0.15">
      <c r="A89" s="8">
        <v>69</v>
      </c>
      <c r="B89" s="21">
        <v>17</v>
      </c>
      <c r="C89" s="6">
        <v>27</v>
      </c>
      <c r="D89" s="5">
        <v>44</v>
      </c>
    </row>
    <row r="90" spans="1:4" ht="18" customHeight="1" x14ac:dyDescent="0.15">
      <c r="A90" s="8" t="s">
        <v>10</v>
      </c>
      <c r="B90" s="21">
        <v>80</v>
      </c>
      <c r="C90" s="6">
        <v>98</v>
      </c>
      <c r="D90" s="5">
        <v>178</v>
      </c>
    </row>
    <row r="91" spans="1:4" ht="18" customHeight="1" x14ac:dyDescent="0.15">
      <c r="A91" s="8">
        <v>70</v>
      </c>
      <c r="B91" s="21">
        <v>25</v>
      </c>
      <c r="C91" s="6">
        <v>23</v>
      </c>
      <c r="D91" s="5">
        <v>48</v>
      </c>
    </row>
    <row r="92" spans="1:4" ht="18" customHeight="1" x14ac:dyDescent="0.15">
      <c r="A92" s="8">
        <v>71</v>
      </c>
      <c r="B92" s="21">
        <v>21</v>
      </c>
      <c r="C92" s="6">
        <v>21</v>
      </c>
      <c r="D92" s="5">
        <v>42</v>
      </c>
    </row>
    <row r="93" spans="1:4" ht="18" customHeight="1" x14ac:dyDescent="0.15">
      <c r="A93" s="8">
        <v>72</v>
      </c>
      <c r="B93" s="21">
        <v>24</v>
      </c>
      <c r="C93" s="6">
        <v>30</v>
      </c>
      <c r="D93" s="5">
        <v>54</v>
      </c>
    </row>
    <row r="94" spans="1:4" ht="18" customHeight="1" x14ac:dyDescent="0.15">
      <c r="A94" s="8">
        <v>73</v>
      </c>
      <c r="B94" s="21">
        <v>19</v>
      </c>
      <c r="C94" s="6">
        <v>35</v>
      </c>
      <c r="D94" s="5">
        <v>54</v>
      </c>
    </row>
    <row r="95" spans="1:4" ht="18" customHeight="1" x14ac:dyDescent="0.15">
      <c r="A95" s="8">
        <v>74</v>
      </c>
      <c r="B95" s="21">
        <v>26</v>
      </c>
      <c r="C95" s="6">
        <v>32</v>
      </c>
      <c r="D95" s="5">
        <v>58</v>
      </c>
    </row>
    <row r="96" spans="1:4" ht="18" customHeight="1" x14ac:dyDescent="0.15">
      <c r="A96" s="8" t="s">
        <v>9</v>
      </c>
      <c r="B96" s="21">
        <v>115</v>
      </c>
      <c r="C96" s="6">
        <v>141</v>
      </c>
      <c r="D96" s="5">
        <v>256</v>
      </c>
    </row>
    <row r="97" spans="1:4" ht="18" customHeight="1" x14ac:dyDescent="0.15">
      <c r="A97" s="8">
        <v>75</v>
      </c>
      <c r="B97" s="21">
        <v>26</v>
      </c>
      <c r="C97" s="6">
        <v>38</v>
      </c>
      <c r="D97" s="5">
        <v>64</v>
      </c>
    </row>
    <row r="98" spans="1:4" ht="18" customHeight="1" x14ac:dyDescent="0.15">
      <c r="A98" s="8">
        <v>76</v>
      </c>
      <c r="B98" s="21">
        <v>38</v>
      </c>
      <c r="C98" s="6">
        <v>38</v>
      </c>
      <c r="D98" s="5">
        <v>76</v>
      </c>
    </row>
    <row r="99" spans="1:4" ht="18" customHeight="1" x14ac:dyDescent="0.15">
      <c r="A99" s="8">
        <v>77</v>
      </c>
      <c r="B99" s="21">
        <v>30</v>
      </c>
      <c r="C99" s="6">
        <v>31</v>
      </c>
      <c r="D99" s="5">
        <v>61</v>
      </c>
    </row>
    <row r="100" spans="1:4" ht="18" customHeight="1" x14ac:dyDescent="0.15">
      <c r="A100" s="8">
        <v>78</v>
      </c>
      <c r="B100" s="21">
        <v>35</v>
      </c>
      <c r="C100" s="6">
        <v>32</v>
      </c>
      <c r="D100" s="5">
        <v>67</v>
      </c>
    </row>
    <row r="101" spans="1:4" ht="18" customHeight="1" x14ac:dyDescent="0.15">
      <c r="A101" s="8">
        <v>79</v>
      </c>
      <c r="B101" s="21">
        <v>13</v>
      </c>
      <c r="C101" s="6">
        <v>19</v>
      </c>
      <c r="D101" s="5">
        <v>32</v>
      </c>
    </row>
    <row r="102" spans="1:4" ht="18" customHeight="1" x14ac:dyDescent="0.15">
      <c r="A102" s="8" t="s">
        <v>8</v>
      </c>
      <c r="B102" s="21">
        <v>142</v>
      </c>
      <c r="C102" s="6">
        <v>158</v>
      </c>
      <c r="D102" s="5">
        <v>300</v>
      </c>
    </row>
    <row r="103" spans="1:4" ht="18" customHeight="1" x14ac:dyDescent="0.15">
      <c r="A103" s="8">
        <v>80</v>
      </c>
      <c r="B103" s="21">
        <v>20</v>
      </c>
      <c r="C103" s="6">
        <v>19</v>
      </c>
      <c r="D103" s="5">
        <v>39</v>
      </c>
    </row>
    <row r="104" spans="1:4" ht="18" customHeight="1" x14ac:dyDescent="0.15">
      <c r="A104" s="8">
        <v>81</v>
      </c>
      <c r="B104" s="21">
        <v>22</v>
      </c>
      <c r="C104" s="6">
        <v>26</v>
      </c>
      <c r="D104" s="5">
        <v>48</v>
      </c>
    </row>
    <row r="105" spans="1:4" ht="18" customHeight="1" x14ac:dyDescent="0.15">
      <c r="A105" s="8">
        <v>82</v>
      </c>
      <c r="B105" s="21">
        <v>19</v>
      </c>
      <c r="C105" s="6">
        <v>18</v>
      </c>
      <c r="D105" s="5">
        <v>37</v>
      </c>
    </row>
    <row r="106" spans="1:4" ht="18" customHeight="1" x14ac:dyDescent="0.15">
      <c r="A106" s="8">
        <v>83</v>
      </c>
      <c r="B106" s="21">
        <v>20</v>
      </c>
      <c r="C106" s="6">
        <v>20</v>
      </c>
      <c r="D106" s="5">
        <v>40</v>
      </c>
    </row>
    <row r="107" spans="1:4" ht="18" customHeight="1" x14ac:dyDescent="0.15">
      <c r="A107" s="8">
        <v>84</v>
      </c>
      <c r="B107" s="21">
        <v>21</v>
      </c>
      <c r="C107" s="6">
        <v>16</v>
      </c>
      <c r="D107" s="5">
        <v>37</v>
      </c>
    </row>
    <row r="108" spans="1:4" ht="18" customHeight="1" x14ac:dyDescent="0.15">
      <c r="A108" s="8" t="s">
        <v>7</v>
      </c>
      <c r="B108" s="21">
        <v>102</v>
      </c>
      <c r="C108" s="6">
        <v>99</v>
      </c>
      <c r="D108" s="5">
        <v>201</v>
      </c>
    </row>
    <row r="109" spans="1:4" ht="18" customHeight="1" x14ac:dyDescent="0.15">
      <c r="A109" s="8">
        <v>85</v>
      </c>
      <c r="B109" s="21">
        <v>11</v>
      </c>
      <c r="C109" s="6">
        <v>19</v>
      </c>
      <c r="D109" s="5">
        <v>30</v>
      </c>
    </row>
    <row r="110" spans="1:4" ht="18" customHeight="1" x14ac:dyDescent="0.15">
      <c r="A110" s="8">
        <v>86</v>
      </c>
      <c r="B110" s="21">
        <v>7</v>
      </c>
      <c r="C110" s="6">
        <v>14</v>
      </c>
      <c r="D110" s="5">
        <v>21</v>
      </c>
    </row>
    <row r="111" spans="1:4" ht="18" customHeight="1" x14ac:dyDescent="0.15">
      <c r="A111" s="8">
        <v>87</v>
      </c>
      <c r="B111" s="21">
        <v>10</v>
      </c>
      <c r="C111" s="6">
        <v>15</v>
      </c>
      <c r="D111" s="5">
        <v>25</v>
      </c>
    </row>
    <row r="112" spans="1:4" ht="18" customHeight="1" x14ac:dyDescent="0.15">
      <c r="A112" s="8">
        <v>88</v>
      </c>
      <c r="B112" s="21">
        <v>4</v>
      </c>
      <c r="C112" s="6">
        <v>21</v>
      </c>
      <c r="D112" s="5">
        <v>25</v>
      </c>
    </row>
    <row r="113" spans="1:4" ht="18" customHeight="1" x14ac:dyDescent="0.15">
      <c r="A113" s="8">
        <v>89</v>
      </c>
      <c r="B113" s="21">
        <v>7</v>
      </c>
      <c r="C113" s="6">
        <v>8</v>
      </c>
      <c r="D113" s="5">
        <v>15</v>
      </c>
    </row>
    <row r="114" spans="1:4" ht="18" customHeight="1" x14ac:dyDescent="0.15">
      <c r="A114" s="8" t="s">
        <v>6</v>
      </c>
      <c r="B114" s="21">
        <v>39</v>
      </c>
      <c r="C114" s="6">
        <v>77</v>
      </c>
      <c r="D114" s="5">
        <v>116</v>
      </c>
    </row>
    <row r="115" spans="1:4" ht="18" customHeight="1" x14ac:dyDescent="0.15">
      <c r="A115" s="8">
        <v>90</v>
      </c>
      <c r="B115" s="21">
        <v>9</v>
      </c>
      <c r="C115" s="6">
        <v>9</v>
      </c>
      <c r="D115" s="5">
        <v>18</v>
      </c>
    </row>
    <row r="116" spans="1:4" ht="18" customHeight="1" x14ac:dyDescent="0.15">
      <c r="A116" s="8">
        <v>91</v>
      </c>
      <c r="B116" s="21">
        <v>1</v>
      </c>
      <c r="C116" s="6">
        <v>9</v>
      </c>
      <c r="D116" s="5">
        <v>10</v>
      </c>
    </row>
    <row r="117" spans="1:4" ht="18" customHeight="1" x14ac:dyDescent="0.15">
      <c r="A117" s="8">
        <v>92</v>
      </c>
      <c r="B117" s="21">
        <v>4</v>
      </c>
      <c r="C117" s="6">
        <v>9</v>
      </c>
      <c r="D117" s="5">
        <v>13</v>
      </c>
    </row>
    <row r="118" spans="1:4" ht="18" customHeight="1" x14ac:dyDescent="0.15">
      <c r="A118" s="8">
        <v>93</v>
      </c>
      <c r="B118" s="21">
        <v>2</v>
      </c>
      <c r="C118" s="6">
        <v>9</v>
      </c>
      <c r="D118" s="5">
        <v>11</v>
      </c>
    </row>
    <row r="119" spans="1:4" ht="18" customHeight="1" x14ac:dyDescent="0.15">
      <c r="A119" s="8">
        <v>94</v>
      </c>
      <c r="B119" s="21">
        <v>2</v>
      </c>
      <c r="C119" s="6">
        <v>7</v>
      </c>
      <c r="D119" s="5">
        <v>9</v>
      </c>
    </row>
    <row r="120" spans="1:4" ht="18" customHeight="1" x14ac:dyDescent="0.15">
      <c r="A120" s="8" t="s">
        <v>5</v>
      </c>
      <c r="B120" s="21">
        <v>18</v>
      </c>
      <c r="C120" s="6">
        <v>43</v>
      </c>
      <c r="D120" s="5">
        <v>61</v>
      </c>
    </row>
    <row r="121" spans="1:4" ht="18" customHeight="1" x14ac:dyDescent="0.15">
      <c r="A121" s="8">
        <v>95</v>
      </c>
      <c r="B121" s="21">
        <v>3</v>
      </c>
      <c r="C121" s="6">
        <v>4</v>
      </c>
      <c r="D121" s="5">
        <v>7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3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3</v>
      </c>
      <c r="C126" s="6">
        <v>12</v>
      </c>
      <c r="D126" s="5">
        <v>15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499</v>
      </c>
      <c r="C130" s="6">
        <v>630</v>
      </c>
      <c r="D130" s="5">
        <v>1129</v>
      </c>
    </row>
    <row r="131" spans="1:4" ht="18" customHeight="1" x14ac:dyDescent="0.15">
      <c r="A131" s="4" t="s">
        <v>0</v>
      </c>
      <c r="B131" s="20">
        <v>1613</v>
      </c>
      <c r="C131" s="2">
        <v>1647</v>
      </c>
      <c r="D131" s="1">
        <v>326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CABA45-BEFC-4DB7-8A54-F61603056DB0}">
  <sheetPr codeName="Sheet5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0</v>
      </c>
      <c r="C5" s="11">
        <v>0</v>
      </c>
      <c r="D5" s="10">
        <v>0</v>
      </c>
    </row>
    <row r="6" spans="1:4" ht="18" customHeight="1" x14ac:dyDescent="0.15">
      <c r="A6" s="8">
        <v>1</v>
      </c>
      <c r="B6" s="21">
        <v>0</v>
      </c>
      <c r="C6" s="6">
        <v>1</v>
      </c>
      <c r="D6" s="5">
        <v>1</v>
      </c>
    </row>
    <row r="7" spans="1:4" ht="18" customHeight="1" x14ac:dyDescent="0.15">
      <c r="A7" s="8">
        <v>2</v>
      </c>
      <c r="B7" s="21">
        <v>1</v>
      </c>
      <c r="C7" s="6">
        <v>1</v>
      </c>
      <c r="D7" s="5">
        <v>2</v>
      </c>
    </row>
    <row r="8" spans="1:4" ht="18" customHeight="1" x14ac:dyDescent="0.15">
      <c r="A8" s="8">
        <v>3</v>
      </c>
      <c r="B8" s="21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1">
        <v>1</v>
      </c>
      <c r="C9" s="6">
        <v>1</v>
      </c>
      <c r="D9" s="5">
        <v>2</v>
      </c>
    </row>
    <row r="10" spans="1:4" ht="18" customHeight="1" x14ac:dyDescent="0.15">
      <c r="A10" s="8" t="s">
        <v>25</v>
      </c>
      <c r="B10" s="21">
        <v>3</v>
      </c>
      <c r="C10" s="6">
        <v>3</v>
      </c>
      <c r="D10" s="5">
        <v>6</v>
      </c>
    </row>
    <row r="11" spans="1:4" ht="18" customHeight="1" x14ac:dyDescent="0.15">
      <c r="A11" s="8">
        <v>5</v>
      </c>
      <c r="B11" s="21">
        <v>5</v>
      </c>
      <c r="C11" s="6">
        <v>1</v>
      </c>
      <c r="D11" s="5">
        <v>6</v>
      </c>
    </row>
    <row r="12" spans="1:4" ht="18" customHeight="1" x14ac:dyDescent="0.15">
      <c r="A12" s="8">
        <v>6</v>
      </c>
      <c r="B12" s="21">
        <v>2</v>
      </c>
      <c r="C12" s="6">
        <v>0</v>
      </c>
      <c r="D12" s="5">
        <v>2</v>
      </c>
    </row>
    <row r="13" spans="1:4" ht="18" customHeight="1" x14ac:dyDescent="0.15">
      <c r="A13" s="8">
        <v>7</v>
      </c>
      <c r="B13" s="21">
        <v>0</v>
      </c>
      <c r="C13" s="6">
        <v>3</v>
      </c>
      <c r="D13" s="5">
        <v>3</v>
      </c>
    </row>
    <row r="14" spans="1:4" ht="18" customHeight="1" x14ac:dyDescent="0.15">
      <c r="A14" s="8">
        <v>8</v>
      </c>
      <c r="B14" s="21">
        <v>4</v>
      </c>
      <c r="C14" s="6">
        <v>4</v>
      </c>
      <c r="D14" s="5">
        <v>8</v>
      </c>
    </row>
    <row r="15" spans="1:4" ht="18" customHeight="1" x14ac:dyDescent="0.15">
      <c r="A15" s="8">
        <v>9</v>
      </c>
      <c r="B15" s="21">
        <v>4</v>
      </c>
      <c r="C15" s="6">
        <v>4</v>
      </c>
      <c r="D15" s="5">
        <v>8</v>
      </c>
    </row>
    <row r="16" spans="1:4" ht="18" customHeight="1" x14ac:dyDescent="0.15">
      <c r="A16" s="8" t="s">
        <v>24</v>
      </c>
      <c r="B16" s="21">
        <v>15</v>
      </c>
      <c r="C16" s="6">
        <v>12</v>
      </c>
      <c r="D16" s="5">
        <v>27</v>
      </c>
    </row>
    <row r="17" spans="1:4" ht="18" customHeight="1" x14ac:dyDescent="0.15">
      <c r="A17" s="8">
        <v>10</v>
      </c>
      <c r="B17" s="21">
        <v>5</v>
      </c>
      <c r="C17" s="6">
        <v>4</v>
      </c>
      <c r="D17" s="5">
        <v>9</v>
      </c>
    </row>
    <row r="18" spans="1:4" ht="18" customHeight="1" x14ac:dyDescent="0.15">
      <c r="A18" s="8">
        <v>11</v>
      </c>
      <c r="B18" s="21">
        <v>1</v>
      </c>
      <c r="C18" s="6">
        <v>5</v>
      </c>
      <c r="D18" s="5">
        <v>6</v>
      </c>
    </row>
    <row r="19" spans="1:4" ht="18" customHeight="1" x14ac:dyDescent="0.15">
      <c r="A19" s="8">
        <v>12</v>
      </c>
      <c r="B19" s="21">
        <v>4</v>
      </c>
      <c r="C19" s="6">
        <v>7</v>
      </c>
      <c r="D19" s="5">
        <v>11</v>
      </c>
    </row>
    <row r="20" spans="1:4" ht="18" customHeight="1" x14ac:dyDescent="0.15">
      <c r="A20" s="8">
        <v>13</v>
      </c>
      <c r="B20" s="21">
        <v>7</v>
      </c>
      <c r="C20" s="6">
        <v>4</v>
      </c>
      <c r="D20" s="5">
        <v>11</v>
      </c>
    </row>
    <row r="21" spans="1:4" ht="18" customHeight="1" x14ac:dyDescent="0.15">
      <c r="A21" s="8">
        <v>14</v>
      </c>
      <c r="B21" s="21">
        <v>2</v>
      </c>
      <c r="C21" s="6">
        <v>2</v>
      </c>
      <c r="D21" s="5">
        <v>4</v>
      </c>
    </row>
    <row r="22" spans="1:4" ht="18" customHeight="1" x14ac:dyDescent="0.15">
      <c r="A22" s="8" t="s">
        <v>23</v>
      </c>
      <c r="B22" s="21">
        <v>19</v>
      </c>
      <c r="C22" s="6">
        <v>22</v>
      </c>
      <c r="D22" s="5">
        <v>41</v>
      </c>
    </row>
    <row r="23" spans="1:4" ht="18" customHeight="1" x14ac:dyDescent="0.15">
      <c r="A23" s="8" t="s">
        <v>22</v>
      </c>
      <c r="B23" s="21">
        <v>37</v>
      </c>
      <c r="C23" s="6">
        <v>37</v>
      </c>
      <c r="D23" s="5">
        <v>74</v>
      </c>
    </row>
    <row r="24" spans="1:4" ht="18" customHeight="1" x14ac:dyDescent="0.15">
      <c r="A24" s="8">
        <v>15</v>
      </c>
      <c r="B24" s="21">
        <v>2</v>
      </c>
      <c r="C24" s="6">
        <v>4</v>
      </c>
      <c r="D24" s="5">
        <v>6</v>
      </c>
    </row>
    <row r="25" spans="1:4" ht="18" customHeight="1" x14ac:dyDescent="0.15">
      <c r="A25" s="8">
        <v>16</v>
      </c>
      <c r="B25" s="21">
        <v>3</v>
      </c>
      <c r="C25" s="6">
        <v>4</v>
      </c>
      <c r="D25" s="5">
        <v>7</v>
      </c>
    </row>
    <row r="26" spans="1:4" ht="18" customHeight="1" x14ac:dyDescent="0.15">
      <c r="A26" s="8">
        <v>17</v>
      </c>
      <c r="B26" s="21">
        <v>5</v>
      </c>
      <c r="C26" s="6">
        <v>5</v>
      </c>
      <c r="D26" s="5">
        <v>10</v>
      </c>
    </row>
    <row r="27" spans="1:4" ht="18" customHeight="1" x14ac:dyDescent="0.15">
      <c r="A27" s="8">
        <v>18</v>
      </c>
      <c r="B27" s="21">
        <v>8</v>
      </c>
      <c r="C27" s="6">
        <v>4</v>
      </c>
      <c r="D27" s="5">
        <v>12</v>
      </c>
    </row>
    <row r="28" spans="1:4" ht="18" customHeight="1" x14ac:dyDescent="0.15">
      <c r="A28" s="8">
        <v>19</v>
      </c>
      <c r="B28" s="21">
        <v>4</v>
      </c>
      <c r="C28" s="6">
        <v>1</v>
      </c>
      <c r="D28" s="5">
        <v>5</v>
      </c>
    </row>
    <row r="29" spans="1:4" ht="18" customHeight="1" x14ac:dyDescent="0.15">
      <c r="A29" s="8" t="s">
        <v>21</v>
      </c>
      <c r="B29" s="21">
        <v>22</v>
      </c>
      <c r="C29" s="6">
        <v>18</v>
      </c>
      <c r="D29" s="5">
        <v>40</v>
      </c>
    </row>
    <row r="30" spans="1:4" ht="18" customHeight="1" x14ac:dyDescent="0.15">
      <c r="A30" s="8">
        <v>20</v>
      </c>
      <c r="B30" s="21">
        <v>3</v>
      </c>
      <c r="C30" s="6">
        <v>5</v>
      </c>
      <c r="D30" s="5">
        <v>8</v>
      </c>
    </row>
    <row r="31" spans="1:4" ht="18" customHeight="1" x14ac:dyDescent="0.15">
      <c r="A31" s="8">
        <v>21</v>
      </c>
      <c r="B31" s="21">
        <v>3</v>
      </c>
      <c r="C31" s="6">
        <v>3</v>
      </c>
      <c r="D31" s="5">
        <v>6</v>
      </c>
    </row>
    <row r="32" spans="1:4" ht="18" customHeight="1" x14ac:dyDescent="0.15">
      <c r="A32" s="8">
        <v>22</v>
      </c>
      <c r="B32" s="21">
        <v>4</v>
      </c>
      <c r="C32" s="6">
        <v>8</v>
      </c>
      <c r="D32" s="5">
        <v>12</v>
      </c>
    </row>
    <row r="33" spans="1:4" ht="18" customHeight="1" x14ac:dyDescent="0.15">
      <c r="A33" s="8">
        <v>23</v>
      </c>
      <c r="B33" s="21">
        <v>3</v>
      </c>
      <c r="C33" s="6">
        <v>2</v>
      </c>
      <c r="D33" s="5">
        <v>5</v>
      </c>
    </row>
    <row r="34" spans="1:4" ht="18" customHeight="1" x14ac:dyDescent="0.15">
      <c r="A34" s="8">
        <v>24</v>
      </c>
      <c r="B34" s="21">
        <v>5</v>
      </c>
      <c r="C34" s="6">
        <v>5</v>
      </c>
      <c r="D34" s="5">
        <v>10</v>
      </c>
    </row>
    <row r="35" spans="1:4" ht="18" customHeight="1" x14ac:dyDescent="0.15">
      <c r="A35" s="8" t="s">
        <v>20</v>
      </c>
      <c r="B35" s="21">
        <v>18</v>
      </c>
      <c r="C35" s="6">
        <v>23</v>
      </c>
      <c r="D35" s="5">
        <v>41</v>
      </c>
    </row>
    <row r="36" spans="1:4" ht="18" customHeight="1" x14ac:dyDescent="0.15">
      <c r="A36" s="8">
        <v>25</v>
      </c>
      <c r="B36" s="21">
        <v>2</v>
      </c>
      <c r="C36" s="6">
        <v>3</v>
      </c>
      <c r="D36" s="5">
        <v>5</v>
      </c>
    </row>
    <row r="37" spans="1:4" ht="18" customHeight="1" x14ac:dyDescent="0.15">
      <c r="A37" s="8">
        <v>26</v>
      </c>
      <c r="B37" s="21">
        <v>4</v>
      </c>
      <c r="C37" s="6">
        <v>4</v>
      </c>
      <c r="D37" s="5">
        <v>8</v>
      </c>
    </row>
    <row r="38" spans="1:4" ht="18" customHeight="1" x14ac:dyDescent="0.15">
      <c r="A38" s="8">
        <v>27</v>
      </c>
      <c r="B38" s="21">
        <v>1</v>
      </c>
      <c r="C38" s="6">
        <v>2</v>
      </c>
      <c r="D38" s="5">
        <v>3</v>
      </c>
    </row>
    <row r="39" spans="1:4" ht="18" customHeight="1" x14ac:dyDescent="0.15">
      <c r="A39" s="8">
        <v>28</v>
      </c>
      <c r="B39" s="21">
        <v>4</v>
      </c>
      <c r="C39" s="6">
        <v>2</v>
      </c>
      <c r="D39" s="5">
        <v>6</v>
      </c>
    </row>
    <row r="40" spans="1:4" ht="18" customHeight="1" x14ac:dyDescent="0.15">
      <c r="A40" s="8">
        <v>29</v>
      </c>
      <c r="B40" s="21">
        <v>2</v>
      </c>
      <c r="C40" s="6">
        <v>4</v>
      </c>
      <c r="D40" s="5">
        <v>6</v>
      </c>
    </row>
    <row r="41" spans="1:4" ht="18" customHeight="1" x14ac:dyDescent="0.15">
      <c r="A41" s="8" t="s">
        <v>19</v>
      </c>
      <c r="B41" s="21">
        <v>13</v>
      </c>
      <c r="C41" s="6">
        <v>15</v>
      </c>
      <c r="D41" s="5">
        <v>28</v>
      </c>
    </row>
    <row r="42" spans="1:4" ht="18" customHeight="1" x14ac:dyDescent="0.15">
      <c r="A42" s="8">
        <v>30</v>
      </c>
      <c r="B42" s="21">
        <v>2</v>
      </c>
      <c r="C42" s="6">
        <v>2</v>
      </c>
      <c r="D42" s="5">
        <v>4</v>
      </c>
    </row>
    <row r="43" spans="1:4" ht="18" customHeight="1" x14ac:dyDescent="0.15">
      <c r="A43" s="8">
        <v>31</v>
      </c>
      <c r="B43" s="21">
        <v>5</v>
      </c>
      <c r="C43" s="6">
        <v>1</v>
      </c>
      <c r="D43" s="5">
        <v>6</v>
      </c>
    </row>
    <row r="44" spans="1:4" ht="18" customHeight="1" x14ac:dyDescent="0.15">
      <c r="A44" s="8">
        <v>32</v>
      </c>
      <c r="B44" s="21">
        <v>2</v>
      </c>
      <c r="C44" s="6">
        <v>2</v>
      </c>
      <c r="D44" s="5">
        <v>4</v>
      </c>
    </row>
    <row r="45" spans="1:4" ht="18" customHeight="1" x14ac:dyDescent="0.15">
      <c r="A45" s="8">
        <v>33</v>
      </c>
      <c r="B45" s="21">
        <v>4</v>
      </c>
      <c r="C45" s="6">
        <v>0</v>
      </c>
      <c r="D45" s="5">
        <v>4</v>
      </c>
    </row>
    <row r="46" spans="1:4" ht="18" customHeight="1" x14ac:dyDescent="0.15">
      <c r="A46" s="8">
        <v>34</v>
      </c>
      <c r="B46" s="21">
        <v>3</v>
      </c>
      <c r="C46" s="6">
        <v>4</v>
      </c>
      <c r="D46" s="5">
        <v>7</v>
      </c>
    </row>
    <row r="47" spans="1:4" ht="18" customHeight="1" x14ac:dyDescent="0.15">
      <c r="A47" s="8" t="s">
        <v>18</v>
      </c>
      <c r="B47" s="21">
        <v>16</v>
      </c>
      <c r="C47" s="6">
        <v>9</v>
      </c>
      <c r="D47" s="5">
        <v>25</v>
      </c>
    </row>
    <row r="48" spans="1:4" ht="18" customHeight="1" x14ac:dyDescent="0.15">
      <c r="A48" s="8">
        <v>35</v>
      </c>
      <c r="B48" s="21">
        <v>2</v>
      </c>
      <c r="C48" s="6">
        <v>1</v>
      </c>
      <c r="D48" s="5">
        <v>3</v>
      </c>
    </row>
    <row r="49" spans="1:4" ht="18" customHeight="1" x14ac:dyDescent="0.15">
      <c r="A49" s="8">
        <v>36</v>
      </c>
      <c r="B49" s="21">
        <v>2</v>
      </c>
      <c r="C49" s="6">
        <v>6</v>
      </c>
      <c r="D49" s="5">
        <v>8</v>
      </c>
    </row>
    <row r="50" spans="1:4" ht="18" customHeight="1" x14ac:dyDescent="0.15">
      <c r="A50" s="8">
        <v>37</v>
      </c>
      <c r="B50" s="21">
        <v>2</v>
      </c>
      <c r="C50" s="6">
        <v>2</v>
      </c>
      <c r="D50" s="5">
        <v>4</v>
      </c>
    </row>
    <row r="51" spans="1:4" ht="18" customHeight="1" x14ac:dyDescent="0.15">
      <c r="A51" s="8">
        <v>38</v>
      </c>
      <c r="B51" s="21">
        <v>6</v>
      </c>
      <c r="C51" s="6">
        <v>0</v>
      </c>
      <c r="D51" s="5">
        <v>6</v>
      </c>
    </row>
    <row r="52" spans="1:4" ht="18" customHeight="1" x14ac:dyDescent="0.15">
      <c r="A52" s="8">
        <v>39</v>
      </c>
      <c r="B52" s="21">
        <v>4</v>
      </c>
      <c r="C52" s="6">
        <v>2</v>
      </c>
      <c r="D52" s="5">
        <v>6</v>
      </c>
    </row>
    <row r="53" spans="1:4" ht="18" customHeight="1" x14ac:dyDescent="0.15">
      <c r="A53" s="8" t="s">
        <v>17</v>
      </c>
      <c r="B53" s="21">
        <v>16</v>
      </c>
      <c r="C53" s="6">
        <v>11</v>
      </c>
      <c r="D53" s="5">
        <v>27</v>
      </c>
    </row>
    <row r="54" spans="1:4" ht="18" customHeight="1" x14ac:dyDescent="0.15">
      <c r="A54" s="8">
        <v>40</v>
      </c>
      <c r="B54" s="21">
        <v>4</v>
      </c>
      <c r="C54" s="6">
        <v>5</v>
      </c>
      <c r="D54" s="5">
        <v>9</v>
      </c>
    </row>
    <row r="55" spans="1:4" ht="18" customHeight="1" x14ac:dyDescent="0.15">
      <c r="A55" s="8">
        <v>41</v>
      </c>
      <c r="B55" s="21">
        <v>7</v>
      </c>
      <c r="C55" s="6">
        <v>10</v>
      </c>
      <c r="D55" s="5">
        <v>17</v>
      </c>
    </row>
    <row r="56" spans="1:4" ht="18" customHeight="1" x14ac:dyDescent="0.15">
      <c r="A56" s="8">
        <v>42</v>
      </c>
      <c r="B56" s="21">
        <v>2</v>
      </c>
      <c r="C56" s="6">
        <v>3</v>
      </c>
      <c r="D56" s="5">
        <v>5</v>
      </c>
    </row>
    <row r="57" spans="1:4" ht="18" customHeight="1" x14ac:dyDescent="0.15">
      <c r="A57" s="8">
        <v>43</v>
      </c>
      <c r="B57" s="21">
        <v>6</v>
      </c>
      <c r="C57" s="6">
        <v>8</v>
      </c>
      <c r="D57" s="5">
        <v>14</v>
      </c>
    </row>
    <row r="58" spans="1:4" ht="18" customHeight="1" x14ac:dyDescent="0.15">
      <c r="A58" s="8">
        <v>44</v>
      </c>
      <c r="B58" s="21">
        <v>5</v>
      </c>
      <c r="C58" s="6">
        <v>7</v>
      </c>
      <c r="D58" s="5">
        <v>12</v>
      </c>
    </row>
    <row r="59" spans="1:4" ht="18" customHeight="1" x14ac:dyDescent="0.15">
      <c r="A59" s="8" t="s">
        <v>16</v>
      </c>
      <c r="B59" s="21">
        <v>24</v>
      </c>
      <c r="C59" s="6">
        <v>33</v>
      </c>
      <c r="D59" s="5">
        <v>57</v>
      </c>
    </row>
    <row r="60" spans="1:4" ht="18" customHeight="1" x14ac:dyDescent="0.15">
      <c r="A60" s="8">
        <v>45</v>
      </c>
      <c r="B60" s="21">
        <v>6</v>
      </c>
      <c r="C60" s="6">
        <v>7</v>
      </c>
      <c r="D60" s="5">
        <v>13</v>
      </c>
    </row>
    <row r="61" spans="1:4" ht="18" customHeight="1" x14ac:dyDescent="0.15">
      <c r="A61" s="8">
        <v>46</v>
      </c>
      <c r="B61" s="21">
        <v>6</v>
      </c>
      <c r="C61" s="6">
        <v>7</v>
      </c>
      <c r="D61" s="5">
        <v>13</v>
      </c>
    </row>
    <row r="62" spans="1:4" ht="18" customHeight="1" x14ac:dyDescent="0.15">
      <c r="A62" s="8">
        <v>47</v>
      </c>
      <c r="B62" s="21">
        <v>7</v>
      </c>
      <c r="C62" s="6">
        <v>10</v>
      </c>
      <c r="D62" s="5">
        <v>17</v>
      </c>
    </row>
    <row r="63" spans="1:4" ht="18" customHeight="1" x14ac:dyDescent="0.15">
      <c r="A63" s="8">
        <v>48</v>
      </c>
      <c r="B63" s="21">
        <v>7</v>
      </c>
      <c r="C63" s="6">
        <v>5</v>
      </c>
      <c r="D63" s="5">
        <v>12</v>
      </c>
    </row>
    <row r="64" spans="1:4" ht="18" customHeight="1" x14ac:dyDescent="0.15">
      <c r="A64" s="8">
        <v>49</v>
      </c>
      <c r="B64" s="21">
        <v>4</v>
      </c>
      <c r="C64" s="6">
        <v>7</v>
      </c>
      <c r="D64" s="5">
        <v>11</v>
      </c>
    </row>
    <row r="65" spans="1:4" ht="18" customHeight="1" x14ac:dyDescent="0.15">
      <c r="A65" s="8" t="s">
        <v>15</v>
      </c>
      <c r="B65" s="21">
        <v>30</v>
      </c>
      <c r="C65" s="6">
        <v>36</v>
      </c>
      <c r="D65" s="5">
        <v>66</v>
      </c>
    </row>
    <row r="66" spans="1:4" ht="18" customHeight="1" x14ac:dyDescent="0.15">
      <c r="A66" s="8">
        <v>50</v>
      </c>
      <c r="B66" s="21">
        <v>11</v>
      </c>
      <c r="C66" s="6">
        <v>7</v>
      </c>
      <c r="D66" s="5">
        <v>18</v>
      </c>
    </row>
    <row r="67" spans="1:4" ht="18" customHeight="1" x14ac:dyDescent="0.15">
      <c r="A67" s="8">
        <v>51</v>
      </c>
      <c r="B67" s="21">
        <v>7</v>
      </c>
      <c r="C67" s="6">
        <v>8</v>
      </c>
      <c r="D67" s="5">
        <v>15</v>
      </c>
    </row>
    <row r="68" spans="1:4" ht="18" customHeight="1" x14ac:dyDescent="0.15">
      <c r="A68" s="8">
        <v>52</v>
      </c>
      <c r="B68" s="21">
        <v>14</v>
      </c>
      <c r="C68" s="6">
        <v>11</v>
      </c>
      <c r="D68" s="5">
        <v>25</v>
      </c>
    </row>
    <row r="69" spans="1:4" ht="18" customHeight="1" x14ac:dyDescent="0.15">
      <c r="A69" s="8">
        <v>53</v>
      </c>
      <c r="B69" s="21">
        <v>9</v>
      </c>
      <c r="C69" s="6">
        <v>9</v>
      </c>
      <c r="D69" s="5">
        <v>18</v>
      </c>
    </row>
    <row r="70" spans="1:4" ht="18" customHeight="1" x14ac:dyDescent="0.15">
      <c r="A70" s="8">
        <v>54</v>
      </c>
      <c r="B70" s="21">
        <v>7</v>
      </c>
      <c r="C70" s="6">
        <v>11</v>
      </c>
      <c r="D70" s="5">
        <v>18</v>
      </c>
    </row>
    <row r="71" spans="1:4" ht="18" customHeight="1" x14ac:dyDescent="0.15">
      <c r="A71" s="8" t="s">
        <v>14</v>
      </c>
      <c r="B71" s="21">
        <v>48</v>
      </c>
      <c r="C71" s="6">
        <v>46</v>
      </c>
      <c r="D71" s="5">
        <v>94</v>
      </c>
    </row>
    <row r="72" spans="1:4" ht="18" customHeight="1" x14ac:dyDescent="0.15">
      <c r="A72" s="8">
        <v>55</v>
      </c>
      <c r="B72" s="21">
        <v>9</v>
      </c>
      <c r="C72" s="6">
        <v>5</v>
      </c>
      <c r="D72" s="5">
        <v>14</v>
      </c>
    </row>
    <row r="73" spans="1:4" ht="18" customHeight="1" x14ac:dyDescent="0.15">
      <c r="A73" s="8">
        <v>56</v>
      </c>
      <c r="B73" s="21">
        <v>5</v>
      </c>
      <c r="C73" s="6">
        <v>4</v>
      </c>
      <c r="D73" s="5">
        <v>9</v>
      </c>
    </row>
    <row r="74" spans="1:4" ht="18" customHeight="1" x14ac:dyDescent="0.15">
      <c r="A74" s="8">
        <v>57</v>
      </c>
      <c r="B74" s="21">
        <v>6</v>
      </c>
      <c r="C74" s="6">
        <v>2</v>
      </c>
      <c r="D74" s="5">
        <v>8</v>
      </c>
    </row>
    <row r="75" spans="1:4" ht="18" customHeight="1" x14ac:dyDescent="0.15">
      <c r="A75" s="8">
        <v>58</v>
      </c>
      <c r="B75" s="21">
        <v>3</v>
      </c>
      <c r="C75" s="6">
        <v>8</v>
      </c>
      <c r="D75" s="5">
        <v>11</v>
      </c>
    </row>
    <row r="76" spans="1:4" ht="18" customHeight="1" x14ac:dyDescent="0.15">
      <c r="A76" s="8">
        <v>59</v>
      </c>
      <c r="B76" s="21">
        <v>6</v>
      </c>
      <c r="C76" s="6">
        <v>6</v>
      </c>
      <c r="D76" s="5">
        <v>12</v>
      </c>
    </row>
    <row r="77" spans="1:4" ht="18" customHeight="1" x14ac:dyDescent="0.15">
      <c r="A77" s="8" t="s">
        <v>13</v>
      </c>
      <c r="B77" s="21">
        <v>29</v>
      </c>
      <c r="C77" s="6">
        <v>25</v>
      </c>
      <c r="D77" s="5">
        <v>54</v>
      </c>
    </row>
    <row r="78" spans="1:4" ht="18" customHeight="1" x14ac:dyDescent="0.15">
      <c r="A78" s="8">
        <v>60</v>
      </c>
      <c r="B78" s="21">
        <v>4</v>
      </c>
      <c r="C78" s="6">
        <v>5</v>
      </c>
      <c r="D78" s="5">
        <v>9</v>
      </c>
    </row>
    <row r="79" spans="1:4" ht="18" customHeight="1" x14ac:dyDescent="0.15">
      <c r="A79" s="8">
        <v>61</v>
      </c>
      <c r="B79" s="21">
        <v>3</v>
      </c>
      <c r="C79" s="6">
        <v>6</v>
      </c>
      <c r="D79" s="5">
        <v>9</v>
      </c>
    </row>
    <row r="80" spans="1:4" ht="18" customHeight="1" x14ac:dyDescent="0.15">
      <c r="A80" s="8">
        <v>62</v>
      </c>
      <c r="B80" s="21">
        <v>6</v>
      </c>
      <c r="C80" s="6">
        <v>9</v>
      </c>
      <c r="D80" s="5">
        <v>15</v>
      </c>
    </row>
    <row r="81" spans="1:4" ht="18" customHeight="1" x14ac:dyDescent="0.15">
      <c r="A81" s="8">
        <v>63</v>
      </c>
      <c r="B81" s="21">
        <v>6</v>
      </c>
      <c r="C81" s="6">
        <v>6</v>
      </c>
      <c r="D81" s="5">
        <v>12</v>
      </c>
    </row>
    <row r="82" spans="1:4" ht="18" customHeight="1" x14ac:dyDescent="0.15">
      <c r="A82" s="8">
        <v>64</v>
      </c>
      <c r="B82" s="21">
        <v>8</v>
      </c>
      <c r="C82" s="6">
        <v>12</v>
      </c>
      <c r="D82" s="5">
        <v>20</v>
      </c>
    </row>
    <row r="83" spans="1:4" ht="18" customHeight="1" x14ac:dyDescent="0.15">
      <c r="A83" s="8" t="s">
        <v>12</v>
      </c>
      <c r="B83" s="21">
        <v>27</v>
      </c>
      <c r="C83" s="6">
        <v>38</v>
      </c>
      <c r="D83" s="5">
        <v>65</v>
      </c>
    </row>
    <row r="84" spans="1:4" ht="18" customHeight="1" x14ac:dyDescent="0.15">
      <c r="A84" s="8" t="s">
        <v>11</v>
      </c>
      <c r="B84" s="21">
        <v>243</v>
      </c>
      <c r="C84" s="6">
        <v>254</v>
      </c>
      <c r="D84" s="5">
        <v>497</v>
      </c>
    </row>
    <row r="85" spans="1:4" ht="18" customHeight="1" x14ac:dyDescent="0.15">
      <c r="A85" s="8">
        <v>65</v>
      </c>
      <c r="B85" s="21">
        <v>7</v>
      </c>
      <c r="C85" s="6">
        <v>11</v>
      </c>
      <c r="D85" s="5">
        <v>18</v>
      </c>
    </row>
    <row r="86" spans="1:4" ht="18" customHeight="1" x14ac:dyDescent="0.15">
      <c r="A86" s="8">
        <v>66</v>
      </c>
      <c r="B86" s="21">
        <v>8</v>
      </c>
      <c r="C86" s="6">
        <v>3</v>
      </c>
      <c r="D86" s="5">
        <v>11</v>
      </c>
    </row>
    <row r="87" spans="1:4" ht="18" customHeight="1" x14ac:dyDescent="0.15">
      <c r="A87" s="8">
        <v>67</v>
      </c>
      <c r="B87" s="21">
        <v>3</v>
      </c>
      <c r="C87" s="6">
        <v>7</v>
      </c>
      <c r="D87" s="5">
        <v>10</v>
      </c>
    </row>
    <row r="88" spans="1:4" ht="18" customHeight="1" x14ac:dyDescent="0.15">
      <c r="A88" s="8">
        <v>68</v>
      </c>
      <c r="B88" s="21">
        <v>7</v>
      </c>
      <c r="C88" s="6">
        <v>4</v>
      </c>
      <c r="D88" s="5">
        <v>11</v>
      </c>
    </row>
    <row r="89" spans="1:4" ht="18" customHeight="1" x14ac:dyDescent="0.15">
      <c r="A89" s="8">
        <v>69</v>
      </c>
      <c r="B89" s="21">
        <v>5</v>
      </c>
      <c r="C89" s="6">
        <v>7</v>
      </c>
      <c r="D89" s="5">
        <v>12</v>
      </c>
    </row>
    <row r="90" spans="1:4" ht="18" customHeight="1" x14ac:dyDescent="0.15">
      <c r="A90" s="8" t="s">
        <v>10</v>
      </c>
      <c r="B90" s="21">
        <v>30</v>
      </c>
      <c r="C90" s="6">
        <v>32</v>
      </c>
      <c r="D90" s="5">
        <v>62</v>
      </c>
    </row>
    <row r="91" spans="1:4" ht="18" customHeight="1" x14ac:dyDescent="0.15">
      <c r="A91" s="8">
        <v>70</v>
      </c>
      <c r="B91" s="21">
        <v>7</v>
      </c>
      <c r="C91" s="6">
        <v>7</v>
      </c>
      <c r="D91" s="5">
        <v>14</v>
      </c>
    </row>
    <row r="92" spans="1:4" ht="18" customHeight="1" x14ac:dyDescent="0.15">
      <c r="A92" s="8">
        <v>71</v>
      </c>
      <c r="B92" s="21">
        <v>7</v>
      </c>
      <c r="C92" s="6">
        <v>10</v>
      </c>
      <c r="D92" s="5">
        <v>17</v>
      </c>
    </row>
    <row r="93" spans="1:4" ht="18" customHeight="1" x14ac:dyDescent="0.15">
      <c r="A93" s="8">
        <v>72</v>
      </c>
      <c r="B93" s="21">
        <v>4</v>
      </c>
      <c r="C93" s="6">
        <v>9</v>
      </c>
      <c r="D93" s="5">
        <v>13</v>
      </c>
    </row>
    <row r="94" spans="1:4" ht="18" customHeight="1" x14ac:dyDescent="0.15">
      <c r="A94" s="8">
        <v>73</v>
      </c>
      <c r="B94" s="21">
        <v>9</v>
      </c>
      <c r="C94" s="6">
        <v>5</v>
      </c>
      <c r="D94" s="5">
        <v>14</v>
      </c>
    </row>
    <row r="95" spans="1:4" ht="18" customHeight="1" x14ac:dyDescent="0.15">
      <c r="A95" s="8">
        <v>74</v>
      </c>
      <c r="B95" s="21">
        <v>8</v>
      </c>
      <c r="C95" s="6">
        <v>9</v>
      </c>
      <c r="D95" s="5">
        <v>17</v>
      </c>
    </row>
    <row r="96" spans="1:4" ht="18" customHeight="1" x14ac:dyDescent="0.15">
      <c r="A96" s="8" t="s">
        <v>9</v>
      </c>
      <c r="B96" s="21">
        <v>35</v>
      </c>
      <c r="C96" s="6">
        <v>40</v>
      </c>
      <c r="D96" s="5">
        <v>75</v>
      </c>
    </row>
    <row r="97" spans="1:4" ht="18" customHeight="1" x14ac:dyDescent="0.15">
      <c r="A97" s="8">
        <v>75</v>
      </c>
      <c r="B97" s="21">
        <v>15</v>
      </c>
      <c r="C97" s="6">
        <v>16</v>
      </c>
      <c r="D97" s="5">
        <v>31</v>
      </c>
    </row>
    <row r="98" spans="1:4" ht="18" customHeight="1" x14ac:dyDescent="0.15">
      <c r="A98" s="8">
        <v>76</v>
      </c>
      <c r="B98" s="21">
        <v>11</v>
      </c>
      <c r="C98" s="6">
        <v>10</v>
      </c>
      <c r="D98" s="5">
        <v>21</v>
      </c>
    </row>
    <row r="99" spans="1:4" ht="18" customHeight="1" x14ac:dyDescent="0.15">
      <c r="A99" s="8">
        <v>77</v>
      </c>
      <c r="B99" s="21">
        <v>12</v>
      </c>
      <c r="C99" s="6">
        <v>15</v>
      </c>
      <c r="D99" s="5">
        <v>27</v>
      </c>
    </row>
    <row r="100" spans="1:4" ht="18" customHeight="1" x14ac:dyDescent="0.15">
      <c r="A100" s="8">
        <v>78</v>
      </c>
      <c r="B100" s="21">
        <v>9</v>
      </c>
      <c r="C100" s="6">
        <v>14</v>
      </c>
      <c r="D100" s="5">
        <v>23</v>
      </c>
    </row>
    <row r="101" spans="1:4" ht="18" customHeight="1" x14ac:dyDescent="0.15">
      <c r="A101" s="8">
        <v>79</v>
      </c>
      <c r="B101" s="21">
        <v>3</v>
      </c>
      <c r="C101" s="6">
        <v>6</v>
      </c>
      <c r="D101" s="5">
        <v>9</v>
      </c>
    </row>
    <row r="102" spans="1:4" ht="18" customHeight="1" x14ac:dyDescent="0.15">
      <c r="A102" s="8" t="s">
        <v>8</v>
      </c>
      <c r="B102" s="21">
        <v>50</v>
      </c>
      <c r="C102" s="6">
        <v>61</v>
      </c>
      <c r="D102" s="5">
        <v>111</v>
      </c>
    </row>
    <row r="103" spans="1:4" ht="18" customHeight="1" x14ac:dyDescent="0.15">
      <c r="A103" s="8">
        <v>80</v>
      </c>
      <c r="B103" s="21">
        <v>5</v>
      </c>
      <c r="C103" s="6">
        <v>3</v>
      </c>
      <c r="D103" s="5">
        <v>8</v>
      </c>
    </row>
    <row r="104" spans="1:4" ht="18" customHeight="1" x14ac:dyDescent="0.15">
      <c r="A104" s="8">
        <v>81</v>
      </c>
      <c r="B104" s="21">
        <v>11</v>
      </c>
      <c r="C104" s="6">
        <v>4</v>
      </c>
      <c r="D104" s="5">
        <v>15</v>
      </c>
    </row>
    <row r="105" spans="1:4" ht="18" customHeight="1" x14ac:dyDescent="0.15">
      <c r="A105" s="8">
        <v>82</v>
      </c>
      <c r="B105" s="21">
        <v>7</v>
      </c>
      <c r="C105" s="6">
        <v>4</v>
      </c>
      <c r="D105" s="5">
        <v>11</v>
      </c>
    </row>
    <row r="106" spans="1:4" ht="18" customHeight="1" x14ac:dyDescent="0.15">
      <c r="A106" s="8">
        <v>83</v>
      </c>
      <c r="B106" s="21">
        <v>7</v>
      </c>
      <c r="C106" s="6">
        <v>3</v>
      </c>
      <c r="D106" s="5">
        <v>10</v>
      </c>
    </row>
    <row r="107" spans="1:4" ht="18" customHeight="1" x14ac:dyDescent="0.15">
      <c r="A107" s="8">
        <v>84</v>
      </c>
      <c r="B107" s="21">
        <v>2</v>
      </c>
      <c r="C107" s="6">
        <v>7</v>
      </c>
      <c r="D107" s="5">
        <v>9</v>
      </c>
    </row>
    <row r="108" spans="1:4" ht="18" customHeight="1" x14ac:dyDescent="0.15">
      <c r="A108" s="8" t="s">
        <v>7</v>
      </c>
      <c r="B108" s="21">
        <v>32</v>
      </c>
      <c r="C108" s="6">
        <v>21</v>
      </c>
      <c r="D108" s="5">
        <v>53</v>
      </c>
    </row>
    <row r="109" spans="1:4" ht="18" customHeight="1" x14ac:dyDescent="0.15">
      <c r="A109" s="8">
        <v>85</v>
      </c>
      <c r="B109" s="21">
        <v>4</v>
      </c>
      <c r="C109" s="6">
        <v>7</v>
      </c>
      <c r="D109" s="5">
        <v>11</v>
      </c>
    </row>
    <row r="110" spans="1:4" ht="18" customHeight="1" x14ac:dyDescent="0.15">
      <c r="A110" s="8">
        <v>86</v>
      </c>
      <c r="B110" s="21">
        <v>0</v>
      </c>
      <c r="C110" s="6">
        <v>6</v>
      </c>
      <c r="D110" s="5">
        <v>6</v>
      </c>
    </row>
    <row r="111" spans="1:4" ht="18" customHeight="1" x14ac:dyDescent="0.15">
      <c r="A111" s="8">
        <v>87</v>
      </c>
      <c r="B111" s="21">
        <v>1</v>
      </c>
      <c r="C111" s="6">
        <v>4</v>
      </c>
      <c r="D111" s="5">
        <v>5</v>
      </c>
    </row>
    <row r="112" spans="1:4" ht="18" customHeight="1" x14ac:dyDescent="0.15">
      <c r="A112" s="8">
        <v>88</v>
      </c>
      <c r="B112" s="21">
        <v>3</v>
      </c>
      <c r="C112" s="6">
        <v>5</v>
      </c>
      <c r="D112" s="5">
        <v>8</v>
      </c>
    </row>
    <row r="113" spans="1:4" ht="18" customHeight="1" x14ac:dyDescent="0.15">
      <c r="A113" s="8">
        <v>89</v>
      </c>
      <c r="B113" s="21">
        <v>2</v>
      </c>
      <c r="C113" s="6">
        <v>5</v>
      </c>
      <c r="D113" s="5">
        <v>7</v>
      </c>
    </row>
    <row r="114" spans="1:4" ht="18" customHeight="1" x14ac:dyDescent="0.15">
      <c r="A114" s="8" t="s">
        <v>6</v>
      </c>
      <c r="B114" s="21">
        <v>10</v>
      </c>
      <c r="C114" s="6">
        <v>27</v>
      </c>
      <c r="D114" s="5">
        <v>37</v>
      </c>
    </row>
    <row r="115" spans="1:4" ht="18" customHeight="1" x14ac:dyDescent="0.15">
      <c r="A115" s="8">
        <v>90</v>
      </c>
      <c r="B115" s="21">
        <v>1</v>
      </c>
      <c r="C115" s="6">
        <v>5</v>
      </c>
      <c r="D115" s="5">
        <v>6</v>
      </c>
    </row>
    <row r="116" spans="1:4" ht="18" customHeight="1" x14ac:dyDescent="0.15">
      <c r="A116" s="8">
        <v>91</v>
      </c>
      <c r="B116" s="21">
        <v>3</v>
      </c>
      <c r="C116" s="6">
        <v>7</v>
      </c>
      <c r="D116" s="5">
        <v>10</v>
      </c>
    </row>
    <row r="117" spans="1:4" ht="18" customHeight="1" x14ac:dyDescent="0.15">
      <c r="A117" s="8">
        <v>92</v>
      </c>
      <c r="B117" s="21">
        <v>1</v>
      </c>
      <c r="C117" s="6">
        <v>0</v>
      </c>
      <c r="D117" s="5">
        <v>1</v>
      </c>
    </row>
    <row r="118" spans="1:4" ht="18" customHeight="1" x14ac:dyDescent="0.15">
      <c r="A118" s="8">
        <v>93</v>
      </c>
      <c r="B118" s="21">
        <v>1</v>
      </c>
      <c r="C118" s="6">
        <v>3</v>
      </c>
      <c r="D118" s="5">
        <v>4</v>
      </c>
    </row>
    <row r="119" spans="1:4" ht="18" customHeight="1" x14ac:dyDescent="0.15">
      <c r="A119" s="8">
        <v>94</v>
      </c>
      <c r="B119" s="21">
        <v>0</v>
      </c>
      <c r="C119" s="6">
        <v>2</v>
      </c>
      <c r="D119" s="5">
        <v>2</v>
      </c>
    </row>
    <row r="120" spans="1:4" ht="18" customHeight="1" x14ac:dyDescent="0.15">
      <c r="A120" s="8" t="s">
        <v>5</v>
      </c>
      <c r="B120" s="21">
        <v>6</v>
      </c>
      <c r="C120" s="6">
        <v>17</v>
      </c>
      <c r="D120" s="5">
        <v>23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1</v>
      </c>
      <c r="C122" s="6">
        <v>0</v>
      </c>
      <c r="D122" s="5">
        <v>1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65</v>
      </c>
      <c r="C130" s="6">
        <v>203</v>
      </c>
      <c r="D130" s="5">
        <v>368</v>
      </c>
    </row>
    <row r="131" spans="1:4" ht="18" customHeight="1" x14ac:dyDescent="0.15">
      <c r="A131" s="4" t="s">
        <v>0</v>
      </c>
      <c r="B131" s="20">
        <v>445</v>
      </c>
      <c r="C131" s="2">
        <v>494</v>
      </c>
      <c r="D131" s="1">
        <v>9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DF61BAF-6C81-4335-B498-FD8E28AF24A1}">
  <sheetPr codeName="Sheet5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</v>
      </c>
      <c r="C5" s="11">
        <v>4</v>
      </c>
      <c r="D5" s="10">
        <v>5</v>
      </c>
    </row>
    <row r="6" spans="1:4" ht="18" customHeight="1" x14ac:dyDescent="0.15">
      <c r="A6" s="8">
        <v>1</v>
      </c>
      <c r="B6" s="21">
        <v>8</v>
      </c>
      <c r="C6" s="6">
        <v>6</v>
      </c>
      <c r="D6" s="5">
        <v>14</v>
      </c>
    </row>
    <row r="7" spans="1:4" ht="18" customHeight="1" x14ac:dyDescent="0.15">
      <c r="A7" s="8">
        <v>2</v>
      </c>
      <c r="B7" s="21">
        <v>6</v>
      </c>
      <c r="C7" s="6">
        <v>7</v>
      </c>
      <c r="D7" s="5">
        <v>13</v>
      </c>
    </row>
    <row r="8" spans="1:4" ht="18" customHeight="1" x14ac:dyDescent="0.15">
      <c r="A8" s="8">
        <v>3</v>
      </c>
      <c r="B8" s="21">
        <v>5</v>
      </c>
      <c r="C8" s="6">
        <v>6</v>
      </c>
      <c r="D8" s="5">
        <v>11</v>
      </c>
    </row>
    <row r="9" spans="1:4" ht="18" customHeight="1" x14ac:dyDescent="0.15">
      <c r="A9" s="8">
        <v>4</v>
      </c>
      <c r="B9" s="21">
        <v>5</v>
      </c>
      <c r="C9" s="6">
        <v>13</v>
      </c>
      <c r="D9" s="5">
        <v>18</v>
      </c>
    </row>
    <row r="10" spans="1:4" ht="18" customHeight="1" x14ac:dyDescent="0.15">
      <c r="A10" s="8" t="s">
        <v>25</v>
      </c>
      <c r="B10" s="21">
        <v>25</v>
      </c>
      <c r="C10" s="6">
        <v>36</v>
      </c>
      <c r="D10" s="5">
        <v>61</v>
      </c>
    </row>
    <row r="11" spans="1:4" ht="18" customHeight="1" x14ac:dyDescent="0.15">
      <c r="A11" s="8">
        <v>5</v>
      </c>
      <c r="B11" s="21">
        <v>13</v>
      </c>
      <c r="C11" s="6">
        <v>4</v>
      </c>
      <c r="D11" s="5">
        <v>17</v>
      </c>
    </row>
    <row r="12" spans="1:4" ht="18" customHeight="1" x14ac:dyDescent="0.15">
      <c r="A12" s="8">
        <v>6</v>
      </c>
      <c r="B12" s="21">
        <v>9</v>
      </c>
      <c r="C12" s="6">
        <v>4</v>
      </c>
      <c r="D12" s="5">
        <v>13</v>
      </c>
    </row>
    <row r="13" spans="1:4" ht="18" customHeight="1" x14ac:dyDescent="0.15">
      <c r="A13" s="8">
        <v>7</v>
      </c>
      <c r="B13" s="21">
        <v>11</v>
      </c>
      <c r="C13" s="6">
        <v>8</v>
      </c>
      <c r="D13" s="5">
        <v>19</v>
      </c>
    </row>
    <row r="14" spans="1:4" ht="18" customHeight="1" x14ac:dyDescent="0.15">
      <c r="A14" s="8">
        <v>8</v>
      </c>
      <c r="B14" s="21">
        <v>8</v>
      </c>
      <c r="C14" s="6">
        <v>9</v>
      </c>
      <c r="D14" s="5">
        <v>17</v>
      </c>
    </row>
    <row r="15" spans="1:4" ht="18" customHeight="1" x14ac:dyDescent="0.15">
      <c r="A15" s="8">
        <v>9</v>
      </c>
      <c r="B15" s="21">
        <v>5</v>
      </c>
      <c r="C15" s="6">
        <v>16</v>
      </c>
      <c r="D15" s="5">
        <v>21</v>
      </c>
    </row>
    <row r="16" spans="1:4" ht="18" customHeight="1" x14ac:dyDescent="0.15">
      <c r="A16" s="8" t="s">
        <v>24</v>
      </c>
      <c r="B16" s="21">
        <v>46</v>
      </c>
      <c r="C16" s="6">
        <v>41</v>
      </c>
      <c r="D16" s="5">
        <v>87</v>
      </c>
    </row>
    <row r="17" spans="1:4" ht="18" customHeight="1" x14ac:dyDescent="0.15">
      <c r="A17" s="8">
        <v>10</v>
      </c>
      <c r="B17" s="21">
        <v>12</v>
      </c>
      <c r="C17" s="6">
        <v>8</v>
      </c>
      <c r="D17" s="5">
        <v>20</v>
      </c>
    </row>
    <row r="18" spans="1:4" ht="18" customHeight="1" x14ac:dyDescent="0.15">
      <c r="A18" s="8">
        <v>11</v>
      </c>
      <c r="B18" s="21">
        <v>18</v>
      </c>
      <c r="C18" s="6">
        <v>6</v>
      </c>
      <c r="D18" s="5">
        <v>24</v>
      </c>
    </row>
    <row r="19" spans="1:4" ht="18" customHeight="1" x14ac:dyDescent="0.15">
      <c r="A19" s="8">
        <v>12</v>
      </c>
      <c r="B19" s="21">
        <v>15</v>
      </c>
      <c r="C19" s="6">
        <v>9</v>
      </c>
      <c r="D19" s="5">
        <v>24</v>
      </c>
    </row>
    <row r="20" spans="1:4" ht="18" customHeight="1" x14ac:dyDescent="0.15">
      <c r="A20" s="8">
        <v>13</v>
      </c>
      <c r="B20" s="21">
        <v>13</v>
      </c>
      <c r="C20" s="6">
        <v>9</v>
      </c>
      <c r="D20" s="5">
        <v>22</v>
      </c>
    </row>
    <row r="21" spans="1:4" ht="18" customHeight="1" x14ac:dyDescent="0.15">
      <c r="A21" s="8">
        <v>14</v>
      </c>
      <c r="B21" s="21">
        <v>8</v>
      </c>
      <c r="C21" s="6">
        <v>10</v>
      </c>
      <c r="D21" s="5">
        <v>18</v>
      </c>
    </row>
    <row r="22" spans="1:4" ht="18" customHeight="1" x14ac:dyDescent="0.15">
      <c r="A22" s="8" t="s">
        <v>23</v>
      </c>
      <c r="B22" s="21">
        <v>66</v>
      </c>
      <c r="C22" s="6">
        <v>42</v>
      </c>
      <c r="D22" s="5">
        <v>108</v>
      </c>
    </row>
    <row r="23" spans="1:4" ht="18" customHeight="1" x14ac:dyDescent="0.15">
      <c r="A23" s="8" t="s">
        <v>22</v>
      </c>
      <c r="B23" s="21">
        <v>137</v>
      </c>
      <c r="C23" s="6">
        <v>119</v>
      </c>
      <c r="D23" s="5">
        <v>256</v>
      </c>
    </row>
    <row r="24" spans="1:4" ht="18" customHeight="1" x14ac:dyDescent="0.15">
      <c r="A24" s="8">
        <v>15</v>
      </c>
      <c r="B24" s="21">
        <v>15</v>
      </c>
      <c r="C24" s="6">
        <v>13</v>
      </c>
      <c r="D24" s="5">
        <v>28</v>
      </c>
    </row>
    <row r="25" spans="1:4" ht="18" customHeight="1" x14ac:dyDescent="0.15">
      <c r="A25" s="8">
        <v>16</v>
      </c>
      <c r="B25" s="21">
        <v>12</v>
      </c>
      <c r="C25" s="6">
        <v>7</v>
      </c>
      <c r="D25" s="5">
        <v>19</v>
      </c>
    </row>
    <row r="26" spans="1:4" ht="18" customHeight="1" x14ac:dyDescent="0.15">
      <c r="A26" s="8">
        <v>17</v>
      </c>
      <c r="B26" s="21">
        <v>8</v>
      </c>
      <c r="C26" s="6">
        <v>18</v>
      </c>
      <c r="D26" s="5">
        <v>26</v>
      </c>
    </row>
    <row r="27" spans="1:4" ht="18" customHeight="1" x14ac:dyDescent="0.15">
      <c r="A27" s="8">
        <v>18</v>
      </c>
      <c r="B27" s="21">
        <v>14</v>
      </c>
      <c r="C27" s="6">
        <v>9</v>
      </c>
      <c r="D27" s="5">
        <v>23</v>
      </c>
    </row>
    <row r="28" spans="1:4" ht="18" customHeight="1" x14ac:dyDescent="0.15">
      <c r="A28" s="8">
        <v>19</v>
      </c>
      <c r="B28" s="21">
        <v>13</v>
      </c>
      <c r="C28" s="6">
        <v>10</v>
      </c>
      <c r="D28" s="5">
        <v>23</v>
      </c>
    </row>
    <row r="29" spans="1:4" ht="18" customHeight="1" x14ac:dyDescent="0.15">
      <c r="A29" s="8" t="s">
        <v>21</v>
      </c>
      <c r="B29" s="21">
        <v>62</v>
      </c>
      <c r="C29" s="6">
        <v>57</v>
      </c>
      <c r="D29" s="5">
        <v>119</v>
      </c>
    </row>
    <row r="30" spans="1:4" ht="18" customHeight="1" x14ac:dyDescent="0.15">
      <c r="A30" s="8">
        <v>20</v>
      </c>
      <c r="B30" s="21">
        <v>6</v>
      </c>
      <c r="C30" s="6">
        <v>9</v>
      </c>
      <c r="D30" s="5">
        <v>15</v>
      </c>
    </row>
    <row r="31" spans="1:4" ht="18" customHeight="1" x14ac:dyDescent="0.15">
      <c r="A31" s="8">
        <v>21</v>
      </c>
      <c r="B31" s="21">
        <v>14</v>
      </c>
      <c r="C31" s="6">
        <v>8</v>
      </c>
      <c r="D31" s="5">
        <v>22</v>
      </c>
    </row>
    <row r="32" spans="1:4" ht="18" customHeight="1" x14ac:dyDescent="0.15">
      <c r="A32" s="8">
        <v>22</v>
      </c>
      <c r="B32" s="21">
        <v>12</v>
      </c>
      <c r="C32" s="6">
        <v>15</v>
      </c>
      <c r="D32" s="5">
        <v>27</v>
      </c>
    </row>
    <row r="33" spans="1:4" ht="18" customHeight="1" x14ac:dyDescent="0.15">
      <c r="A33" s="8">
        <v>23</v>
      </c>
      <c r="B33" s="21">
        <v>19</v>
      </c>
      <c r="C33" s="6">
        <v>13</v>
      </c>
      <c r="D33" s="5">
        <v>32</v>
      </c>
    </row>
    <row r="34" spans="1:4" ht="18" customHeight="1" x14ac:dyDescent="0.15">
      <c r="A34" s="8">
        <v>24</v>
      </c>
      <c r="B34" s="21">
        <v>11</v>
      </c>
      <c r="C34" s="6">
        <v>11</v>
      </c>
      <c r="D34" s="5">
        <v>22</v>
      </c>
    </row>
    <row r="35" spans="1:4" ht="18" customHeight="1" x14ac:dyDescent="0.15">
      <c r="A35" s="8" t="s">
        <v>20</v>
      </c>
      <c r="B35" s="21">
        <v>62</v>
      </c>
      <c r="C35" s="6">
        <v>56</v>
      </c>
      <c r="D35" s="5">
        <v>118</v>
      </c>
    </row>
    <row r="36" spans="1:4" ht="18" customHeight="1" x14ac:dyDescent="0.15">
      <c r="A36" s="8">
        <v>25</v>
      </c>
      <c r="B36" s="21">
        <v>9</v>
      </c>
      <c r="C36" s="6">
        <v>14</v>
      </c>
      <c r="D36" s="5">
        <v>23</v>
      </c>
    </row>
    <row r="37" spans="1:4" ht="18" customHeight="1" x14ac:dyDescent="0.15">
      <c r="A37" s="8">
        <v>26</v>
      </c>
      <c r="B37" s="21">
        <v>3</v>
      </c>
      <c r="C37" s="6">
        <v>10</v>
      </c>
      <c r="D37" s="5">
        <v>13</v>
      </c>
    </row>
    <row r="38" spans="1:4" ht="18" customHeight="1" x14ac:dyDescent="0.15">
      <c r="A38" s="8">
        <v>27</v>
      </c>
      <c r="B38" s="21">
        <v>14</v>
      </c>
      <c r="C38" s="6">
        <v>9</v>
      </c>
      <c r="D38" s="5">
        <v>23</v>
      </c>
    </row>
    <row r="39" spans="1:4" ht="18" customHeight="1" x14ac:dyDescent="0.15">
      <c r="A39" s="8">
        <v>28</v>
      </c>
      <c r="B39" s="21">
        <v>10</v>
      </c>
      <c r="C39" s="6">
        <v>11</v>
      </c>
      <c r="D39" s="5">
        <v>21</v>
      </c>
    </row>
    <row r="40" spans="1:4" ht="18" customHeight="1" x14ac:dyDescent="0.15">
      <c r="A40" s="8">
        <v>29</v>
      </c>
      <c r="B40" s="21">
        <v>10</v>
      </c>
      <c r="C40" s="6">
        <v>11</v>
      </c>
      <c r="D40" s="5">
        <v>21</v>
      </c>
    </row>
    <row r="41" spans="1:4" ht="18" customHeight="1" x14ac:dyDescent="0.15">
      <c r="A41" s="8" t="s">
        <v>19</v>
      </c>
      <c r="B41" s="21">
        <v>46</v>
      </c>
      <c r="C41" s="6">
        <v>55</v>
      </c>
      <c r="D41" s="5">
        <v>101</v>
      </c>
    </row>
    <row r="42" spans="1:4" ht="18" customHeight="1" x14ac:dyDescent="0.15">
      <c r="A42" s="8">
        <v>30</v>
      </c>
      <c r="B42" s="21">
        <v>18</v>
      </c>
      <c r="C42" s="6">
        <v>14</v>
      </c>
      <c r="D42" s="5">
        <v>32</v>
      </c>
    </row>
    <row r="43" spans="1:4" ht="18" customHeight="1" x14ac:dyDescent="0.15">
      <c r="A43" s="8">
        <v>31</v>
      </c>
      <c r="B43" s="21">
        <v>9</v>
      </c>
      <c r="C43" s="6">
        <v>8</v>
      </c>
      <c r="D43" s="5">
        <v>17</v>
      </c>
    </row>
    <row r="44" spans="1:4" ht="18" customHeight="1" x14ac:dyDescent="0.15">
      <c r="A44" s="8">
        <v>32</v>
      </c>
      <c r="B44" s="21">
        <v>12</v>
      </c>
      <c r="C44" s="6">
        <v>4</v>
      </c>
      <c r="D44" s="5">
        <v>16</v>
      </c>
    </row>
    <row r="45" spans="1:4" ht="18" customHeight="1" x14ac:dyDescent="0.15">
      <c r="A45" s="8">
        <v>33</v>
      </c>
      <c r="B45" s="21">
        <v>4</v>
      </c>
      <c r="C45" s="6">
        <v>11</v>
      </c>
      <c r="D45" s="5">
        <v>15</v>
      </c>
    </row>
    <row r="46" spans="1:4" ht="18" customHeight="1" x14ac:dyDescent="0.15">
      <c r="A46" s="8">
        <v>34</v>
      </c>
      <c r="B46" s="21">
        <v>10</v>
      </c>
      <c r="C46" s="6">
        <v>10</v>
      </c>
      <c r="D46" s="5">
        <v>20</v>
      </c>
    </row>
    <row r="47" spans="1:4" ht="18" customHeight="1" x14ac:dyDescent="0.15">
      <c r="A47" s="8" t="s">
        <v>18</v>
      </c>
      <c r="B47" s="21">
        <v>53</v>
      </c>
      <c r="C47" s="6">
        <v>47</v>
      </c>
      <c r="D47" s="5">
        <v>100</v>
      </c>
    </row>
    <row r="48" spans="1:4" ht="18" customHeight="1" x14ac:dyDescent="0.15">
      <c r="A48" s="8">
        <v>35</v>
      </c>
      <c r="B48" s="21">
        <v>13</v>
      </c>
      <c r="C48" s="6">
        <v>9</v>
      </c>
      <c r="D48" s="5">
        <v>22</v>
      </c>
    </row>
    <row r="49" spans="1:4" ht="18" customHeight="1" x14ac:dyDescent="0.15">
      <c r="A49" s="8">
        <v>36</v>
      </c>
      <c r="B49" s="21">
        <v>11</v>
      </c>
      <c r="C49" s="6">
        <v>9</v>
      </c>
      <c r="D49" s="5">
        <v>20</v>
      </c>
    </row>
    <row r="50" spans="1:4" ht="18" customHeight="1" x14ac:dyDescent="0.15">
      <c r="A50" s="8">
        <v>37</v>
      </c>
      <c r="B50" s="21">
        <v>10</v>
      </c>
      <c r="C50" s="6">
        <v>13</v>
      </c>
      <c r="D50" s="5">
        <v>23</v>
      </c>
    </row>
    <row r="51" spans="1:4" ht="18" customHeight="1" x14ac:dyDescent="0.15">
      <c r="A51" s="8">
        <v>38</v>
      </c>
      <c r="B51" s="21">
        <v>12</v>
      </c>
      <c r="C51" s="6">
        <v>9</v>
      </c>
      <c r="D51" s="5">
        <v>21</v>
      </c>
    </row>
    <row r="52" spans="1:4" ht="18" customHeight="1" x14ac:dyDescent="0.15">
      <c r="A52" s="8">
        <v>39</v>
      </c>
      <c r="B52" s="21">
        <v>6</v>
      </c>
      <c r="C52" s="6">
        <v>9</v>
      </c>
      <c r="D52" s="5">
        <v>15</v>
      </c>
    </row>
    <row r="53" spans="1:4" ht="18" customHeight="1" x14ac:dyDescent="0.15">
      <c r="A53" s="8" t="s">
        <v>17</v>
      </c>
      <c r="B53" s="21">
        <v>52</v>
      </c>
      <c r="C53" s="6">
        <v>49</v>
      </c>
      <c r="D53" s="5">
        <v>101</v>
      </c>
    </row>
    <row r="54" spans="1:4" ht="18" customHeight="1" x14ac:dyDescent="0.15">
      <c r="A54" s="8">
        <v>40</v>
      </c>
      <c r="B54" s="21">
        <v>13</v>
      </c>
      <c r="C54" s="6">
        <v>15</v>
      </c>
      <c r="D54" s="5">
        <v>28</v>
      </c>
    </row>
    <row r="55" spans="1:4" ht="18" customHeight="1" x14ac:dyDescent="0.15">
      <c r="A55" s="8">
        <v>41</v>
      </c>
      <c r="B55" s="21">
        <v>17</v>
      </c>
      <c r="C55" s="6">
        <v>13</v>
      </c>
      <c r="D55" s="5">
        <v>30</v>
      </c>
    </row>
    <row r="56" spans="1:4" ht="18" customHeight="1" x14ac:dyDescent="0.15">
      <c r="A56" s="8">
        <v>42</v>
      </c>
      <c r="B56" s="21">
        <v>11</v>
      </c>
      <c r="C56" s="6">
        <v>9</v>
      </c>
      <c r="D56" s="5">
        <v>20</v>
      </c>
    </row>
    <row r="57" spans="1:4" ht="18" customHeight="1" x14ac:dyDescent="0.15">
      <c r="A57" s="8">
        <v>43</v>
      </c>
      <c r="B57" s="21">
        <v>13</v>
      </c>
      <c r="C57" s="6">
        <v>16</v>
      </c>
      <c r="D57" s="5">
        <v>29</v>
      </c>
    </row>
    <row r="58" spans="1:4" ht="18" customHeight="1" x14ac:dyDescent="0.15">
      <c r="A58" s="8">
        <v>44</v>
      </c>
      <c r="B58" s="21">
        <v>13</v>
      </c>
      <c r="C58" s="6">
        <v>19</v>
      </c>
      <c r="D58" s="5">
        <v>32</v>
      </c>
    </row>
    <row r="59" spans="1:4" ht="18" customHeight="1" x14ac:dyDescent="0.15">
      <c r="A59" s="8" t="s">
        <v>16</v>
      </c>
      <c r="B59" s="21">
        <v>67</v>
      </c>
      <c r="C59" s="6">
        <v>72</v>
      </c>
      <c r="D59" s="5">
        <v>139</v>
      </c>
    </row>
    <row r="60" spans="1:4" ht="18" customHeight="1" x14ac:dyDescent="0.15">
      <c r="A60" s="8">
        <v>45</v>
      </c>
      <c r="B60" s="21">
        <v>13</v>
      </c>
      <c r="C60" s="6">
        <v>15</v>
      </c>
      <c r="D60" s="5">
        <v>28</v>
      </c>
    </row>
    <row r="61" spans="1:4" ht="18" customHeight="1" x14ac:dyDescent="0.15">
      <c r="A61" s="8">
        <v>46</v>
      </c>
      <c r="B61" s="21">
        <v>13</v>
      </c>
      <c r="C61" s="6">
        <v>12</v>
      </c>
      <c r="D61" s="5">
        <v>25</v>
      </c>
    </row>
    <row r="62" spans="1:4" ht="18" customHeight="1" x14ac:dyDescent="0.15">
      <c r="A62" s="8">
        <v>47</v>
      </c>
      <c r="B62" s="21">
        <v>20</v>
      </c>
      <c r="C62" s="6">
        <v>22</v>
      </c>
      <c r="D62" s="5">
        <v>42</v>
      </c>
    </row>
    <row r="63" spans="1:4" ht="18" customHeight="1" x14ac:dyDescent="0.15">
      <c r="A63" s="8">
        <v>48</v>
      </c>
      <c r="B63" s="21">
        <v>17</v>
      </c>
      <c r="C63" s="6">
        <v>19</v>
      </c>
      <c r="D63" s="5">
        <v>36</v>
      </c>
    </row>
    <row r="64" spans="1:4" ht="18" customHeight="1" x14ac:dyDescent="0.15">
      <c r="A64" s="8">
        <v>49</v>
      </c>
      <c r="B64" s="21">
        <v>17</v>
      </c>
      <c r="C64" s="6">
        <v>13</v>
      </c>
      <c r="D64" s="5">
        <v>30</v>
      </c>
    </row>
    <row r="65" spans="1:4" ht="18" customHeight="1" x14ac:dyDescent="0.15">
      <c r="A65" s="8" t="s">
        <v>15</v>
      </c>
      <c r="B65" s="21">
        <v>80</v>
      </c>
      <c r="C65" s="6">
        <v>81</v>
      </c>
      <c r="D65" s="5">
        <v>161</v>
      </c>
    </row>
    <row r="66" spans="1:4" ht="18" customHeight="1" x14ac:dyDescent="0.15">
      <c r="A66" s="8">
        <v>50</v>
      </c>
      <c r="B66" s="21">
        <v>31</v>
      </c>
      <c r="C66" s="6">
        <v>15</v>
      </c>
      <c r="D66" s="5">
        <v>46</v>
      </c>
    </row>
    <row r="67" spans="1:4" ht="18" customHeight="1" x14ac:dyDescent="0.15">
      <c r="A67" s="8">
        <v>51</v>
      </c>
      <c r="B67" s="21">
        <v>27</v>
      </c>
      <c r="C67" s="6">
        <v>21</v>
      </c>
      <c r="D67" s="5">
        <v>48</v>
      </c>
    </row>
    <row r="68" spans="1:4" ht="18" customHeight="1" x14ac:dyDescent="0.15">
      <c r="A68" s="8">
        <v>52</v>
      </c>
      <c r="B68" s="21">
        <v>23</v>
      </c>
      <c r="C68" s="6">
        <v>16</v>
      </c>
      <c r="D68" s="5">
        <v>39</v>
      </c>
    </row>
    <row r="69" spans="1:4" ht="18" customHeight="1" x14ac:dyDescent="0.15">
      <c r="A69" s="8">
        <v>53</v>
      </c>
      <c r="B69" s="21">
        <v>22</v>
      </c>
      <c r="C69" s="6">
        <v>30</v>
      </c>
      <c r="D69" s="5">
        <v>52</v>
      </c>
    </row>
    <row r="70" spans="1:4" ht="18" customHeight="1" x14ac:dyDescent="0.15">
      <c r="A70" s="8">
        <v>54</v>
      </c>
      <c r="B70" s="21">
        <v>35</v>
      </c>
      <c r="C70" s="6">
        <v>24</v>
      </c>
      <c r="D70" s="5">
        <v>59</v>
      </c>
    </row>
    <row r="71" spans="1:4" ht="18" customHeight="1" x14ac:dyDescent="0.15">
      <c r="A71" s="8" t="s">
        <v>14</v>
      </c>
      <c r="B71" s="21">
        <v>138</v>
      </c>
      <c r="C71" s="6">
        <v>106</v>
      </c>
      <c r="D71" s="5">
        <v>244</v>
      </c>
    </row>
    <row r="72" spans="1:4" ht="18" customHeight="1" x14ac:dyDescent="0.15">
      <c r="A72" s="8">
        <v>55</v>
      </c>
      <c r="B72" s="21">
        <v>28</v>
      </c>
      <c r="C72" s="6">
        <v>31</v>
      </c>
      <c r="D72" s="5">
        <v>59</v>
      </c>
    </row>
    <row r="73" spans="1:4" ht="18" customHeight="1" x14ac:dyDescent="0.15">
      <c r="A73" s="8">
        <v>56</v>
      </c>
      <c r="B73" s="21">
        <v>27</v>
      </c>
      <c r="C73" s="6">
        <v>21</v>
      </c>
      <c r="D73" s="5">
        <v>48</v>
      </c>
    </row>
    <row r="74" spans="1:4" ht="18" customHeight="1" x14ac:dyDescent="0.15">
      <c r="A74" s="8">
        <v>57</v>
      </c>
      <c r="B74" s="21">
        <v>29</v>
      </c>
      <c r="C74" s="6">
        <v>17</v>
      </c>
      <c r="D74" s="5">
        <v>46</v>
      </c>
    </row>
    <row r="75" spans="1:4" ht="18" customHeight="1" x14ac:dyDescent="0.15">
      <c r="A75" s="8">
        <v>58</v>
      </c>
      <c r="B75" s="21">
        <v>19</v>
      </c>
      <c r="C75" s="6">
        <v>25</v>
      </c>
      <c r="D75" s="5">
        <v>44</v>
      </c>
    </row>
    <row r="76" spans="1:4" ht="18" customHeight="1" x14ac:dyDescent="0.15">
      <c r="A76" s="8">
        <v>59</v>
      </c>
      <c r="B76" s="21">
        <v>21</v>
      </c>
      <c r="C76" s="6">
        <v>16</v>
      </c>
      <c r="D76" s="5">
        <v>37</v>
      </c>
    </row>
    <row r="77" spans="1:4" ht="18" customHeight="1" x14ac:dyDescent="0.15">
      <c r="A77" s="8" t="s">
        <v>13</v>
      </c>
      <c r="B77" s="21">
        <v>124</v>
      </c>
      <c r="C77" s="6">
        <v>110</v>
      </c>
      <c r="D77" s="5">
        <v>234</v>
      </c>
    </row>
    <row r="78" spans="1:4" ht="18" customHeight="1" x14ac:dyDescent="0.15">
      <c r="A78" s="8">
        <v>60</v>
      </c>
      <c r="B78" s="21">
        <v>14</v>
      </c>
      <c r="C78" s="6">
        <v>21</v>
      </c>
      <c r="D78" s="5">
        <v>35</v>
      </c>
    </row>
    <row r="79" spans="1:4" ht="18" customHeight="1" x14ac:dyDescent="0.15">
      <c r="A79" s="8">
        <v>61</v>
      </c>
      <c r="B79" s="21">
        <v>22</v>
      </c>
      <c r="C79" s="6">
        <v>20</v>
      </c>
      <c r="D79" s="5">
        <v>42</v>
      </c>
    </row>
    <row r="80" spans="1:4" ht="18" customHeight="1" x14ac:dyDescent="0.15">
      <c r="A80" s="8">
        <v>62</v>
      </c>
      <c r="B80" s="21">
        <v>10</v>
      </c>
      <c r="C80" s="6">
        <v>11</v>
      </c>
      <c r="D80" s="5">
        <v>21</v>
      </c>
    </row>
    <row r="81" spans="1:4" ht="18" customHeight="1" x14ac:dyDescent="0.15">
      <c r="A81" s="8">
        <v>63</v>
      </c>
      <c r="B81" s="21">
        <v>20</v>
      </c>
      <c r="C81" s="6">
        <v>14</v>
      </c>
      <c r="D81" s="5">
        <v>34</v>
      </c>
    </row>
    <row r="82" spans="1:4" ht="18" customHeight="1" x14ac:dyDescent="0.15">
      <c r="A82" s="8">
        <v>64</v>
      </c>
      <c r="B82" s="21">
        <v>12</v>
      </c>
      <c r="C82" s="6">
        <v>19</v>
      </c>
      <c r="D82" s="5">
        <v>31</v>
      </c>
    </row>
    <row r="83" spans="1:4" ht="18" customHeight="1" x14ac:dyDescent="0.15">
      <c r="A83" s="8" t="s">
        <v>12</v>
      </c>
      <c r="B83" s="21">
        <v>78</v>
      </c>
      <c r="C83" s="6">
        <v>85</v>
      </c>
      <c r="D83" s="5">
        <v>163</v>
      </c>
    </row>
    <row r="84" spans="1:4" ht="18" customHeight="1" x14ac:dyDescent="0.15">
      <c r="A84" s="8" t="s">
        <v>11</v>
      </c>
      <c r="B84" s="21">
        <v>762</v>
      </c>
      <c r="C84" s="6">
        <v>718</v>
      </c>
      <c r="D84" s="5">
        <v>1480</v>
      </c>
    </row>
    <row r="85" spans="1:4" ht="18" customHeight="1" x14ac:dyDescent="0.15">
      <c r="A85" s="8">
        <v>65</v>
      </c>
      <c r="B85" s="21">
        <v>13</v>
      </c>
      <c r="C85" s="6">
        <v>26</v>
      </c>
      <c r="D85" s="5">
        <v>39</v>
      </c>
    </row>
    <row r="86" spans="1:4" ht="18" customHeight="1" x14ac:dyDescent="0.15">
      <c r="A86" s="8">
        <v>66</v>
      </c>
      <c r="B86" s="21">
        <v>12</v>
      </c>
      <c r="C86" s="6">
        <v>22</v>
      </c>
      <c r="D86" s="5">
        <v>34</v>
      </c>
    </row>
    <row r="87" spans="1:4" ht="18" customHeight="1" x14ac:dyDescent="0.15">
      <c r="A87" s="8">
        <v>67</v>
      </c>
      <c r="B87" s="21">
        <v>32</v>
      </c>
      <c r="C87" s="6">
        <v>25</v>
      </c>
      <c r="D87" s="5">
        <v>57</v>
      </c>
    </row>
    <row r="88" spans="1:4" ht="18" customHeight="1" x14ac:dyDescent="0.15">
      <c r="A88" s="8">
        <v>68</v>
      </c>
      <c r="B88" s="21">
        <v>11</v>
      </c>
      <c r="C88" s="6">
        <v>23</v>
      </c>
      <c r="D88" s="5">
        <v>34</v>
      </c>
    </row>
    <row r="89" spans="1:4" ht="18" customHeight="1" x14ac:dyDescent="0.15">
      <c r="A89" s="8">
        <v>69</v>
      </c>
      <c r="B89" s="21">
        <v>26</v>
      </c>
      <c r="C89" s="6">
        <v>18</v>
      </c>
      <c r="D89" s="5">
        <v>44</v>
      </c>
    </row>
    <row r="90" spans="1:4" ht="18" customHeight="1" x14ac:dyDescent="0.15">
      <c r="A90" s="8" t="s">
        <v>10</v>
      </c>
      <c r="B90" s="21">
        <v>94</v>
      </c>
      <c r="C90" s="6">
        <v>114</v>
      </c>
      <c r="D90" s="5">
        <v>208</v>
      </c>
    </row>
    <row r="91" spans="1:4" ht="18" customHeight="1" x14ac:dyDescent="0.15">
      <c r="A91" s="8">
        <v>70</v>
      </c>
      <c r="B91" s="21">
        <v>23</v>
      </c>
      <c r="C91" s="6">
        <v>33</v>
      </c>
      <c r="D91" s="5">
        <v>56</v>
      </c>
    </row>
    <row r="92" spans="1:4" ht="18" customHeight="1" x14ac:dyDescent="0.15">
      <c r="A92" s="8">
        <v>71</v>
      </c>
      <c r="B92" s="21">
        <v>26</v>
      </c>
      <c r="C92" s="6">
        <v>31</v>
      </c>
      <c r="D92" s="5">
        <v>57</v>
      </c>
    </row>
    <row r="93" spans="1:4" ht="18" customHeight="1" x14ac:dyDescent="0.15">
      <c r="A93" s="8">
        <v>72</v>
      </c>
      <c r="B93" s="21">
        <v>24</v>
      </c>
      <c r="C93" s="6">
        <v>23</v>
      </c>
      <c r="D93" s="5">
        <v>47</v>
      </c>
    </row>
    <row r="94" spans="1:4" ht="18" customHeight="1" x14ac:dyDescent="0.15">
      <c r="A94" s="8">
        <v>73</v>
      </c>
      <c r="B94" s="21">
        <v>26</v>
      </c>
      <c r="C94" s="6">
        <v>28</v>
      </c>
      <c r="D94" s="5">
        <v>54</v>
      </c>
    </row>
    <row r="95" spans="1:4" ht="18" customHeight="1" x14ac:dyDescent="0.15">
      <c r="A95" s="8">
        <v>74</v>
      </c>
      <c r="B95" s="21">
        <v>21</v>
      </c>
      <c r="C95" s="6">
        <v>31</v>
      </c>
      <c r="D95" s="5">
        <v>52</v>
      </c>
    </row>
    <row r="96" spans="1:4" ht="18" customHeight="1" x14ac:dyDescent="0.15">
      <c r="A96" s="8" t="s">
        <v>9</v>
      </c>
      <c r="B96" s="21">
        <v>120</v>
      </c>
      <c r="C96" s="6">
        <v>146</v>
      </c>
      <c r="D96" s="5">
        <v>266</v>
      </c>
    </row>
    <row r="97" spans="1:4" ht="18" customHeight="1" x14ac:dyDescent="0.15">
      <c r="A97" s="8">
        <v>75</v>
      </c>
      <c r="B97" s="21">
        <v>40</v>
      </c>
      <c r="C97" s="6">
        <v>40</v>
      </c>
      <c r="D97" s="5">
        <v>80</v>
      </c>
    </row>
    <row r="98" spans="1:4" ht="18" customHeight="1" x14ac:dyDescent="0.15">
      <c r="A98" s="8">
        <v>76</v>
      </c>
      <c r="B98" s="21">
        <v>31</v>
      </c>
      <c r="C98" s="6">
        <v>49</v>
      </c>
      <c r="D98" s="5">
        <v>80</v>
      </c>
    </row>
    <row r="99" spans="1:4" ht="18" customHeight="1" x14ac:dyDescent="0.15">
      <c r="A99" s="8">
        <v>77</v>
      </c>
      <c r="B99" s="21">
        <v>36</v>
      </c>
      <c r="C99" s="6">
        <v>50</v>
      </c>
      <c r="D99" s="5">
        <v>86</v>
      </c>
    </row>
    <row r="100" spans="1:4" ht="18" customHeight="1" x14ac:dyDescent="0.15">
      <c r="A100" s="8">
        <v>78</v>
      </c>
      <c r="B100" s="21">
        <v>48</v>
      </c>
      <c r="C100" s="6">
        <v>53</v>
      </c>
      <c r="D100" s="5">
        <v>101</v>
      </c>
    </row>
    <row r="101" spans="1:4" ht="18" customHeight="1" x14ac:dyDescent="0.15">
      <c r="A101" s="8">
        <v>79</v>
      </c>
      <c r="B101" s="21">
        <v>17</v>
      </c>
      <c r="C101" s="6">
        <v>18</v>
      </c>
      <c r="D101" s="5">
        <v>35</v>
      </c>
    </row>
    <row r="102" spans="1:4" ht="18" customHeight="1" x14ac:dyDescent="0.15">
      <c r="A102" s="8" t="s">
        <v>8</v>
      </c>
      <c r="B102" s="21">
        <v>172</v>
      </c>
      <c r="C102" s="6">
        <v>210</v>
      </c>
      <c r="D102" s="5">
        <v>382</v>
      </c>
    </row>
    <row r="103" spans="1:4" ht="18" customHeight="1" x14ac:dyDescent="0.15">
      <c r="A103" s="8">
        <v>80</v>
      </c>
      <c r="B103" s="21">
        <v>20</v>
      </c>
      <c r="C103" s="6">
        <v>26</v>
      </c>
      <c r="D103" s="5">
        <v>46</v>
      </c>
    </row>
    <row r="104" spans="1:4" ht="18" customHeight="1" x14ac:dyDescent="0.15">
      <c r="A104" s="8">
        <v>81</v>
      </c>
      <c r="B104" s="21">
        <v>31</v>
      </c>
      <c r="C104" s="6">
        <v>35</v>
      </c>
      <c r="D104" s="5">
        <v>66</v>
      </c>
    </row>
    <row r="105" spans="1:4" ht="18" customHeight="1" x14ac:dyDescent="0.15">
      <c r="A105" s="8">
        <v>82</v>
      </c>
      <c r="B105" s="21">
        <v>32</v>
      </c>
      <c r="C105" s="6">
        <v>28</v>
      </c>
      <c r="D105" s="5">
        <v>60</v>
      </c>
    </row>
    <row r="106" spans="1:4" ht="18" customHeight="1" x14ac:dyDescent="0.15">
      <c r="A106" s="8">
        <v>83</v>
      </c>
      <c r="B106" s="21">
        <v>15</v>
      </c>
      <c r="C106" s="6">
        <v>41</v>
      </c>
      <c r="D106" s="5">
        <v>56</v>
      </c>
    </row>
    <row r="107" spans="1:4" ht="18" customHeight="1" x14ac:dyDescent="0.15">
      <c r="A107" s="8">
        <v>84</v>
      </c>
      <c r="B107" s="21">
        <v>22</v>
      </c>
      <c r="C107" s="6">
        <v>40</v>
      </c>
      <c r="D107" s="5">
        <v>62</v>
      </c>
    </row>
    <row r="108" spans="1:4" ht="18" customHeight="1" x14ac:dyDescent="0.15">
      <c r="A108" s="8" t="s">
        <v>7</v>
      </c>
      <c r="B108" s="21">
        <v>120</v>
      </c>
      <c r="C108" s="6">
        <v>170</v>
      </c>
      <c r="D108" s="5">
        <v>290</v>
      </c>
    </row>
    <row r="109" spans="1:4" ht="18" customHeight="1" x14ac:dyDescent="0.15">
      <c r="A109" s="8">
        <v>85</v>
      </c>
      <c r="B109" s="21">
        <v>24</v>
      </c>
      <c r="C109" s="6">
        <v>23</v>
      </c>
      <c r="D109" s="5">
        <v>47</v>
      </c>
    </row>
    <row r="110" spans="1:4" ht="18" customHeight="1" x14ac:dyDescent="0.15">
      <c r="A110" s="8">
        <v>86</v>
      </c>
      <c r="B110" s="21">
        <v>9</v>
      </c>
      <c r="C110" s="6">
        <v>35</v>
      </c>
      <c r="D110" s="5">
        <v>44</v>
      </c>
    </row>
    <row r="111" spans="1:4" ht="18" customHeight="1" x14ac:dyDescent="0.15">
      <c r="A111" s="8">
        <v>87</v>
      </c>
      <c r="B111" s="21">
        <v>5</v>
      </c>
      <c r="C111" s="6">
        <v>18</v>
      </c>
      <c r="D111" s="5">
        <v>23</v>
      </c>
    </row>
    <row r="112" spans="1:4" ht="18" customHeight="1" x14ac:dyDescent="0.15">
      <c r="A112" s="8">
        <v>88</v>
      </c>
      <c r="B112" s="21">
        <v>8</v>
      </c>
      <c r="C112" s="6">
        <v>14</v>
      </c>
      <c r="D112" s="5">
        <v>22</v>
      </c>
    </row>
    <row r="113" spans="1:4" ht="18" customHeight="1" x14ac:dyDescent="0.15">
      <c r="A113" s="8">
        <v>89</v>
      </c>
      <c r="B113" s="21">
        <v>13</v>
      </c>
      <c r="C113" s="6">
        <v>19</v>
      </c>
      <c r="D113" s="5">
        <v>32</v>
      </c>
    </row>
    <row r="114" spans="1:4" ht="18" customHeight="1" x14ac:dyDescent="0.15">
      <c r="A114" s="8" t="s">
        <v>6</v>
      </c>
      <c r="B114" s="21">
        <v>59</v>
      </c>
      <c r="C114" s="6">
        <v>109</v>
      </c>
      <c r="D114" s="5">
        <v>168</v>
      </c>
    </row>
    <row r="115" spans="1:4" ht="18" customHeight="1" x14ac:dyDescent="0.15">
      <c r="A115" s="8">
        <v>90</v>
      </c>
      <c r="B115" s="21">
        <v>4</v>
      </c>
      <c r="C115" s="6">
        <v>22</v>
      </c>
      <c r="D115" s="5">
        <v>26</v>
      </c>
    </row>
    <row r="116" spans="1:4" ht="18" customHeight="1" x14ac:dyDescent="0.15">
      <c r="A116" s="8">
        <v>91</v>
      </c>
      <c r="B116" s="21">
        <v>4</v>
      </c>
      <c r="C116" s="6">
        <v>10</v>
      </c>
      <c r="D116" s="5">
        <v>14</v>
      </c>
    </row>
    <row r="117" spans="1:4" ht="18" customHeight="1" x14ac:dyDescent="0.15">
      <c r="A117" s="8">
        <v>92</v>
      </c>
      <c r="B117" s="21">
        <v>4</v>
      </c>
      <c r="C117" s="6">
        <v>11</v>
      </c>
      <c r="D117" s="5">
        <v>15</v>
      </c>
    </row>
    <row r="118" spans="1:4" ht="18" customHeight="1" x14ac:dyDescent="0.15">
      <c r="A118" s="8">
        <v>93</v>
      </c>
      <c r="B118" s="21">
        <v>1</v>
      </c>
      <c r="C118" s="6">
        <v>15</v>
      </c>
      <c r="D118" s="5">
        <v>16</v>
      </c>
    </row>
    <row r="119" spans="1:4" ht="18" customHeight="1" x14ac:dyDescent="0.15">
      <c r="A119" s="8">
        <v>94</v>
      </c>
      <c r="B119" s="21">
        <v>0</v>
      </c>
      <c r="C119" s="6">
        <v>7</v>
      </c>
      <c r="D119" s="5">
        <v>7</v>
      </c>
    </row>
    <row r="120" spans="1:4" ht="18" customHeight="1" x14ac:dyDescent="0.15">
      <c r="A120" s="8" t="s">
        <v>5</v>
      </c>
      <c r="B120" s="21">
        <v>13</v>
      </c>
      <c r="C120" s="6">
        <v>65</v>
      </c>
      <c r="D120" s="5">
        <v>78</v>
      </c>
    </row>
    <row r="121" spans="1:4" ht="18" customHeight="1" x14ac:dyDescent="0.15">
      <c r="A121" s="8">
        <v>95</v>
      </c>
      <c r="B121" s="21">
        <v>0</v>
      </c>
      <c r="C121" s="6">
        <v>3</v>
      </c>
      <c r="D121" s="5">
        <v>3</v>
      </c>
    </row>
    <row r="122" spans="1:4" ht="18" customHeight="1" x14ac:dyDescent="0.15">
      <c r="A122" s="8">
        <v>96</v>
      </c>
      <c r="B122" s="21">
        <v>2</v>
      </c>
      <c r="C122" s="6">
        <v>4</v>
      </c>
      <c r="D122" s="5">
        <v>6</v>
      </c>
    </row>
    <row r="123" spans="1:4" ht="18" customHeight="1" x14ac:dyDescent="0.15">
      <c r="A123" s="8">
        <v>97</v>
      </c>
      <c r="B123" s="21">
        <v>2</v>
      </c>
      <c r="C123" s="6">
        <v>4</v>
      </c>
      <c r="D123" s="5">
        <v>6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4</v>
      </c>
      <c r="C126" s="6">
        <v>15</v>
      </c>
      <c r="D126" s="5">
        <v>19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7</v>
      </c>
      <c r="D129" s="5">
        <v>7</v>
      </c>
    </row>
    <row r="130" spans="1:4" ht="18" customHeight="1" x14ac:dyDescent="0.15">
      <c r="A130" s="8" t="s">
        <v>1</v>
      </c>
      <c r="B130" s="21">
        <v>582</v>
      </c>
      <c r="C130" s="6">
        <v>836</v>
      </c>
      <c r="D130" s="5">
        <v>1418</v>
      </c>
    </row>
    <row r="131" spans="1:4" ht="18" customHeight="1" x14ac:dyDescent="0.15">
      <c r="A131" s="4" t="s">
        <v>0</v>
      </c>
      <c r="B131" s="20">
        <v>1481</v>
      </c>
      <c r="C131" s="2">
        <v>1673</v>
      </c>
      <c r="D131" s="1">
        <v>315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EC9EC9-5931-4716-808E-01A496516834}">
  <sheetPr codeName="Sheet5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</v>
      </c>
      <c r="C5" s="11">
        <v>10</v>
      </c>
      <c r="D5" s="10">
        <v>15</v>
      </c>
    </row>
    <row r="6" spans="1:4" ht="18" customHeight="1" x14ac:dyDescent="0.15">
      <c r="A6" s="8">
        <v>1</v>
      </c>
      <c r="B6" s="21">
        <v>7</v>
      </c>
      <c r="C6" s="6">
        <v>8</v>
      </c>
      <c r="D6" s="5">
        <v>15</v>
      </c>
    </row>
    <row r="7" spans="1:4" ht="18" customHeight="1" x14ac:dyDescent="0.15">
      <c r="A7" s="8">
        <v>2</v>
      </c>
      <c r="B7" s="21">
        <v>9</v>
      </c>
      <c r="C7" s="6">
        <v>11</v>
      </c>
      <c r="D7" s="5">
        <v>20</v>
      </c>
    </row>
    <row r="8" spans="1:4" ht="18" customHeight="1" x14ac:dyDescent="0.15">
      <c r="A8" s="8">
        <v>3</v>
      </c>
      <c r="B8" s="21">
        <v>15</v>
      </c>
      <c r="C8" s="6">
        <v>9</v>
      </c>
      <c r="D8" s="5">
        <v>24</v>
      </c>
    </row>
    <row r="9" spans="1:4" ht="18" customHeight="1" x14ac:dyDescent="0.15">
      <c r="A9" s="8">
        <v>4</v>
      </c>
      <c r="B9" s="21">
        <v>8</v>
      </c>
      <c r="C9" s="6">
        <v>7</v>
      </c>
      <c r="D9" s="5">
        <v>15</v>
      </c>
    </row>
    <row r="10" spans="1:4" ht="18" customHeight="1" x14ac:dyDescent="0.15">
      <c r="A10" s="8" t="s">
        <v>25</v>
      </c>
      <c r="B10" s="21">
        <v>44</v>
      </c>
      <c r="C10" s="6">
        <v>45</v>
      </c>
      <c r="D10" s="5">
        <v>89</v>
      </c>
    </row>
    <row r="11" spans="1:4" ht="18" customHeight="1" x14ac:dyDescent="0.15">
      <c r="A11" s="8">
        <v>5</v>
      </c>
      <c r="B11" s="21">
        <v>13</v>
      </c>
      <c r="C11" s="6">
        <v>7</v>
      </c>
      <c r="D11" s="5">
        <v>20</v>
      </c>
    </row>
    <row r="12" spans="1:4" ht="18" customHeight="1" x14ac:dyDescent="0.15">
      <c r="A12" s="8">
        <v>6</v>
      </c>
      <c r="B12" s="21">
        <v>11</v>
      </c>
      <c r="C12" s="6">
        <v>16</v>
      </c>
      <c r="D12" s="5">
        <v>27</v>
      </c>
    </row>
    <row r="13" spans="1:4" ht="18" customHeight="1" x14ac:dyDescent="0.15">
      <c r="A13" s="8">
        <v>7</v>
      </c>
      <c r="B13" s="21">
        <v>10</v>
      </c>
      <c r="C13" s="6">
        <v>8</v>
      </c>
      <c r="D13" s="5">
        <v>18</v>
      </c>
    </row>
    <row r="14" spans="1:4" ht="18" customHeight="1" x14ac:dyDescent="0.15">
      <c r="A14" s="8">
        <v>8</v>
      </c>
      <c r="B14" s="21">
        <v>10</v>
      </c>
      <c r="C14" s="6">
        <v>7</v>
      </c>
      <c r="D14" s="5">
        <v>17</v>
      </c>
    </row>
    <row r="15" spans="1:4" ht="18" customHeight="1" x14ac:dyDescent="0.15">
      <c r="A15" s="8">
        <v>9</v>
      </c>
      <c r="B15" s="21">
        <v>15</v>
      </c>
      <c r="C15" s="6">
        <v>12</v>
      </c>
      <c r="D15" s="5">
        <v>27</v>
      </c>
    </row>
    <row r="16" spans="1:4" ht="18" customHeight="1" x14ac:dyDescent="0.15">
      <c r="A16" s="8" t="s">
        <v>24</v>
      </c>
      <c r="B16" s="21">
        <v>59</v>
      </c>
      <c r="C16" s="6">
        <v>50</v>
      </c>
      <c r="D16" s="5">
        <v>109</v>
      </c>
    </row>
    <row r="17" spans="1:4" ht="18" customHeight="1" x14ac:dyDescent="0.15">
      <c r="A17" s="8">
        <v>10</v>
      </c>
      <c r="B17" s="21">
        <v>12</v>
      </c>
      <c r="C17" s="6">
        <v>8</v>
      </c>
      <c r="D17" s="5">
        <v>20</v>
      </c>
    </row>
    <row r="18" spans="1:4" ht="18" customHeight="1" x14ac:dyDescent="0.15">
      <c r="A18" s="8">
        <v>11</v>
      </c>
      <c r="B18" s="21">
        <v>9</v>
      </c>
      <c r="C18" s="6">
        <v>7</v>
      </c>
      <c r="D18" s="5">
        <v>16</v>
      </c>
    </row>
    <row r="19" spans="1:4" ht="18" customHeight="1" x14ac:dyDescent="0.15">
      <c r="A19" s="8">
        <v>12</v>
      </c>
      <c r="B19" s="21">
        <v>15</v>
      </c>
      <c r="C19" s="6">
        <v>8</v>
      </c>
      <c r="D19" s="5">
        <v>23</v>
      </c>
    </row>
    <row r="20" spans="1:4" ht="18" customHeight="1" x14ac:dyDescent="0.15">
      <c r="A20" s="8">
        <v>13</v>
      </c>
      <c r="B20" s="21">
        <v>17</v>
      </c>
      <c r="C20" s="6">
        <v>9</v>
      </c>
      <c r="D20" s="5">
        <v>26</v>
      </c>
    </row>
    <row r="21" spans="1:4" ht="18" customHeight="1" x14ac:dyDescent="0.15">
      <c r="A21" s="8">
        <v>14</v>
      </c>
      <c r="B21" s="21">
        <v>9</v>
      </c>
      <c r="C21" s="6">
        <v>14</v>
      </c>
      <c r="D21" s="5">
        <v>23</v>
      </c>
    </row>
    <row r="22" spans="1:4" ht="18" customHeight="1" x14ac:dyDescent="0.15">
      <c r="A22" s="8" t="s">
        <v>23</v>
      </c>
      <c r="B22" s="21">
        <v>62</v>
      </c>
      <c r="C22" s="6">
        <v>46</v>
      </c>
      <c r="D22" s="5">
        <v>108</v>
      </c>
    </row>
    <row r="23" spans="1:4" ht="18" customHeight="1" x14ac:dyDescent="0.15">
      <c r="A23" s="8" t="s">
        <v>22</v>
      </c>
      <c r="B23" s="21">
        <v>165</v>
      </c>
      <c r="C23" s="6">
        <v>141</v>
      </c>
      <c r="D23" s="5">
        <v>306</v>
      </c>
    </row>
    <row r="24" spans="1:4" ht="18" customHeight="1" x14ac:dyDescent="0.15">
      <c r="A24" s="8">
        <v>15</v>
      </c>
      <c r="B24" s="21">
        <v>12</v>
      </c>
      <c r="C24" s="6">
        <v>14</v>
      </c>
      <c r="D24" s="5">
        <v>26</v>
      </c>
    </row>
    <row r="25" spans="1:4" ht="18" customHeight="1" x14ac:dyDescent="0.15">
      <c r="A25" s="8">
        <v>16</v>
      </c>
      <c r="B25" s="21">
        <v>17</v>
      </c>
      <c r="C25" s="6">
        <v>10</v>
      </c>
      <c r="D25" s="5">
        <v>27</v>
      </c>
    </row>
    <row r="26" spans="1:4" ht="18" customHeight="1" x14ac:dyDescent="0.15">
      <c r="A26" s="8">
        <v>17</v>
      </c>
      <c r="B26" s="21">
        <v>16</v>
      </c>
      <c r="C26" s="6">
        <v>9</v>
      </c>
      <c r="D26" s="5">
        <v>25</v>
      </c>
    </row>
    <row r="27" spans="1:4" ht="18" customHeight="1" x14ac:dyDescent="0.15">
      <c r="A27" s="8">
        <v>18</v>
      </c>
      <c r="B27" s="21">
        <v>12</v>
      </c>
      <c r="C27" s="6">
        <v>13</v>
      </c>
      <c r="D27" s="5">
        <v>25</v>
      </c>
    </row>
    <row r="28" spans="1:4" ht="18" customHeight="1" x14ac:dyDescent="0.15">
      <c r="A28" s="8">
        <v>19</v>
      </c>
      <c r="B28" s="21">
        <v>9</v>
      </c>
      <c r="C28" s="6">
        <v>22</v>
      </c>
      <c r="D28" s="5">
        <v>31</v>
      </c>
    </row>
    <row r="29" spans="1:4" ht="18" customHeight="1" x14ac:dyDescent="0.15">
      <c r="A29" s="8" t="s">
        <v>21</v>
      </c>
      <c r="B29" s="21">
        <v>66</v>
      </c>
      <c r="C29" s="6">
        <v>68</v>
      </c>
      <c r="D29" s="5">
        <v>134</v>
      </c>
    </row>
    <row r="30" spans="1:4" ht="18" customHeight="1" x14ac:dyDescent="0.15">
      <c r="A30" s="8">
        <v>20</v>
      </c>
      <c r="B30" s="21">
        <v>28</v>
      </c>
      <c r="C30" s="6">
        <v>13</v>
      </c>
      <c r="D30" s="5">
        <v>41</v>
      </c>
    </row>
    <row r="31" spans="1:4" ht="18" customHeight="1" x14ac:dyDescent="0.15">
      <c r="A31" s="8">
        <v>21</v>
      </c>
      <c r="B31" s="21">
        <v>13</v>
      </c>
      <c r="C31" s="6">
        <v>16</v>
      </c>
      <c r="D31" s="5">
        <v>29</v>
      </c>
    </row>
    <row r="32" spans="1:4" ht="18" customHeight="1" x14ac:dyDescent="0.15">
      <c r="A32" s="8">
        <v>22</v>
      </c>
      <c r="B32" s="21">
        <v>16</v>
      </c>
      <c r="C32" s="6">
        <v>15</v>
      </c>
      <c r="D32" s="5">
        <v>31</v>
      </c>
    </row>
    <row r="33" spans="1:4" ht="18" customHeight="1" x14ac:dyDescent="0.15">
      <c r="A33" s="8">
        <v>23</v>
      </c>
      <c r="B33" s="21">
        <v>21</v>
      </c>
      <c r="C33" s="6">
        <v>25</v>
      </c>
      <c r="D33" s="5">
        <v>46</v>
      </c>
    </row>
    <row r="34" spans="1:4" ht="18" customHeight="1" x14ac:dyDescent="0.15">
      <c r="A34" s="8">
        <v>24</v>
      </c>
      <c r="B34" s="21">
        <v>19</v>
      </c>
      <c r="C34" s="6">
        <v>24</v>
      </c>
      <c r="D34" s="5">
        <v>43</v>
      </c>
    </row>
    <row r="35" spans="1:4" ht="18" customHeight="1" x14ac:dyDescent="0.15">
      <c r="A35" s="8" t="s">
        <v>20</v>
      </c>
      <c r="B35" s="21">
        <v>97</v>
      </c>
      <c r="C35" s="6">
        <v>93</v>
      </c>
      <c r="D35" s="5">
        <v>190</v>
      </c>
    </row>
    <row r="36" spans="1:4" ht="18" customHeight="1" x14ac:dyDescent="0.15">
      <c r="A36" s="8">
        <v>25</v>
      </c>
      <c r="B36" s="21">
        <v>21</v>
      </c>
      <c r="C36" s="6">
        <v>19</v>
      </c>
      <c r="D36" s="5">
        <v>40</v>
      </c>
    </row>
    <row r="37" spans="1:4" ht="18" customHeight="1" x14ac:dyDescent="0.15">
      <c r="A37" s="8">
        <v>26</v>
      </c>
      <c r="B37" s="21">
        <v>18</v>
      </c>
      <c r="C37" s="6">
        <v>20</v>
      </c>
      <c r="D37" s="5">
        <v>38</v>
      </c>
    </row>
    <row r="38" spans="1:4" ht="18" customHeight="1" x14ac:dyDescent="0.15">
      <c r="A38" s="8">
        <v>27</v>
      </c>
      <c r="B38" s="21">
        <v>20</v>
      </c>
      <c r="C38" s="6">
        <v>15</v>
      </c>
      <c r="D38" s="5">
        <v>35</v>
      </c>
    </row>
    <row r="39" spans="1:4" ht="18" customHeight="1" x14ac:dyDescent="0.15">
      <c r="A39" s="8">
        <v>28</v>
      </c>
      <c r="B39" s="21">
        <v>19</v>
      </c>
      <c r="C39" s="6">
        <v>20</v>
      </c>
      <c r="D39" s="5">
        <v>39</v>
      </c>
    </row>
    <row r="40" spans="1:4" ht="18" customHeight="1" x14ac:dyDescent="0.15">
      <c r="A40" s="8">
        <v>29</v>
      </c>
      <c r="B40" s="21">
        <v>27</v>
      </c>
      <c r="C40" s="6">
        <v>26</v>
      </c>
      <c r="D40" s="5">
        <v>53</v>
      </c>
    </row>
    <row r="41" spans="1:4" ht="18" customHeight="1" x14ac:dyDescent="0.15">
      <c r="A41" s="8" t="s">
        <v>19</v>
      </c>
      <c r="B41" s="21">
        <v>105</v>
      </c>
      <c r="C41" s="6">
        <v>100</v>
      </c>
      <c r="D41" s="5">
        <v>205</v>
      </c>
    </row>
    <row r="42" spans="1:4" ht="18" customHeight="1" x14ac:dyDescent="0.15">
      <c r="A42" s="8">
        <v>30</v>
      </c>
      <c r="B42" s="21">
        <v>24</v>
      </c>
      <c r="C42" s="6">
        <v>23</v>
      </c>
      <c r="D42" s="5">
        <v>47</v>
      </c>
    </row>
    <row r="43" spans="1:4" ht="18" customHeight="1" x14ac:dyDescent="0.15">
      <c r="A43" s="8">
        <v>31</v>
      </c>
      <c r="B43" s="21">
        <v>22</v>
      </c>
      <c r="C43" s="6">
        <v>19</v>
      </c>
      <c r="D43" s="5">
        <v>41</v>
      </c>
    </row>
    <row r="44" spans="1:4" ht="18" customHeight="1" x14ac:dyDescent="0.15">
      <c r="A44" s="8">
        <v>32</v>
      </c>
      <c r="B44" s="21">
        <v>19</v>
      </c>
      <c r="C44" s="6">
        <v>10</v>
      </c>
      <c r="D44" s="5">
        <v>29</v>
      </c>
    </row>
    <row r="45" spans="1:4" ht="18" customHeight="1" x14ac:dyDescent="0.15">
      <c r="A45" s="8">
        <v>33</v>
      </c>
      <c r="B45" s="21">
        <v>19</v>
      </c>
      <c r="C45" s="6">
        <v>16</v>
      </c>
      <c r="D45" s="5">
        <v>35</v>
      </c>
    </row>
    <row r="46" spans="1:4" ht="18" customHeight="1" x14ac:dyDescent="0.15">
      <c r="A46" s="8">
        <v>34</v>
      </c>
      <c r="B46" s="21">
        <v>23</v>
      </c>
      <c r="C46" s="6">
        <v>14</v>
      </c>
      <c r="D46" s="5">
        <v>37</v>
      </c>
    </row>
    <row r="47" spans="1:4" ht="18" customHeight="1" x14ac:dyDescent="0.15">
      <c r="A47" s="8" t="s">
        <v>18</v>
      </c>
      <c r="B47" s="21">
        <v>107</v>
      </c>
      <c r="C47" s="6">
        <v>82</v>
      </c>
      <c r="D47" s="5">
        <v>189</v>
      </c>
    </row>
    <row r="48" spans="1:4" ht="18" customHeight="1" x14ac:dyDescent="0.15">
      <c r="A48" s="8">
        <v>35</v>
      </c>
      <c r="B48" s="21">
        <v>17</v>
      </c>
      <c r="C48" s="6">
        <v>11</v>
      </c>
      <c r="D48" s="5">
        <v>28</v>
      </c>
    </row>
    <row r="49" spans="1:4" ht="18" customHeight="1" x14ac:dyDescent="0.15">
      <c r="A49" s="8">
        <v>36</v>
      </c>
      <c r="B49" s="21">
        <v>15</v>
      </c>
      <c r="C49" s="6">
        <v>13</v>
      </c>
      <c r="D49" s="5">
        <v>28</v>
      </c>
    </row>
    <row r="50" spans="1:4" ht="18" customHeight="1" x14ac:dyDescent="0.15">
      <c r="A50" s="8">
        <v>37</v>
      </c>
      <c r="B50" s="21">
        <v>27</v>
      </c>
      <c r="C50" s="6">
        <v>8</v>
      </c>
      <c r="D50" s="5">
        <v>35</v>
      </c>
    </row>
    <row r="51" spans="1:4" ht="18" customHeight="1" x14ac:dyDescent="0.15">
      <c r="A51" s="8">
        <v>38</v>
      </c>
      <c r="B51" s="21">
        <v>17</v>
      </c>
      <c r="C51" s="6">
        <v>17</v>
      </c>
      <c r="D51" s="5">
        <v>34</v>
      </c>
    </row>
    <row r="52" spans="1:4" ht="18" customHeight="1" x14ac:dyDescent="0.15">
      <c r="A52" s="8">
        <v>39</v>
      </c>
      <c r="B52" s="21">
        <v>18</v>
      </c>
      <c r="C52" s="6">
        <v>18</v>
      </c>
      <c r="D52" s="5">
        <v>36</v>
      </c>
    </row>
    <row r="53" spans="1:4" ht="18" customHeight="1" x14ac:dyDescent="0.15">
      <c r="A53" s="8" t="s">
        <v>17</v>
      </c>
      <c r="B53" s="21">
        <v>94</v>
      </c>
      <c r="C53" s="6">
        <v>67</v>
      </c>
      <c r="D53" s="5">
        <v>161</v>
      </c>
    </row>
    <row r="54" spans="1:4" ht="18" customHeight="1" x14ac:dyDescent="0.15">
      <c r="A54" s="8">
        <v>40</v>
      </c>
      <c r="B54" s="21">
        <v>15</v>
      </c>
      <c r="C54" s="6">
        <v>16</v>
      </c>
      <c r="D54" s="5">
        <v>31</v>
      </c>
    </row>
    <row r="55" spans="1:4" ht="18" customHeight="1" x14ac:dyDescent="0.15">
      <c r="A55" s="8">
        <v>41</v>
      </c>
      <c r="B55" s="21">
        <v>19</v>
      </c>
      <c r="C55" s="6">
        <v>17</v>
      </c>
      <c r="D55" s="5">
        <v>36</v>
      </c>
    </row>
    <row r="56" spans="1:4" ht="18" customHeight="1" x14ac:dyDescent="0.15">
      <c r="A56" s="8">
        <v>42</v>
      </c>
      <c r="B56" s="21">
        <v>17</v>
      </c>
      <c r="C56" s="6">
        <v>14</v>
      </c>
      <c r="D56" s="5">
        <v>31</v>
      </c>
    </row>
    <row r="57" spans="1:4" ht="18" customHeight="1" x14ac:dyDescent="0.15">
      <c r="A57" s="8">
        <v>43</v>
      </c>
      <c r="B57" s="21">
        <v>26</v>
      </c>
      <c r="C57" s="6">
        <v>16</v>
      </c>
      <c r="D57" s="5">
        <v>42</v>
      </c>
    </row>
    <row r="58" spans="1:4" ht="18" customHeight="1" x14ac:dyDescent="0.15">
      <c r="A58" s="8">
        <v>44</v>
      </c>
      <c r="B58" s="21">
        <v>15</v>
      </c>
      <c r="C58" s="6">
        <v>14</v>
      </c>
      <c r="D58" s="5">
        <v>29</v>
      </c>
    </row>
    <row r="59" spans="1:4" ht="18" customHeight="1" x14ac:dyDescent="0.15">
      <c r="A59" s="8" t="s">
        <v>16</v>
      </c>
      <c r="B59" s="21">
        <v>92</v>
      </c>
      <c r="C59" s="6">
        <v>77</v>
      </c>
      <c r="D59" s="5">
        <v>169</v>
      </c>
    </row>
    <row r="60" spans="1:4" ht="18" customHeight="1" x14ac:dyDescent="0.15">
      <c r="A60" s="8">
        <v>45</v>
      </c>
      <c r="B60" s="21">
        <v>16</v>
      </c>
      <c r="C60" s="6">
        <v>21</v>
      </c>
      <c r="D60" s="5">
        <v>37</v>
      </c>
    </row>
    <row r="61" spans="1:4" ht="18" customHeight="1" x14ac:dyDescent="0.15">
      <c r="A61" s="8">
        <v>46</v>
      </c>
      <c r="B61" s="21">
        <v>20</v>
      </c>
      <c r="C61" s="6">
        <v>23</v>
      </c>
      <c r="D61" s="5">
        <v>43</v>
      </c>
    </row>
    <row r="62" spans="1:4" ht="18" customHeight="1" x14ac:dyDescent="0.15">
      <c r="A62" s="8">
        <v>47</v>
      </c>
      <c r="B62" s="21">
        <v>31</v>
      </c>
      <c r="C62" s="6">
        <v>26</v>
      </c>
      <c r="D62" s="5">
        <v>57</v>
      </c>
    </row>
    <row r="63" spans="1:4" ht="18" customHeight="1" x14ac:dyDescent="0.15">
      <c r="A63" s="8">
        <v>48</v>
      </c>
      <c r="B63" s="21">
        <v>27</v>
      </c>
      <c r="C63" s="6">
        <v>24</v>
      </c>
      <c r="D63" s="5">
        <v>51</v>
      </c>
    </row>
    <row r="64" spans="1:4" ht="18" customHeight="1" x14ac:dyDescent="0.15">
      <c r="A64" s="8">
        <v>49</v>
      </c>
      <c r="B64" s="21">
        <v>38</v>
      </c>
      <c r="C64" s="6">
        <v>23</v>
      </c>
      <c r="D64" s="5">
        <v>61</v>
      </c>
    </row>
    <row r="65" spans="1:4" ht="18" customHeight="1" x14ac:dyDescent="0.15">
      <c r="A65" s="8" t="s">
        <v>15</v>
      </c>
      <c r="B65" s="21">
        <v>132</v>
      </c>
      <c r="C65" s="6">
        <v>117</v>
      </c>
      <c r="D65" s="5">
        <v>249</v>
      </c>
    </row>
    <row r="66" spans="1:4" ht="18" customHeight="1" x14ac:dyDescent="0.15">
      <c r="A66" s="8">
        <v>50</v>
      </c>
      <c r="B66" s="21">
        <v>31</v>
      </c>
      <c r="C66" s="6">
        <v>26</v>
      </c>
      <c r="D66" s="5">
        <v>57</v>
      </c>
    </row>
    <row r="67" spans="1:4" ht="18" customHeight="1" x14ac:dyDescent="0.15">
      <c r="A67" s="8">
        <v>51</v>
      </c>
      <c r="B67" s="21">
        <v>28</v>
      </c>
      <c r="C67" s="6">
        <v>30</v>
      </c>
      <c r="D67" s="5">
        <v>58</v>
      </c>
    </row>
    <row r="68" spans="1:4" ht="18" customHeight="1" x14ac:dyDescent="0.15">
      <c r="A68" s="8">
        <v>52</v>
      </c>
      <c r="B68" s="21">
        <v>34</v>
      </c>
      <c r="C68" s="6">
        <v>42</v>
      </c>
      <c r="D68" s="5">
        <v>76</v>
      </c>
    </row>
    <row r="69" spans="1:4" ht="18" customHeight="1" x14ac:dyDescent="0.15">
      <c r="A69" s="8">
        <v>53</v>
      </c>
      <c r="B69" s="21">
        <v>41</v>
      </c>
      <c r="C69" s="6">
        <v>34</v>
      </c>
      <c r="D69" s="5">
        <v>75</v>
      </c>
    </row>
    <row r="70" spans="1:4" ht="18" customHeight="1" x14ac:dyDescent="0.15">
      <c r="A70" s="8">
        <v>54</v>
      </c>
      <c r="B70" s="21">
        <v>37</v>
      </c>
      <c r="C70" s="6">
        <v>33</v>
      </c>
      <c r="D70" s="5">
        <v>70</v>
      </c>
    </row>
    <row r="71" spans="1:4" ht="18" customHeight="1" x14ac:dyDescent="0.15">
      <c r="A71" s="8" t="s">
        <v>14</v>
      </c>
      <c r="B71" s="21">
        <v>171</v>
      </c>
      <c r="C71" s="6">
        <v>165</v>
      </c>
      <c r="D71" s="5">
        <v>336</v>
      </c>
    </row>
    <row r="72" spans="1:4" ht="18" customHeight="1" x14ac:dyDescent="0.15">
      <c r="A72" s="8">
        <v>55</v>
      </c>
      <c r="B72" s="21">
        <v>26</v>
      </c>
      <c r="C72" s="6">
        <v>33</v>
      </c>
      <c r="D72" s="5">
        <v>59</v>
      </c>
    </row>
    <row r="73" spans="1:4" ht="18" customHeight="1" x14ac:dyDescent="0.15">
      <c r="A73" s="8">
        <v>56</v>
      </c>
      <c r="B73" s="21">
        <v>38</v>
      </c>
      <c r="C73" s="6">
        <v>30</v>
      </c>
      <c r="D73" s="5">
        <v>68</v>
      </c>
    </row>
    <row r="74" spans="1:4" ht="18" customHeight="1" x14ac:dyDescent="0.15">
      <c r="A74" s="8">
        <v>57</v>
      </c>
      <c r="B74" s="21">
        <v>36</v>
      </c>
      <c r="C74" s="6">
        <v>26</v>
      </c>
      <c r="D74" s="5">
        <v>62</v>
      </c>
    </row>
    <row r="75" spans="1:4" ht="18" customHeight="1" x14ac:dyDescent="0.15">
      <c r="A75" s="8">
        <v>58</v>
      </c>
      <c r="B75" s="21">
        <v>27</v>
      </c>
      <c r="C75" s="6">
        <v>26</v>
      </c>
      <c r="D75" s="5">
        <v>53</v>
      </c>
    </row>
    <row r="76" spans="1:4" ht="18" customHeight="1" x14ac:dyDescent="0.15">
      <c r="A76" s="8">
        <v>59</v>
      </c>
      <c r="B76" s="21">
        <v>17</v>
      </c>
      <c r="C76" s="6">
        <v>12</v>
      </c>
      <c r="D76" s="5">
        <v>29</v>
      </c>
    </row>
    <row r="77" spans="1:4" ht="18" customHeight="1" x14ac:dyDescent="0.15">
      <c r="A77" s="8" t="s">
        <v>13</v>
      </c>
      <c r="B77" s="21">
        <v>144</v>
      </c>
      <c r="C77" s="6">
        <v>127</v>
      </c>
      <c r="D77" s="5">
        <v>271</v>
      </c>
    </row>
    <row r="78" spans="1:4" ht="18" customHeight="1" x14ac:dyDescent="0.15">
      <c r="A78" s="8">
        <v>60</v>
      </c>
      <c r="B78" s="21">
        <v>26</v>
      </c>
      <c r="C78" s="6">
        <v>21</v>
      </c>
      <c r="D78" s="5">
        <v>47</v>
      </c>
    </row>
    <row r="79" spans="1:4" ht="18" customHeight="1" x14ac:dyDescent="0.15">
      <c r="A79" s="8">
        <v>61</v>
      </c>
      <c r="B79" s="21">
        <v>18</v>
      </c>
      <c r="C79" s="6">
        <v>25</v>
      </c>
      <c r="D79" s="5">
        <v>43</v>
      </c>
    </row>
    <row r="80" spans="1:4" ht="18" customHeight="1" x14ac:dyDescent="0.15">
      <c r="A80" s="8">
        <v>62</v>
      </c>
      <c r="B80" s="21">
        <v>25</v>
      </c>
      <c r="C80" s="6">
        <v>23</v>
      </c>
      <c r="D80" s="5">
        <v>48</v>
      </c>
    </row>
    <row r="81" spans="1:4" ht="18" customHeight="1" x14ac:dyDescent="0.15">
      <c r="A81" s="8">
        <v>63</v>
      </c>
      <c r="B81" s="21">
        <v>13</v>
      </c>
      <c r="C81" s="6">
        <v>20</v>
      </c>
      <c r="D81" s="5">
        <v>33</v>
      </c>
    </row>
    <row r="82" spans="1:4" ht="18" customHeight="1" x14ac:dyDescent="0.15">
      <c r="A82" s="8">
        <v>64</v>
      </c>
      <c r="B82" s="21">
        <v>24</v>
      </c>
      <c r="C82" s="6">
        <v>19</v>
      </c>
      <c r="D82" s="5">
        <v>43</v>
      </c>
    </row>
    <row r="83" spans="1:4" ht="18" customHeight="1" x14ac:dyDescent="0.15">
      <c r="A83" s="8" t="s">
        <v>12</v>
      </c>
      <c r="B83" s="21">
        <v>106</v>
      </c>
      <c r="C83" s="6">
        <v>108</v>
      </c>
      <c r="D83" s="5">
        <v>214</v>
      </c>
    </row>
    <row r="84" spans="1:4" ht="18" customHeight="1" x14ac:dyDescent="0.15">
      <c r="A84" s="8" t="s">
        <v>11</v>
      </c>
      <c r="B84" s="21">
        <v>1114</v>
      </c>
      <c r="C84" s="6">
        <v>1004</v>
      </c>
      <c r="D84" s="5">
        <v>2118</v>
      </c>
    </row>
    <row r="85" spans="1:4" ht="18" customHeight="1" x14ac:dyDescent="0.15">
      <c r="A85" s="8">
        <v>65</v>
      </c>
      <c r="B85" s="21">
        <v>25</v>
      </c>
      <c r="C85" s="6">
        <v>25</v>
      </c>
      <c r="D85" s="5">
        <v>50</v>
      </c>
    </row>
    <row r="86" spans="1:4" ht="18" customHeight="1" x14ac:dyDescent="0.15">
      <c r="A86" s="8">
        <v>66</v>
      </c>
      <c r="B86" s="21">
        <v>17</v>
      </c>
      <c r="C86" s="6">
        <v>24</v>
      </c>
      <c r="D86" s="5">
        <v>41</v>
      </c>
    </row>
    <row r="87" spans="1:4" ht="18" customHeight="1" x14ac:dyDescent="0.15">
      <c r="A87" s="8">
        <v>67</v>
      </c>
      <c r="B87" s="21">
        <v>17</v>
      </c>
      <c r="C87" s="6">
        <v>25</v>
      </c>
      <c r="D87" s="5">
        <v>42</v>
      </c>
    </row>
    <row r="88" spans="1:4" ht="18" customHeight="1" x14ac:dyDescent="0.15">
      <c r="A88" s="8">
        <v>68</v>
      </c>
      <c r="B88" s="21">
        <v>21</v>
      </c>
      <c r="C88" s="6">
        <v>30</v>
      </c>
      <c r="D88" s="5">
        <v>51</v>
      </c>
    </row>
    <row r="89" spans="1:4" ht="18" customHeight="1" x14ac:dyDescent="0.15">
      <c r="A89" s="8">
        <v>69</v>
      </c>
      <c r="B89" s="21">
        <v>23</v>
      </c>
      <c r="C89" s="6">
        <v>23</v>
      </c>
      <c r="D89" s="5">
        <v>46</v>
      </c>
    </row>
    <row r="90" spans="1:4" ht="18" customHeight="1" x14ac:dyDescent="0.15">
      <c r="A90" s="8" t="s">
        <v>10</v>
      </c>
      <c r="B90" s="21">
        <v>103</v>
      </c>
      <c r="C90" s="6">
        <v>127</v>
      </c>
      <c r="D90" s="5">
        <v>230</v>
      </c>
    </row>
    <row r="91" spans="1:4" ht="18" customHeight="1" x14ac:dyDescent="0.15">
      <c r="A91" s="8">
        <v>70</v>
      </c>
      <c r="B91" s="21">
        <v>30</v>
      </c>
      <c r="C91" s="6">
        <v>29</v>
      </c>
      <c r="D91" s="5">
        <v>59</v>
      </c>
    </row>
    <row r="92" spans="1:4" ht="18" customHeight="1" x14ac:dyDescent="0.15">
      <c r="A92" s="8">
        <v>71</v>
      </c>
      <c r="B92" s="21">
        <v>24</v>
      </c>
      <c r="C92" s="6">
        <v>20</v>
      </c>
      <c r="D92" s="5">
        <v>44</v>
      </c>
    </row>
    <row r="93" spans="1:4" ht="18" customHeight="1" x14ac:dyDescent="0.15">
      <c r="A93" s="8">
        <v>72</v>
      </c>
      <c r="B93" s="21">
        <v>24</v>
      </c>
      <c r="C93" s="6">
        <v>27</v>
      </c>
      <c r="D93" s="5">
        <v>51</v>
      </c>
    </row>
    <row r="94" spans="1:4" ht="18" customHeight="1" x14ac:dyDescent="0.15">
      <c r="A94" s="8">
        <v>73</v>
      </c>
      <c r="B94" s="21">
        <v>30</v>
      </c>
      <c r="C94" s="6">
        <v>24</v>
      </c>
      <c r="D94" s="5">
        <v>54</v>
      </c>
    </row>
    <row r="95" spans="1:4" ht="18" customHeight="1" x14ac:dyDescent="0.15">
      <c r="A95" s="8">
        <v>74</v>
      </c>
      <c r="B95" s="21">
        <v>29</v>
      </c>
      <c r="C95" s="6">
        <v>42</v>
      </c>
      <c r="D95" s="5">
        <v>71</v>
      </c>
    </row>
    <row r="96" spans="1:4" ht="18" customHeight="1" x14ac:dyDescent="0.15">
      <c r="A96" s="8" t="s">
        <v>9</v>
      </c>
      <c r="B96" s="21">
        <v>137</v>
      </c>
      <c r="C96" s="6">
        <v>142</v>
      </c>
      <c r="D96" s="5">
        <v>279</v>
      </c>
    </row>
    <row r="97" spans="1:4" ht="18" customHeight="1" x14ac:dyDescent="0.15">
      <c r="A97" s="8">
        <v>75</v>
      </c>
      <c r="B97" s="21">
        <v>28</v>
      </c>
      <c r="C97" s="6">
        <v>41</v>
      </c>
      <c r="D97" s="5">
        <v>69</v>
      </c>
    </row>
    <row r="98" spans="1:4" ht="18" customHeight="1" x14ac:dyDescent="0.15">
      <c r="A98" s="8">
        <v>76</v>
      </c>
      <c r="B98" s="21">
        <v>32</v>
      </c>
      <c r="C98" s="6">
        <v>46</v>
      </c>
      <c r="D98" s="5">
        <v>78</v>
      </c>
    </row>
    <row r="99" spans="1:4" ht="18" customHeight="1" x14ac:dyDescent="0.15">
      <c r="A99" s="8">
        <v>77</v>
      </c>
      <c r="B99" s="21">
        <v>31</v>
      </c>
      <c r="C99" s="6">
        <v>44</v>
      </c>
      <c r="D99" s="5">
        <v>75</v>
      </c>
    </row>
    <row r="100" spans="1:4" ht="18" customHeight="1" x14ac:dyDescent="0.15">
      <c r="A100" s="8">
        <v>78</v>
      </c>
      <c r="B100" s="21">
        <v>43</v>
      </c>
      <c r="C100" s="6">
        <v>46</v>
      </c>
      <c r="D100" s="5">
        <v>89</v>
      </c>
    </row>
    <row r="101" spans="1:4" ht="18" customHeight="1" x14ac:dyDescent="0.15">
      <c r="A101" s="8">
        <v>79</v>
      </c>
      <c r="B101" s="21">
        <v>29</v>
      </c>
      <c r="C101" s="6">
        <v>28</v>
      </c>
      <c r="D101" s="5">
        <v>57</v>
      </c>
    </row>
    <row r="102" spans="1:4" ht="18" customHeight="1" x14ac:dyDescent="0.15">
      <c r="A102" s="8" t="s">
        <v>8</v>
      </c>
      <c r="B102" s="21">
        <v>163</v>
      </c>
      <c r="C102" s="6">
        <v>205</v>
      </c>
      <c r="D102" s="5">
        <v>368</v>
      </c>
    </row>
    <row r="103" spans="1:4" ht="18" customHeight="1" x14ac:dyDescent="0.15">
      <c r="A103" s="8">
        <v>80</v>
      </c>
      <c r="B103" s="21">
        <v>18</v>
      </c>
      <c r="C103" s="6">
        <v>25</v>
      </c>
      <c r="D103" s="5">
        <v>43</v>
      </c>
    </row>
    <row r="104" spans="1:4" ht="18" customHeight="1" x14ac:dyDescent="0.15">
      <c r="A104" s="8">
        <v>81</v>
      </c>
      <c r="B104" s="21">
        <v>26</v>
      </c>
      <c r="C104" s="6">
        <v>32</v>
      </c>
      <c r="D104" s="5">
        <v>58</v>
      </c>
    </row>
    <row r="105" spans="1:4" ht="18" customHeight="1" x14ac:dyDescent="0.15">
      <c r="A105" s="8">
        <v>82</v>
      </c>
      <c r="B105" s="21">
        <v>26</v>
      </c>
      <c r="C105" s="6">
        <v>28</v>
      </c>
      <c r="D105" s="5">
        <v>54</v>
      </c>
    </row>
    <row r="106" spans="1:4" ht="18" customHeight="1" x14ac:dyDescent="0.15">
      <c r="A106" s="8">
        <v>83</v>
      </c>
      <c r="B106" s="21">
        <v>30</v>
      </c>
      <c r="C106" s="6">
        <v>37</v>
      </c>
      <c r="D106" s="5">
        <v>67</v>
      </c>
    </row>
    <row r="107" spans="1:4" ht="18" customHeight="1" x14ac:dyDescent="0.15">
      <c r="A107" s="8">
        <v>84</v>
      </c>
      <c r="B107" s="21">
        <v>24</v>
      </c>
      <c r="C107" s="6">
        <v>30</v>
      </c>
      <c r="D107" s="5">
        <v>54</v>
      </c>
    </row>
    <row r="108" spans="1:4" ht="18" customHeight="1" x14ac:dyDescent="0.15">
      <c r="A108" s="8" t="s">
        <v>7</v>
      </c>
      <c r="B108" s="21">
        <v>124</v>
      </c>
      <c r="C108" s="6">
        <v>152</v>
      </c>
      <c r="D108" s="5">
        <v>276</v>
      </c>
    </row>
    <row r="109" spans="1:4" ht="18" customHeight="1" x14ac:dyDescent="0.15">
      <c r="A109" s="8">
        <v>85</v>
      </c>
      <c r="B109" s="21">
        <v>15</v>
      </c>
      <c r="C109" s="6">
        <v>21</v>
      </c>
      <c r="D109" s="5">
        <v>36</v>
      </c>
    </row>
    <row r="110" spans="1:4" ht="18" customHeight="1" x14ac:dyDescent="0.15">
      <c r="A110" s="8">
        <v>86</v>
      </c>
      <c r="B110" s="21">
        <v>6</v>
      </c>
      <c r="C110" s="6">
        <v>22</v>
      </c>
      <c r="D110" s="5">
        <v>28</v>
      </c>
    </row>
    <row r="111" spans="1:4" ht="18" customHeight="1" x14ac:dyDescent="0.15">
      <c r="A111" s="8">
        <v>87</v>
      </c>
      <c r="B111" s="21">
        <v>13</v>
      </c>
      <c r="C111" s="6">
        <v>22</v>
      </c>
      <c r="D111" s="5">
        <v>35</v>
      </c>
    </row>
    <row r="112" spans="1:4" ht="18" customHeight="1" x14ac:dyDescent="0.15">
      <c r="A112" s="8">
        <v>88</v>
      </c>
      <c r="B112" s="21">
        <v>13</v>
      </c>
      <c r="C112" s="6">
        <v>20</v>
      </c>
      <c r="D112" s="5">
        <v>33</v>
      </c>
    </row>
    <row r="113" spans="1:4" ht="18" customHeight="1" x14ac:dyDescent="0.15">
      <c r="A113" s="8">
        <v>89</v>
      </c>
      <c r="B113" s="21">
        <v>8</v>
      </c>
      <c r="C113" s="6">
        <v>19</v>
      </c>
      <c r="D113" s="5">
        <v>27</v>
      </c>
    </row>
    <row r="114" spans="1:4" ht="18" customHeight="1" x14ac:dyDescent="0.15">
      <c r="A114" s="8" t="s">
        <v>6</v>
      </c>
      <c r="B114" s="21">
        <v>55</v>
      </c>
      <c r="C114" s="6">
        <v>104</v>
      </c>
      <c r="D114" s="5">
        <v>159</v>
      </c>
    </row>
    <row r="115" spans="1:4" ht="18" customHeight="1" x14ac:dyDescent="0.15">
      <c r="A115" s="8">
        <v>90</v>
      </c>
      <c r="B115" s="21">
        <v>3</v>
      </c>
      <c r="C115" s="6">
        <v>15</v>
      </c>
      <c r="D115" s="5">
        <v>18</v>
      </c>
    </row>
    <row r="116" spans="1:4" ht="18" customHeight="1" x14ac:dyDescent="0.15">
      <c r="A116" s="8">
        <v>91</v>
      </c>
      <c r="B116" s="21">
        <v>4</v>
      </c>
      <c r="C116" s="6">
        <v>8</v>
      </c>
      <c r="D116" s="5">
        <v>12</v>
      </c>
    </row>
    <row r="117" spans="1:4" ht="18" customHeight="1" x14ac:dyDescent="0.15">
      <c r="A117" s="8">
        <v>92</v>
      </c>
      <c r="B117" s="21">
        <v>3</v>
      </c>
      <c r="C117" s="6">
        <v>10</v>
      </c>
      <c r="D117" s="5">
        <v>13</v>
      </c>
    </row>
    <row r="118" spans="1:4" ht="18" customHeight="1" x14ac:dyDescent="0.15">
      <c r="A118" s="8">
        <v>93</v>
      </c>
      <c r="B118" s="21">
        <v>2</v>
      </c>
      <c r="C118" s="6">
        <v>10</v>
      </c>
      <c r="D118" s="5">
        <v>12</v>
      </c>
    </row>
    <row r="119" spans="1:4" ht="18" customHeight="1" x14ac:dyDescent="0.15">
      <c r="A119" s="8">
        <v>94</v>
      </c>
      <c r="B119" s="21">
        <v>3</v>
      </c>
      <c r="C119" s="6">
        <v>10</v>
      </c>
      <c r="D119" s="5">
        <v>13</v>
      </c>
    </row>
    <row r="120" spans="1:4" ht="18" customHeight="1" x14ac:dyDescent="0.15">
      <c r="A120" s="8" t="s">
        <v>5</v>
      </c>
      <c r="B120" s="21">
        <v>15</v>
      </c>
      <c r="C120" s="6">
        <v>53</v>
      </c>
      <c r="D120" s="5">
        <v>68</v>
      </c>
    </row>
    <row r="121" spans="1:4" ht="18" customHeight="1" x14ac:dyDescent="0.15">
      <c r="A121" s="8">
        <v>95</v>
      </c>
      <c r="B121" s="21">
        <v>0</v>
      </c>
      <c r="C121" s="6">
        <v>4</v>
      </c>
      <c r="D121" s="5">
        <v>4</v>
      </c>
    </row>
    <row r="122" spans="1:4" ht="18" customHeight="1" x14ac:dyDescent="0.15">
      <c r="A122" s="8">
        <v>96</v>
      </c>
      <c r="B122" s="21">
        <v>2</v>
      </c>
      <c r="C122" s="6">
        <v>4</v>
      </c>
      <c r="D122" s="5">
        <v>6</v>
      </c>
    </row>
    <row r="123" spans="1:4" ht="18" customHeight="1" x14ac:dyDescent="0.15">
      <c r="A123" s="8">
        <v>97</v>
      </c>
      <c r="B123" s="21">
        <v>1</v>
      </c>
      <c r="C123" s="6">
        <v>3</v>
      </c>
      <c r="D123" s="5">
        <v>4</v>
      </c>
    </row>
    <row r="124" spans="1:4" ht="18" customHeight="1" x14ac:dyDescent="0.15">
      <c r="A124" s="8">
        <v>98</v>
      </c>
      <c r="B124" s="21">
        <v>1</v>
      </c>
      <c r="C124" s="6">
        <v>2</v>
      </c>
      <c r="D124" s="5">
        <v>3</v>
      </c>
    </row>
    <row r="125" spans="1:4" ht="18" customHeight="1" x14ac:dyDescent="0.15">
      <c r="A125" s="8">
        <v>99</v>
      </c>
      <c r="B125" s="21">
        <v>2</v>
      </c>
      <c r="C125" s="6">
        <v>3</v>
      </c>
      <c r="D125" s="5">
        <v>5</v>
      </c>
    </row>
    <row r="126" spans="1:4" ht="18" customHeight="1" x14ac:dyDescent="0.15">
      <c r="A126" s="8" t="s">
        <v>4</v>
      </c>
      <c r="B126" s="21">
        <v>6</v>
      </c>
      <c r="C126" s="6">
        <v>16</v>
      </c>
      <c r="D126" s="5">
        <v>22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603</v>
      </c>
      <c r="C130" s="6">
        <v>802</v>
      </c>
      <c r="D130" s="5">
        <v>1405</v>
      </c>
    </row>
    <row r="131" spans="1:4" ht="18" customHeight="1" x14ac:dyDescent="0.15">
      <c r="A131" s="4" t="s">
        <v>0</v>
      </c>
      <c r="B131" s="20">
        <v>1882</v>
      </c>
      <c r="C131" s="2">
        <v>1947</v>
      </c>
      <c r="D131" s="1">
        <v>382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600057-D85A-40E6-AB0E-2475A7A40C48}">
  <sheetPr codeName="Sheet5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</v>
      </c>
      <c r="C5" s="11">
        <v>3</v>
      </c>
      <c r="D5" s="10">
        <v>5</v>
      </c>
    </row>
    <row r="6" spans="1:4" ht="18" customHeight="1" x14ac:dyDescent="0.15">
      <c r="A6" s="8">
        <v>1</v>
      </c>
      <c r="B6" s="21">
        <v>3</v>
      </c>
      <c r="C6" s="6">
        <v>2</v>
      </c>
      <c r="D6" s="5">
        <v>5</v>
      </c>
    </row>
    <row r="7" spans="1:4" ht="18" customHeight="1" x14ac:dyDescent="0.15">
      <c r="A7" s="8">
        <v>2</v>
      </c>
      <c r="B7" s="21">
        <v>2</v>
      </c>
      <c r="C7" s="6">
        <v>3</v>
      </c>
      <c r="D7" s="5">
        <v>5</v>
      </c>
    </row>
    <row r="8" spans="1:4" ht="18" customHeight="1" x14ac:dyDescent="0.15">
      <c r="A8" s="8">
        <v>3</v>
      </c>
      <c r="B8" s="21">
        <v>6</v>
      </c>
      <c r="C8" s="6">
        <v>5</v>
      </c>
      <c r="D8" s="5">
        <v>11</v>
      </c>
    </row>
    <row r="9" spans="1:4" ht="18" customHeight="1" x14ac:dyDescent="0.15">
      <c r="A9" s="8">
        <v>4</v>
      </c>
      <c r="B9" s="21">
        <v>2</v>
      </c>
      <c r="C9" s="6">
        <v>4</v>
      </c>
      <c r="D9" s="5">
        <v>6</v>
      </c>
    </row>
    <row r="10" spans="1:4" ht="18" customHeight="1" x14ac:dyDescent="0.15">
      <c r="A10" s="8" t="s">
        <v>25</v>
      </c>
      <c r="B10" s="21">
        <v>15</v>
      </c>
      <c r="C10" s="6">
        <v>17</v>
      </c>
      <c r="D10" s="5">
        <v>32</v>
      </c>
    </row>
    <row r="11" spans="1:4" ht="18" customHeight="1" x14ac:dyDescent="0.15">
      <c r="A11" s="8">
        <v>5</v>
      </c>
      <c r="B11" s="21">
        <v>3</v>
      </c>
      <c r="C11" s="6">
        <v>6</v>
      </c>
      <c r="D11" s="5">
        <v>9</v>
      </c>
    </row>
    <row r="12" spans="1:4" ht="18" customHeight="1" x14ac:dyDescent="0.15">
      <c r="A12" s="8">
        <v>6</v>
      </c>
      <c r="B12" s="21">
        <v>5</v>
      </c>
      <c r="C12" s="6">
        <v>1</v>
      </c>
      <c r="D12" s="5">
        <v>6</v>
      </c>
    </row>
    <row r="13" spans="1:4" ht="18" customHeight="1" x14ac:dyDescent="0.15">
      <c r="A13" s="8">
        <v>7</v>
      </c>
      <c r="B13" s="21">
        <v>3</v>
      </c>
      <c r="C13" s="6">
        <v>1</v>
      </c>
      <c r="D13" s="5">
        <v>4</v>
      </c>
    </row>
    <row r="14" spans="1:4" ht="18" customHeight="1" x14ac:dyDescent="0.15">
      <c r="A14" s="8">
        <v>8</v>
      </c>
      <c r="B14" s="21">
        <v>6</v>
      </c>
      <c r="C14" s="6">
        <v>1</v>
      </c>
      <c r="D14" s="5">
        <v>7</v>
      </c>
    </row>
    <row r="15" spans="1:4" ht="18" customHeight="1" x14ac:dyDescent="0.15">
      <c r="A15" s="8">
        <v>9</v>
      </c>
      <c r="B15" s="21">
        <v>3</v>
      </c>
      <c r="C15" s="6">
        <v>7</v>
      </c>
      <c r="D15" s="5">
        <v>10</v>
      </c>
    </row>
    <row r="16" spans="1:4" ht="18" customHeight="1" x14ac:dyDescent="0.15">
      <c r="A16" s="8" t="s">
        <v>24</v>
      </c>
      <c r="B16" s="21">
        <v>20</v>
      </c>
      <c r="C16" s="6">
        <v>16</v>
      </c>
      <c r="D16" s="5">
        <v>36</v>
      </c>
    </row>
    <row r="17" spans="1:4" ht="18" customHeight="1" x14ac:dyDescent="0.15">
      <c r="A17" s="8">
        <v>10</v>
      </c>
      <c r="B17" s="21">
        <v>4</v>
      </c>
      <c r="C17" s="6">
        <v>8</v>
      </c>
      <c r="D17" s="5">
        <v>12</v>
      </c>
    </row>
    <row r="18" spans="1:4" ht="18" customHeight="1" x14ac:dyDescent="0.15">
      <c r="A18" s="8">
        <v>11</v>
      </c>
      <c r="B18" s="21">
        <v>2</v>
      </c>
      <c r="C18" s="6">
        <v>3</v>
      </c>
      <c r="D18" s="5">
        <v>5</v>
      </c>
    </row>
    <row r="19" spans="1:4" ht="18" customHeight="1" x14ac:dyDescent="0.15">
      <c r="A19" s="8">
        <v>12</v>
      </c>
      <c r="B19" s="21">
        <v>7</v>
      </c>
      <c r="C19" s="6">
        <v>8</v>
      </c>
      <c r="D19" s="5">
        <v>15</v>
      </c>
    </row>
    <row r="20" spans="1:4" ht="18" customHeight="1" x14ac:dyDescent="0.15">
      <c r="A20" s="8">
        <v>13</v>
      </c>
      <c r="B20" s="21">
        <v>6</v>
      </c>
      <c r="C20" s="6">
        <v>7</v>
      </c>
      <c r="D20" s="5">
        <v>13</v>
      </c>
    </row>
    <row r="21" spans="1:4" ht="18" customHeight="1" x14ac:dyDescent="0.15">
      <c r="A21" s="8">
        <v>14</v>
      </c>
      <c r="B21" s="21">
        <v>7</v>
      </c>
      <c r="C21" s="6">
        <v>4</v>
      </c>
      <c r="D21" s="5">
        <v>11</v>
      </c>
    </row>
    <row r="22" spans="1:4" ht="18" customHeight="1" x14ac:dyDescent="0.15">
      <c r="A22" s="8" t="s">
        <v>23</v>
      </c>
      <c r="B22" s="21">
        <v>26</v>
      </c>
      <c r="C22" s="6">
        <v>30</v>
      </c>
      <c r="D22" s="5">
        <v>56</v>
      </c>
    </row>
    <row r="23" spans="1:4" ht="18" customHeight="1" x14ac:dyDescent="0.15">
      <c r="A23" s="8" t="s">
        <v>22</v>
      </c>
      <c r="B23" s="21">
        <v>61</v>
      </c>
      <c r="C23" s="6">
        <v>63</v>
      </c>
      <c r="D23" s="5">
        <v>124</v>
      </c>
    </row>
    <row r="24" spans="1:4" ht="18" customHeight="1" x14ac:dyDescent="0.15">
      <c r="A24" s="8">
        <v>15</v>
      </c>
      <c r="B24" s="21">
        <v>6</v>
      </c>
      <c r="C24" s="6">
        <v>3</v>
      </c>
      <c r="D24" s="5">
        <v>9</v>
      </c>
    </row>
    <row r="25" spans="1:4" ht="18" customHeight="1" x14ac:dyDescent="0.15">
      <c r="A25" s="8">
        <v>16</v>
      </c>
      <c r="B25" s="21">
        <v>7</v>
      </c>
      <c r="C25" s="6">
        <v>11</v>
      </c>
      <c r="D25" s="5">
        <v>18</v>
      </c>
    </row>
    <row r="26" spans="1:4" ht="18" customHeight="1" x14ac:dyDescent="0.15">
      <c r="A26" s="8">
        <v>17</v>
      </c>
      <c r="B26" s="21">
        <v>7</v>
      </c>
      <c r="C26" s="6">
        <v>2</v>
      </c>
      <c r="D26" s="5">
        <v>9</v>
      </c>
    </row>
    <row r="27" spans="1:4" ht="18" customHeight="1" x14ac:dyDescent="0.15">
      <c r="A27" s="8">
        <v>18</v>
      </c>
      <c r="B27" s="21">
        <v>8</v>
      </c>
      <c r="C27" s="6">
        <v>6</v>
      </c>
      <c r="D27" s="5">
        <v>14</v>
      </c>
    </row>
    <row r="28" spans="1:4" ht="18" customHeight="1" x14ac:dyDescent="0.15">
      <c r="A28" s="8">
        <v>19</v>
      </c>
      <c r="B28" s="21">
        <v>9</v>
      </c>
      <c r="C28" s="6">
        <v>3</v>
      </c>
      <c r="D28" s="5">
        <v>12</v>
      </c>
    </row>
    <row r="29" spans="1:4" ht="18" customHeight="1" x14ac:dyDescent="0.15">
      <c r="A29" s="8" t="s">
        <v>21</v>
      </c>
      <c r="B29" s="21">
        <v>37</v>
      </c>
      <c r="C29" s="6">
        <v>25</v>
      </c>
      <c r="D29" s="5">
        <v>62</v>
      </c>
    </row>
    <row r="30" spans="1:4" ht="18" customHeight="1" x14ac:dyDescent="0.15">
      <c r="A30" s="8">
        <v>20</v>
      </c>
      <c r="B30" s="21">
        <v>12</v>
      </c>
      <c r="C30" s="6">
        <v>4</v>
      </c>
      <c r="D30" s="5">
        <v>16</v>
      </c>
    </row>
    <row r="31" spans="1:4" ht="18" customHeight="1" x14ac:dyDescent="0.15">
      <c r="A31" s="8">
        <v>21</v>
      </c>
      <c r="B31" s="21">
        <v>7</v>
      </c>
      <c r="C31" s="6">
        <v>5</v>
      </c>
      <c r="D31" s="5">
        <v>12</v>
      </c>
    </row>
    <row r="32" spans="1:4" ht="18" customHeight="1" x14ac:dyDescent="0.15">
      <c r="A32" s="8">
        <v>22</v>
      </c>
      <c r="B32" s="21">
        <v>2</v>
      </c>
      <c r="C32" s="6">
        <v>5</v>
      </c>
      <c r="D32" s="5">
        <v>7</v>
      </c>
    </row>
    <row r="33" spans="1:4" ht="18" customHeight="1" x14ac:dyDescent="0.15">
      <c r="A33" s="8">
        <v>23</v>
      </c>
      <c r="B33" s="21">
        <v>8</v>
      </c>
      <c r="C33" s="6">
        <v>5</v>
      </c>
      <c r="D33" s="5">
        <v>13</v>
      </c>
    </row>
    <row r="34" spans="1:4" ht="18" customHeight="1" x14ac:dyDescent="0.15">
      <c r="A34" s="8">
        <v>24</v>
      </c>
      <c r="B34" s="21">
        <v>4</v>
      </c>
      <c r="C34" s="6">
        <v>2</v>
      </c>
      <c r="D34" s="5">
        <v>6</v>
      </c>
    </row>
    <row r="35" spans="1:4" ht="18" customHeight="1" x14ac:dyDescent="0.15">
      <c r="A35" s="8" t="s">
        <v>20</v>
      </c>
      <c r="B35" s="21">
        <v>33</v>
      </c>
      <c r="C35" s="6">
        <v>21</v>
      </c>
      <c r="D35" s="5">
        <v>54</v>
      </c>
    </row>
    <row r="36" spans="1:4" ht="18" customHeight="1" x14ac:dyDescent="0.15">
      <c r="A36" s="8">
        <v>25</v>
      </c>
      <c r="B36" s="21">
        <v>8</v>
      </c>
      <c r="C36" s="6">
        <v>6</v>
      </c>
      <c r="D36" s="5">
        <v>14</v>
      </c>
    </row>
    <row r="37" spans="1:4" ht="18" customHeight="1" x14ac:dyDescent="0.15">
      <c r="A37" s="8">
        <v>26</v>
      </c>
      <c r="B37" s="21">
        <v>7</v>
      </c>
      <c r="C37" s="6">
        <v>1</v>
      </c>
      <c r="D37" s="5">
        <v>8</v>
      </c>
    </row>
    <row r="38" spans="1:4" ht="18" customHeight="1" x14ac:dyDescent="0.15">
      <c r="A38" s="8">
        <v>27</v>
      </c>
      <c r="B38" s="21">
        <v>2</v>
      </c>
      <c r="C38" s="6">
        <v>2</v>
      </c>
      <c r="D38" s="5">
        <v>4</v>
      </c>
    </row>
    <row r="39" spans="1:4" ht="18" customHeight="1" x14ac:dyDescent="0.15">
      <c r="A39" s="8">
        <v>28</v>
      </c>
      <c r="B39" s="21">
        <v>4</v>
      </c>
      <c r="C39" s="6">
        <v>4</v>
      </c>
      <c r="D39" s="5">
        <v>8</v>
      </c>
    </row>
    <row r="40" spans="1:4" ht="18" customHeight="1" x14ac:dyDescent="0.15">
      <c r="A40" s="8">
        <v>29</v>
      </c>
      <c r="B40" s="21">
        <v>6</v>
      </c>
      <c r="C40" s="6">
        <v>4</v>
      </c>
      <c r="D40" s="5">
        <v>10</v>
      </c>
    </row>
    <row r="41" spans="1:4" ht="18" customHeight="1" x14ac:dyDescent="0.15">
      <c r="A41" s="8" t="s">
        <v>19</v>
      </c>
      <c r="B41" s="21">
        <v>27</v>
      </c>
      <c r="C41" s="6">
        <v>17</v>
      </c>
      <c r="D41" s="5">
        <v>44</v>
      </c>
    </row>
    <row r="42" spans="1:4" ht="18" customHeight="1" x14ac:dyDescent="0.15">
      <c r="A42" s="8">
        <v>30</v>
      </c>
      <c r="B42" s="21">
        <v>7</v>
      </c>
      <c r="C42" s="6">
        <v>5</v>
      </c>
      <c r="D42" s="5">
        <v>12</v>
      </c>
    </row>
    <row r="43" spans="1:4" ht="18" customHeight="1" x14ac:dyDescent="0.15">
      <c r="A43" s="8">
        <v>31</v>
      </c>
      <c r="B43" s="21">
        <v>4</v>
      </c>
      <c r="C43" s="6">
        <v>2</v>
      </c>
      <c r="D43" s="5">
        <v>6</v>
      </c>
    </row>
    <row r="44" spans="1:4" ht="18" customHeight="1" x14ac:dyDescent="0.15">
      <c r="A44" s="8">
        <v>32</v>
      </c>
      <c r="B44" s="21">
        <v>4</v>
      </c>
      <c r="C44" s="6">
        <v>4</v>
      </c>
      <c r="D44" s="5">
        <v>8</v>
      </c>
    </row>
    <row r="45" spans="1:4" ht="18" customHeight="1" x14ac:dyDescent="0.15">
      <c r="A45" s="8">
        <v>33</v>
      </c>
      <c r="B45" s="21">
        <v>8</v>
      </c>
      <c r="C45" s="6">
        <v>10</v>
      </c>
      <c r="D45" s="5">
        <v>18</v>
      </c>
    </row>
    <row r="46" spans="1:4" ht="18" customHeight="1" x14ac:dyDescent="0.15">
      <c r="A46" s="8">
        <v>34</v>
      </c>
      <c r="B46" s="21">
        <v>4</v>
      </c>
      <c r="C46" s="6">
        <v>6</v>
      </c>
      <c r="D46" s="5">
        <v>10</v>
      </c>
    </row>
    <row r="47" spans="1:4" ht="18" customHeight="1" x14ac:dyDescent="0.15">
      <c r="A47" s="8" t="s">
        <v>18</v>
      </c>
      <c r="B47" s="21">
        <v>27</v>
      </c>
      <c r="C47" s="6">
        <v>27</v>
      </c>
      <c r="D47" s="5">
        <v>54</v>
      </c>
    </row>
    <row r="48" spans="1:4" ht="18" customHeight="1" x14ac:dyDescent="0.15">
      <c r="A48" s="8">
        <v>35</v>
      </c>
      <c r="B48" s="21">
        <v>11</v>
      </c>
      <c r="C48" s="6">
        <v>4</v>
      </c>
      <c r="D48" s="5">
        <v>15</v>
      </c>
    </row>
    <row r="49" spans="1:4" ht="18" customHeight="1" x14ac:dyDescent="0.15">
      <c r="A49" s="8">
        <v>36</v>
      </c>
      <c r="B49" s="21">
        <v>5</v>
      </c>
      <c r="C49" s="6">
        <v>8</v>
      </c>
      <c r="D49" s="5">
        <v>13</v>
      </c>
    </row>
    <row r="50" spans="1:4" ht="18" customHeight="1" x14ac:dyDescent="0.15">
      <c r="A50" s="8">
        <v>37</v>
      </c>
      <c r="B50" s="21">
        <v>10</v>
      </c>
      <c r="C50" s="6">
        <v>5</v>
      </c>
      <c r="D50" s="5">
        <v>15</v>
      </c>
    </row>
    <row r="51" spans="1:4" ht="18" customHeight="1" x14ac:dyDescent="0.15">
      <c r="A51" s="8">
        <v>38</v>
      </c>
      <c r="B51" s="21">
        <v>7</v>
      </c>
      <c r="C51" s="6">
        <v>3</v>
      </c>
      <c r="D51" s="5">
        <v>10</v>
      </c>
    </row>
    <row r="52" spans="1:4" ht="18" customHeight="1" x14ac:dyDescent="0.15">
      <c r="A52" s="8">
        <v>39</v>
      </c>
      <c r="B52" s="21">
        <v>11</v>
      </c>
      <c r="C52" s="6">
        <v>8</v>
      </c>
      <c r="D52" s="5">
        <v>19</v>
      </c>
    </row>
    <row r="53" spans="1:4" ht="18" customHeight="1" x14ac:dyDescent="0.15">
      <c r="A53" s="8" t="s">
        <v>17</v>
      </c>
      <c r="B53" s="21">
        <v>44</v>
      </c>
      <c r="C53" s="6">
        <v>28</v>
      </c>
      <c r="D53" s="5">
        <v>72</v>
      </c>
    </row>
    <row r="54" spans="1:4" ht="18" customHeight="1" x14ac:dyDescent="0.15">
      <c r="A54" s="8">
        <v>40</v>
      </c>
      <c r="B54" s="21">
        <v>11</v>
      </c>
      <c r="C54" s="6">
        <v>10</v>
      </c>
      <c r="D54" s="5">
        <v>21</v>
      </c>
    </row>
    <row r="55" spans="1:4" ht="18" customHeight="1" x14ac:dyDescent="0.15">
      <c r="A55" s="8">
        <v>41</v>
      </c>
      <c r="B55" s="21">
        <v>10</v>
      </c>
      <c r="C55" s="6">
        <v>7</v>
      </c>
      <c r="D55" s="5">
        <v>17</v>
      </c>
    </row>
    <row r="56" spans="1:4" ht="18" customHeight="1" x14ac:dyDescent="0.15">
      <c r="A56" s="8">
        <v>42</v>
      </c>
      <c r="B56" s="21">
        <v>6</v>
      </c>
      <c r="C56" s="6">
        <v>7</v>
      </c>
      <c r="D56" s="5">
        <v>13</v>
      </c>
    </row>
    <row r="57" spans="1:4" ht="18" customHeight="1" x14ac:dyDescent="0.15">
      <c r="A57" s="8">
        <v>43</v>
      </c>
      <c r="B57" s="21">
        <v>8</v>
      </c>
      <c r="C57" s="6">
        <v>1</v>
      </c>
      <c r="D57" s="5">
        <v>9</v>
      </c>
    </row>
    <row r="58" spans="1:4" ht="18" customHeight="1" x14ac:dyDescent="0.15">
      <c r="A58" s="8">
        <v>44</v>
      </c>
      <c r="B58" s="21">
        <v>7</v>
      </c>
      <c r="C58" s="6">
        <v>9</v>
      </c>
      <c r="D58" s="5">
        <v>16</v>
      </c>
    </row>
    <row r="59" spans="1:4" ht="18" customHeight="1" x14ac:dyDescent="0.15">
      <c r="A59" s="8" t="s">
        <v>16</v>
      </c>
      <c r="B59" s="21">
        <v>42</v>
      </c>
      <c r="C59" s="6">
        <v>34</v>
      </c>
      <c r="D59" s="5">
        <v>76</v>
      </c>
    </row>
    <row r="60" spans="1:4" ht="18" customHeight="1" x14ac:dyDescent="0.15">
      <c r="A60" s="8">
        <v>45</v>
      </c>
      <c r="B60" s="21">
        <v>6</v>
      </c>
      <c r="C60" s="6">
        <v>4</v>
      </c>
      <c r="D60" s="5">
        <v>10</v>
      </c>
    </row>
    <row r="61" spans="1:4" ht="18" customHeight="1" x14ac:dyDescent="0.15">
      <c r="A61" s="8">
        <v>46</v>
      </c>
      <c r="B61" s="21">
        <v>17</v>
      </c>
      <c r="C61" s="6">
        <v>6</v>
      </c>
      <c r="D61" s="5">
        <v>23</v>
      </c>
    </row>
    <row r="62" spans="1:4" ht="18" customHeight="1" x14ac:dyDescent="0.15">
      <c r="A62" s="8">
        <v>47</v>
      </c>
      <c r="B62" s="21">
        <v>7</v>
      </c>
      <c r="C62" s="6">
        <v>14</v>
      </c>
      <c r="D62" s="5">
        <v>21</v>
      </c>
    </row>
    <row r="63" spans="1:4" ht="18" customHeight="1" x14ac:dyDescent="0.15">
      <c r="A63" s="8">
        <v>48</v>
      </c>
      <c r="B63" s="21">
        <v>14</v>
      </c>
      <c r="C63" s="6">
        <v>8</v>
      </c>
      <c r="D63" s="5">
        <v>22</v>
      </c>
    </row>
    <row r="64" spans="1:4" ht="18" customHeight="1" x14ac:dyDescent="0.15">
      <c r="A64" s="8">
        <v>49</v>
      </c>
      <c r="B64" s="21">
        <v>11</v>
      </c>
      <c r="C64" s="6">
        <v>11</v>
      </c>
      <c r="D64" s="5">
        <v>22</v>
      </c>
    </row>
    <row r="65" spans="1:4" ht="18" customHeight="1" x14ac:dyDescent="0.15">
      <c r="A65" s="8" t="s">
        <v>15</v>
      </c>
      <c r="B65" s="21">
        <v>55</v>
      </c>
      <c r="C65" s="6">
        <v>43</v>
      </c>
      <c r="D65" s="5">
        <v>98</v>
      </c>
    </row>
    <row r="66" spans="1:4" ht="18" customHeight="1" x14ac:dyDescent="0.15">
      <c r="A66" s="8">
        <v>50</v>
      </c>
      <c r="B66" s="21">
        <v>17</v>
      </c>
      <c r="C66" s="6">
        <v>7</v>
      </c>
      <c r="D66" s="5">
        <v>24</v>
      </c>
    </row>
    <row r="67" spans="1:4" ht="18" customHeight="1" x14ac:dyDescent="0.15">
      <c r="A67" s="8">
        <v>51</v>
      </c>
      <c r="B67" s="21">
        <v>16</v>
      </c>
      <c r="C67" s="6">
        <v>18</v>
      </c>
      <c r="D67" s="5">
        <v>34</v>
      </c>
    </row>
    <row r="68" spans="1:4" ht="18" customHeight="1" x14ac:dyDescent="0.15">
      <c r="A68" s="8">
        <v>52</v>
      </c>
      <c r="B68" s="21">
        <v>14</v>
      </c>
      <c r="C68" s="6">
        <v>15</v>
      </c>
      <c r="D68" s="5">
        <v>29</v>
      </c>
    </row>
    <row r="69" spans="1:4" ht="18" customHeight="1" x14ac:dyDescent="0.15">
      <c r="A69" s="8">
        <v>53</v>
      </c>
      <c r="B69" s="21">
        <v>14</v>
      </c>
      <c r="C69" s="6">
        <v>9</v>
      </c>
      <c r="D69" s="5">
        <v>23</v>
      </c>
    </row>
    <row r="70" spans="1:4" ht="18" customHeight="1" x14ac:dyDescent="0.15">
      <c r="A70" s="8">
        <v>54</v>
      </c>
      <c r="B70" s="21">
        <v>10</v>
      </c>
      <c r="C70" s="6">
        <v>14</v>
      </c>
      <c r="D70" s="5">
        <v>24</v>
      </c>
    </row>
    <row r="71" spans="1:4" ht="18" customHeight="1" x14ac:dyDescent="0.15">
      <c r="A71" s="8" t="s">
        <v>14</v>
      </c>
      <c r="B71" s="21">
        <v>71</v>
      </c>
      <c r="C71" s="6">
        <v>63</v>
      </c>
      <c r="D71" s="5">
        <v>134</v>
      </c>
    </row>
    <row r="72" spans="1:4" ht="18" customHeight="1" x14ac:dyDescent="0.15">
      <c r="A72" s="8">
        <v>55</v>
      </c>
      <c r="B72" s="21">
        <v>13</v>
      </c>
      <c r="C72" s="6">
        <v>12</v>
      </c>
      <c r="D72" s="5">
        <v>25</v>
      </c>
    </row>
    <row r="73" spans="1:4" ht="18" customHeight="1" x14ac:dyDescent="0.15">
      <c r="A73" s="8">
        <v>56</v>
      </c>
      <c r="B73" s="21">
        <v>13</v>
      </c>
      <c r="C73" s="6">
        <v>8</v>
      </c>
      <c r="D73" s="5">
        <v>21</v>
      </c>
    </row>
    <row r="74" spans="1:4" ht="18" customHeight="1" x14ac:dyDescent="0.15">
      <c r="A74" s="8">
        <v>57</v>
      </c>
      <c r="B74" s="21">
        <v>12</v>
      </c>
      <c r="C74" s="6">
        <v>10</v>
      </c>
      <c r="D74" s="5">
        <v>22</v>
      </c>
    </row>
    <row r="75" spans="1:4" ht="18" customHeight="1" x14ac:dyDescent="0.15">
      <c r="A75" s="8">
        <v>58</v>
      </c>
      <c r="B75" s="21">
        <v>12</v>
      </c>
      <c r="C75" s="6">
        <v>10</v>
      </c>
      <c r="D75" s="5">
        <v>22</v>
      </c>
    </row>
    <row r="76" spans="1:4" ht="18" customHeight="1" x14ac:dyDescent="0.15">
      <c r="A76" s="8">
        <v>59</v>
      </c>
      <c r="B76" s="21">
        <v>9</v>
      </c>
      <c r="C76" s="6">
        <v>11</v>
      </c>
      <c r="D76" s="5">
        <v>20</v>
      </c>
    </row>
    <row r="77" spans="1:4" ht="18" customHeight="1" x14ac:dyDescent="0.15">
      <c r="A77" s="8" t="s">
        <v>13</v>
      </c>
      <c r="B77" s="21">
        <v>59</v>
      </c>
      <c r="C77" s="6">
        <v>51</v>
      </c>
      <c r="D77" s="5">
        <v>110</v>
      </c>
    </row>
    <row r="78" spans="1:4" ht="18" customHeight="1" x14ac:dyDescent="0.15">
      <c r="A78" s="8">
        <v>60</v>
      </c>
      <c r="B78" s="21">
        <v>15</v>
      </c>
      <c r="C78" s="6">
        <v>16</v>
      </c>
      <c r="D78" s="5">
        <v>31</v>
      </c>
    </row>
    <row r="79" spans="1:4" ht="18" customHeight="1" x14ac:dyDescent="0.15">
      <c r="A79" s="8">
        <v>61</v>
      </c>
      <c r="B79" s="21">
        <v>5</v>
      </c>
      <c r="C79" s="6">
        <v>12</v>
      </c>
      <c r="D79" s="5">
        <v>17</v>
      </c>
    </row>
    <row r="80" spans="1:4" ht="18" customHeight="1" x14ac:dyDescent="0.15">
      <c r="A80" s="8">
        <v>62</v>
      </c>
      <c r="B80" s="21">
        <v>9</v>
      </c>
      <c r="C80" s="6">
        <v>9</v>
      </c>
      <c r="D80" s="5">
        <v>18</v>
      </c>
    </row>
    <row r="81" spans="1:4" ht="18" customHeight="1" x14ac:dyDescent="0.15">
      <c r="A81" s="8">
        <v>63</v>
      </c>
      <c r="B81" s="21">
        <v>6</v>
      </c>
      <c r="C81" s="6">
        <v>17</v>
      </c>
      <c r="D81" s="5">
        <v>23</v>
      </c>
    </row>
    <row r="82" spans="1:4" ht="18" customHeight="1" x14ac:dyDescent="0.15">
      <c r="A82" s="8">
        <v>64</v>
      </c>
      <c r="B82" s="21">
        <v>15</v>
      </c>
      <c r="C82" s="6">
        <v>10</v>
      </c>
      <c r="D82" s="5">
        <v>25</v>
      </c>
    </row>
    <row r="83" spans="1:4" ht="18" customHeight="1" x14ac:dyDescent="0.15">
      <c r="A83" s="8" t="s">
        <v>12</v>
      </c>
      <c r="B83" s="21">
        <v>50</v>
      </c>
      <c r="C83" s="6">
        <v>64</v>
      </c>
      <c r="D83" s="5">
        <v>114</v>
      </c>
    </row>
    <row r="84" spans="1:4" ht="18" customHeight="1" x14ac:dyDescent="0.15">
      <c r="A84" s="8" t="s">
        <v>11</v>
      </c>
      <c r="B84" s="21">
        <v>445</v>
      </c>
      <c r="C84" s="6">
        <v>373</v>
      </c>
      <c r="D84" s="5">
        <v>818</v>
      </c>
    </row>
    <row r="85" spans="1:4" ht="18" customHeight="1" x14ac:dyDescent="0.15">
      <c r="A85" s="8">
        <v>65</v>
      </c>
      <c r="B85" s="21">
        <v>16</v>
      </c>
      <c r="C85" s="6">
        <v>13</v>
      </c>
      <c r="D85" s="5">
        <v>29</v>
      </c>
    </row>
    <row r="86" spans="1:4" ht="18" customHeight="1" x14ac:dyDescent="0.15">
      <c r="A86" s="8">
        <v>66</v>
      </c>
      <c r="B86" s="21">
        <v>11</v>
      </c>
      <c r="C86" s="6">
        <v>8</v>
      </c>
      <c r="D86" s="5">
        <v>19</v>
      </c>
    </row>
    <row r="87" spans="1:4" ht="18" customHeight="1" x14ac:dyDescent="0.15">
      <c r="A87" s="8">
        <v>67</v>
      </c>
      <c r="B87" s="21">
        <v>14</v>
      </c>
      <c r="C87" s="6">
        <v>16</v>
      </c>
      <c r="D87" s="5">
        <v>30</v>
      </c>
    </row>
    <row r="88" spans="1:4" ht="18" customHeight="1" x14ac:dyDescent="0.15">
      <c r="A88" s="8">
        <v>68</v>
      </c>
      <c r="B88" s="21">
        <v>12</v>
      </c>
      <c r="C88" s="6">
        <v>14</v>
      </c>
      <c r="D88" s="5">
        <v>26</v>
      </c>
    </row>
    <row r="89" spans="1:4" ht="18" customHeight="1" x14ac:dyDescent="0.15">
      <c r="A89" s="8">
        <v>69</v>
      </c>
      <c r="B89" s="21">
        <v>13</v>
      </c>
      <c r="C89" s="6">
        <v>11</v>
      </c>
      <c r="D89" s="5">
        <v>24</v>
      </c>
    </row>
    <row r="90" spans="1:4" ht="18" customHeight="1" x14ac:dyDescent="0.15">
      <c r="A90" s="8" t="s">
        <v>10</v>
      </c>
      <c r="B90" s="21">
        <v>66</v>
      </c>
      <c r="C90" s="6">
        <v>62</v>
      </c>
      <c r="D90" s="5">
        <v>128</v>
      </c>
    </row>
    <row r="91" spans="1:4" ht="18" customHeight="1" x14ac:dyDescent="0.15">
      <c r="A91" s="8">
        <v>70</v>
      </c>
      <c r="B91" s="21">
        <v>15</v>
      </c>
      <c r="C91" s="6">
        <v>10</v>
      </c>
      <c r="D91" s="5">
        <v>25</v>
      </c>
    </row>
    <row r="92" spans="1:4" ht="18" customHeight="1" x14ac:dyDescent="0.15">
      <c r="A92" s="8">
        <v>71</v>
      </c>
      <c r="B92" s="21">
        <v>8</v>
      </c>
      <c r="C92" s="6">
        <v>15</v>
      </c>
      <c r="D92" s="5">
        <v>23</v>
      </c>
    </row>
    <row r="93" spans="1:4" ht="18" customHeight="1" x14ac:dyDescent="0.15">
      <c r="A93" s="8">
        <v>72</v>
      </c>
      <c r="B93" s="21">
        <v>13</v>
      </c>
      <c r="C93" s="6">
        <v>16</v>
      </c>
      <c r="D93" s="5">
        <v>29</v>
      </c>
    </row>
    <row r="94" spans="1:4" ht="18" customHeight="1" x14ac:dyDescent="0.15">
      <c r="A94" s="8">
        <v>73</v>
      </c>
      <c r="B94" s="21">
        <v>16</v>
      </c>
      <c r="C94" s="6">
        <v>21</v>
      </c>
      <c r="D94" s="5">
        <v>37</v>
      </c>
    </row>
    <row r="95" spans="1:4" ht="18" customHeight="1" x14ac:dyDescent="0.15">
      <c r="A95" s="8">
        <v>74</v>
      </c>
      <c r="B95" s="21">
        <v>24</v>
      </c>
      <c r="C95" s="6">
        <v>17</v>
      </c>
      <c r="D95" s="5">
        <v>41</v>
      </c>
    </row>
    <row r="96" spans="1:4" ht="18" customHeight="1" x14ac:dyDescent="0.15">
      <c r="A96" s="8" t="s">
        <v>9</v>
      </c>
      <c r="B96" s="21">
        <v>76</v>
      </c>
      <c r="C96" s="6">
        <v>79</v>
      </c>
      <c r="D96" s="5">
        <v>155</v>
      </c>
    </row>
    <row r="97" spans="1:4" ht="18" customHeight="1" x14ac:dyDescent="0.15">
      <c r="A97" s="8">
        <v>75</v>
      </c>
      <c r="B97" s="21">
        <v>19</v>
      </c>
      <c r="C97" s="6">
        <v>19</v>
      </c>
      <c r="D97" s="5">
        <v>38</v>
      </c>
    </row>
    <row r="98" spans="1:4" ht="18" customHeight="1" x14ac:dyDescent="0.15">
      <c r="A98" s="8">
        <v>76</v>
      </c>
      <c r="B98" s="21">
        <v>18</v>
      </c>
      <c r="C98" s="6">
        <v>26</v>
      </c>
      <c r="D98" s="5">
        <v>44</v>
      </c>
    </row>
    <row r="99" spans="1:4" ht="18" customHeight="1" x14ac:dyDescent="0.15">
      <c r="A99" s="8">
        <v>77</v>
      </c>
      <c r="B99" s="21">
        <v>22</v>
      </c>
      <c r="C99" s="6">
        <v>31</v>
      </c>
      <c r="D99" s="5">
        <v>53</v>
      </c>
    </row>
    <row r="100" spans="1:4" ht="18" customHeight="1" x14ac:dyDescent="0.15">
      <c r="A100" s="8">
        <v>78</v>
      </c>
      <c r="B100" s="21">
        <v>30</v>
      </c>
      <c r="C100" s="6">
        <v>37</v>
      </c>
      <c r="D100" s="5">
        <v>67</v>
      </c>
    </row>
    <row r="101" spans="1:4" ht="18" customHeight="1" x14ac:dyDescent="0.15">
      <c r="A101" s="8">
        <v>79</v>
      </c>
      <c r="B101" s="21">
        <v>8</v>
      </c>
      <c r="C101" s="6">
        <v>15</v>
      </c>
      <c r="D101" s="5">
        <v>23</v>
      </c>
    </row>
    <row r="102" spans="1:4" ht="18" customHeight="1" x14ac:dyDescent="0.15">
      <c r="A102" s="8" t="s">
        <v>8</v>
      </c>
      <c r="B102" s="21">
        <v>97</v>
      </c>
      <c r="C102" s="6">
        <v>128</v>
      </c>
      <c r="D102" s="5">
        <v>225</v>
      </c>
    </row>
    <row r="103" spans="1:4" ht="18" customHeight="1" x14ac:dyDescent="0.15">
      <c r="A103" s="8">
        <v>80</v>
      </c>
      <c r="B103" s="21">
        <v>10</v>
      </c>
      <c r="C103" s="6">
        <v>16</v>
      </c>
      <c r="D103" s="5">
        <v>26</v>
      </c>
    </row>
    <row r="104" spans="1:4" ht="18" customHeight="1" x14ac:dyDescent="0.15">
      <c r="A104" s="8">
        <v>81</v>
      </c>
      <c r="B104" s="21">
        <v>14</v>
      </c>
      <c r="C104" s="6">
        <v>11</v>
      </c>
      <c r="D104" s="5">
        <v>25</v>
      </c>
    </row>
    <row r="105" spans="1:4" ht="18" customHeight="1" x14ac:dyDescent="0.15">
      <c r="A105" s="8">
        <v>82</v>
      </c>
      <c r="B105" s="21">
        <v>11</v>
      </c>
      <c r="C105" s="6">
        <v>14</v>
      </c>
      <c r="D105" s="5">
        <v>25</v>
      </c>
    </row>
    <row r="106" spans="1:4" ht="18" customHeight="1" x14ac:dyDescent="0.15">
      <c r="A106" s="8">
        <v>83</v>
      </c>
      <c r="B106" s="21">
        <v>19</v>
      </c>
      <c r="C106" s="6">
        <v>17</v>
      </c>
      <c r="D106" s="5">
        <v>36</v>
      </c>
    </row>
    <row r="107" spans="1:4" ht="18" customHeight="1" x14ac:dyDescent="0.15">
      <c r="A107" s="8">
        <v>84</v>
      </c>
      <c r="B107" s="21">
        <v>8</v>
      </c>
      <c r="C107" s="6">
        <v>11</v>
      </c>
      <c r="D107" s="5">
        <v>19</v>
      </c>
    </row>
    <row r="108" spans="1:4" ht="18" customHeight="1" x14ac:dyDescent="0.15">
      <c r="A108" s="8" t="s">
        <v>7</v>
      </c>
      <c r="B108" s="21">
        <v>62</v>
      </c>
      <c r="C108" s="6">
        <v>69</v>
      </c>
      <c r="D108" s="5">
        <v>131</v>
      </c>
    </row>
    <row r="109" spans="1:4" ht="18" customHeight="1" x14ac:dyDescent="0.15">
      <c r="A109" s="8">
        <v>85</v>
      </c>
      <c r="B109" s="21">
        <v>9</v>
      </c>
      <c r="C109" s="6">
        <v>17</v>
      </c>
      <c r="D109" s="5">
        <v>26</v>
      </c>
    </row>
    <row r="110" spans="1:4" ht="18" customHeight="1" x14ac:dyDescent="0.15">
      <c r="A110" s="8">
        <v>86</v>
      </c>
      <c r="B110" s="21">
        <v>6</v>
      </c>
      <c r="C110" s="6">
        <v>10</v>
      </c>
      <c r="D110" s="5">
        <v>16</v>
      </c>
    </row>
    <row r="111" spans="1:4" ht="18" customHeight="1" x14ac:dyDescent="0.15">
      <c r="A111" s="8">
        <v>87</v>
      </c>
      <c r="B111" s="21">
        <v>3</v>
      </c>
      <c r="C111" s="6">
        <v>9</v>
      </c>
      <c r="D111" s="5">
        <v>12</v>
      </c>
    </row>
    <row r="112" spans="1:4" ht="18" customHeight="1" x14ac:dyDescent="0.15">
      <c r="A112" s="8">
        <v>88</v>
      </c>
      <c r="B112" s="21">
        <v>5</v>
      </c>
      <c r="C112" s="6">
        <v>8</v>
      </c>
      <c r="D112" s="5">
        <v>13</v>
      </c>
    </row>
    <row r="113" spans="1:4" ht="18" customHeight="1" x14ac:dyDescent="0.15">
      <c r="A113" s="8">
        <v>89</v>
      </c>
      <c r="B113" s="21">
        <v>5</v>
      </c>
      <c r="C113" s="6">
        <v>14</v>
      </c>
      <c r="D113" s="5">
        <v>19</v>
      </c>
    </row>
    <row r="114" spans="1:4" ht="18" customHeight="1" x14ac:dyDescent="0.15">
      <c r="A114" s="8" t="s">
        <v>6</v>
      </c>
      <c r="B114" s="21">
        <v>28</v>
      </c>
      <c r="C114" s="6">
        <v>58</v>
      </c>
      <c r="D114" s="5">
        <v>86</v>
      </c>
    </row>
    <row r="115" spans="1:4" ht="18" customHeight="1" x14ac:dyDescent="0.15">
      <c r="A115" s="8">
        <v>90</v>
      </c>
      <c r="B115" s="21">
        <v>3</v>
      </c>
      <c r="C115" s="6">
        <v>5</v>
      </c>
      <c r="D115" s="5">
        <v>8</v>
      </c>
    </row>
    <row r="116" spans="1:4" ht="18" customHeight="1" x14ac:dyDescent="0.15">
      <c r="A116" s="8">
        <v>91</v>
      </c>
      <c r="B116" s="21">
        <v>4</v>
      </c>
      <c r="C116" s="6">
        <v>5</v>
      </c>
      <c r="D116" s="5">
        <v>9</v>
      </c>
    </row>
    <row r="117" spans="1:4" ht="18" customHeight="1" x14ac:dyDescent="0.15">
      <c r="A117" s="8">
        <v>92</v>
      </c>
      <c r="B117" s="21">
        <v>1</v>
      </c>
      <c r="C117" s="6">
        <v>11</v>
      </c>
      <c r="D117" s="5">
        <v>12</v>
      </c>
    </row>
    <row r="118" spans="1:4" ht="18" customHeight="1" x14ac:dyDescent="0.15">
      <c r="A118" s="8">
        <v>93</v>
      </c>
      <c r="B118" s="21">
        <v>2</v>
      </c>
      <c r="C118" s="6">
        <v>3</v>
      </c>
      <c r="D118" s="5">
        <v>5</v>
      </c>
    </row>
    <row r="119" spans="1:4" ht="18" customHeight="1" x14ac:dyDescent="0.15">
      <c r="A119" s="8">
        <v>94</v>
      </c>
      <c r="B119" s="21">
        <v>3</v>
      </c>
      <c r="C119" s="6">
        <v>7</v>
      </c>
      <c r="D119" s="5">
        <v>10</v>
      </c>
    </row>
    <row r="120" spans="1:4" ht="18" customHeight="1" x14ac:dyDescent="0.15">
      <c r="A120" s="8" t="s">
        <v>5</v>
      </c>
      <c r="B120" s="21">
        <v>13</v>
      </c>
      <c r="C120" s="6">
        <v>31</v>
      </c>
      <c r="D120" s="5">
        <v>44</v>
      </c>
    </row>
    <row r="121" spans="1:4" ht="18" customHeight="1" x14ac:dyDescent="0.15">
      <c r="A121" s="8">
        <v>95</v>
      </c>
      <c r="B121" s="21">
        <v>1</v>
      </c>
      <c r="C121" s="6">
        <v>1</v>
      </c>
      <c r="D121" s="5">
        <v>2</v>
      </c>
    </row>
    <row r="122" spans="1:4" ht="18" customHeight="1" x14ac:dyDescent="0.15">
      <c r="A122" s="8">
        <v>96</v>
      </c>
      <c r="B122" s="21">
        <v>1</v>
      </c>
      <c r="C122" s="6">
        <v>2</v>
      </c>
      <c r="D122" s="5">
        <v>3</v>
      </c>
    </row>
    <row r="123" spans="1:4" ht="18" customHeight="1" x14ac:dyDescent="0.15">
      <c r="A123" s="8">
        <v>97</v>
      </c>
      <c r="B123" s="21">
        <v>2</v>
      </c>
      <c r="C123" s="6">
        <v>1</v>
      </c>
      <c r="D123" s="5">
        <v>3</v>
      </c>
    </row>
    <row r="124" spans="1:4" ht="18" customHeight="1" x14ac:dyDescent="0.15">
      <c r="A124" s="8">
        <v>98</v>
      </c>
      <c r="B124" s="21">
        <v>1</v>
      </c>
      <c r="C124" s="6">
        <v>5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5</v>
      </c>
      <c r="C126" s="6">
        <v>10</v>
      </c>
      <c r="D126" s="5">
        <v>15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347</v>
      </c>
      <c r="C130" s="6">
        <v>438</v>
      </c>
      <c r="D130" s="5">
        <v>785</v>
      </c>
    </row>
    <row r="131" spans="1:4" ht="18" customHeight="1" x14ac:dyDescent="0.15">
      <c r="A131" s="4" t="s">
        <v>0</v>
      </c>
      <c r="B131" s="20">
        <v>853</v>
      </c>
      <c r="C131" s="2">
        <v>874</v>
      </c>
      <c r="D131" s="1">
        <v>172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97C416F-289A-4CDC-8174-F41C04CE81B9}">
  <sheetPr codeName="Sheet5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3</v>
      </c>
      <c r="C5" s="11">
        <v>9</v>
      </c>
      <c r="D5" s="10">
        <v>22</v>
      </c>
    </row>
    <row r="6" spans="1:4" ht="18" customHeight="1" x14ac:dyDescent="0.15">
      <c r="A6" s="8">
        <v>1</v>
      </c>
      <c r="B6" s="21">
        <v>7</v>
      </c>
      <c r="C6" s="6">
        <v>12</v>
      </c>
      <c r="D6" s="5">
        <v>19</v>
      </c>
    </row>
    <row r="7" spans="1:4" ht="18" customHeight="1" x14ac:dyDescent="0.15">
      <c r="A7" s="8">
        <v>2</v>
      </c>
      <c r="B7" s="21">
        <v>7</v>
      </c>
      <c r="C7" s="6">
        <v>9</v>
      </c>
      <c r="D7" s="5">
        <v>16</v>
      </c>
    </row>
    <row r="8" spans="1:4" ht="18" customHeight="1" x14ac:dyDescent="0.15">
      <c r="A8" s="8">
        <v>3</v>
      </c>
      <c r="B8" s="21">
        <v>7</v>
      </c>
      <c r="C8" s="6">
        <v>9</v>
      </c>
      <c r="D8" s="5">
        <v>16</v>
      </c>
    </row>
    <row r="9" spans="1:4" ht="18" customHeight="1" x14ac:dyDescent="0.15">
      <c r="A9" s="8">
        <v>4</v>
      </c>
      <c r="B9" s="21">
        <v>13</v>
      </c>
      <c r="C9" s="6">
        <v>12</v>
      </c>
      <c r="D9" s="5">
        <v>25</v>
      </c>
    </row>
    <row r="10" spans="1:4" ht="18" customHeight="1" x14ac:dyDescent="0.15">
      <c r="A10" s="8" t="s">
        <v>25</v>
      </c>
      <c r="B10" s="21">
        <v>47</v>
      </c>
      <c r="C10" s="6">
        <v>51</v>
      </c>
      <c r="D10" s="5">
        <v>98</v>
      </c>
    </row>
    <row r="11" spans="1:4" ht="18" customHeight="1" x14ac:dyDescent="0.15">
      <c r="A11" s="8">
        <v>5</v>
      </c>
      <c r="B11" s="21">
        <v>10</v>
      </c>
      <c r="C11" s="6">
        <v>7</v>
      </c>
      <c r="D11" s="5">
        <v>17</v>
      </c>
    </row>
    <row r="12" spans="1:4" ht="18" customHeight="1" x14ac:dyDescent="0.15">
      <c r="A12" s="8">
        <v>6</v>
      </c>
      <c r="B12" s="21">
        <v>6</v>
      </c>
      <c r="C12" s="6">
        <v>10</v>
      </c>
      <c r="D12" s="5">
        <v>16</v>
      </c>
    </row>
    <row r="13" spans="1:4" ht="18" customHeight="1" x14ac:dyDescent="0.15">
      <c r="A13" s="8">
        <v>7</v>
      </c>
      <c r="B13" s="21">
        <v>16</v>
      </c>
      <c r="C13" s="6">
        <v>6</v>
      </c>
      <c r="D13" s="5">
        <v>22</v>
      </c>
    </row>
    <row r="14" spans="1:4" ht="18" customHeight="1" x14ac:dyDescent="0.15">
      <c r="A14" s="8">
        <v>8</v>
      </c>
      <c r="B14" s="21">
        <v>6</v>
      </c>
      <c r="C14" s="6">
        <v>10</v>
      </c>
      <c r="D14" s="5">
        <v>16</v>
      </c>
    </row>
    <row r="15" spans="1:4" ht="18" customHeight="1" x14ac:dyDescent="0.15">
      <c r="A15" s="8">
        <v>9</v>
      </c>
      <c r="B15" s="21">
        <v>12</v>
      </c>
      <c r="C15" s="6">
        <v>13</v>
      </c>
      <c r="D15" s="5">
        <v>25</v>
      </c>
    </row>
    <row r="16" spans="1:4" ht="18" customHeight="1" x14ac:dyDescent="0.15">
      <c r="A16" s="8" t="s">
        <v>24</v>
      </c>
      <c r="B16" s="21">
        <v>50</v>
      </c>
      <c r="C16" s="6">
        <v>46</v>
      </c>
      <c r="D16" s="5">
        <v>96</v>
      </c>
    </row>
    <row r="17" spans="1:4" ht="18" customHeight="1" x14ac:dyDescent="0.15">
      <c r="A17" s="8">
        <v>10</v>
      </c>
      <c r="B17" s="21">
        <v>16</v>
      </c>
      <c r="C17" s="6">
        <v>8</v>
      </c>
      <c r="D17" s="5">
        <v>24</v>
      </c>
    </row>
    <row r="18" spans="1:4" ht="18" customHeight="1" x14ac:dyDescent="0.15">
      <c r="A18" s="8">
        <v>11</v>
      </c>
      <c r="B18" s="21">
        <v>10</v>
      </c>
      <c r="C18" s="6">
        <v>11</v>
      </c>
      <c r="D18" s="5">
        <v>21</v>
      </c>
    </row>
    <row r="19" spans="1:4" ht="18" customHeight="1" x14ac:dyDescent="0.15">
      <c r="A19" s="8">
        <v>12</v>
      </c>
      <c r="B19" s="21">
        <v>8</v>
      </c>
      <c r="C19" s="6">
        <v>11</v>
      </c>
      <c r="D19" s="5">
        <v>19</v>
      </c>
    </row>
    <row r="20" spans="1:4" ht="18" customHeight="1" x14ac:dyDescent="0.15">
      <c r="A20" s="8">
        <v>13</v>
      </c>
      <c r="B20" s="21">
        <v>9</v>
      </c>
      <c r="C20" s="6">
        <v>10</v>
      </c>
      <c r="D20" s="5">
        <v>19</v>
      </c>
    </row>
    <row r="21" spans="1:4" ht="18" customHeight="1" x14ac:dyDescent="0.15">
      <c r="A21" s="8">
        <v>14</v>
      </c>
      <c r="B21" s="21">
        <v>17</v>
      </c>
      <c r="C21" s="6">
        <v>14</v>
      </c>
      <c r="D21" s="5">
        <v>31</v>
      </c>
    </row>
    <row r="22" spans="1:4" ht="18" customHeight="1" x14ac:dyDescent="0.15">
      <c r="A22" s="8" t="s">
        <v>23</v>
      </c>
      <c r="B22" s="21">
        <v>60</v>
      </c>
      <c r="C22" s="6">
        <v>54</v>
      </c>
      <c r="D22" s="5">
        <v>114</v>
      </c>
    </row>
    <row r="23" spans="1:4" ht="18" customHeight="1" x14ac:dyDescent="0.15">
      <c r="A23" s="8" t="s">
        <v>22</v>
      </c>
      <c r="B23" s="21">
        <v>157</v>
      </c>
      <c r="C23" s="6">
        <v>151</v>
      </c>
      <c r="D23" s="5">
        <v>308</v>
      </c>
    </row>
    <row r="24" spans="1:4" ht="18" customHeight="1" x14ac:dyDescent="0.15">
      <c r="A24" s="8">
        <v>15</v>
      </c>
      <c r="B24" s="21">
        <v>17</v>
      </c>
      <c r="C24" s="6">
        <v>5</v>
      </c>
      <c r="D24" s="5">
        <v>22</v>
      </c>
    </row>
    <row r="25" spans="1:4" ht="18" customHeight="1" x14ac:dyDescent="0.15">
      <c r="A25" s="8">
        <v>16</v>
      </c>
      <c r="B25" s="21">
        <v>8</v>
      </c>
      <c r="C25" s="6">
        <v>15</v>
      </c>
      <c r="D25" s="5">
        <v>23</v>
      </c>
    </row>
    <row r="26" spans="1:4" ht="18" customHeight="1" x14ac:dyDescent="0.15">
      <c r="A26" s="8">
        <v>17</v>
      </c>
      <c r="B26" s="21">
        <v>15</v>
      </c>
      <c r="C26" s="6">
        <v>21</v>
      </c>
      <c r="D26" s="5">
        <v>36</v>
      </c>
    </row>
    <row r="27" spans="1:4" ht="18" customHeight="1" x14ac:dyDescent="0.15">
      <c r="A27" s="8">
        <v>18</v>
      </c>
      <c r="B27" s="21">
        <v>13</v>
      </c>
      <c r="C27" s="6">
        <v>10</v>
      </c>
      <c r="D27" s="5">
        <v>23</v>
      </c>
    </row>
    <row r="28" spans="1:4" ht="18" customHeight="1" x14ac:dyDescent="0.15">
      <c r="A28" s="8">
        <v>19</v>
      </c>
      <c r="B28" s="21">
        <v>17</v>
      </c>
      <c r="C28" s="6">
        <v>9</v>
      </c>
      <c r="D28" s="5">
        <v>26</v>
      </c>
    </row>
    <row r="29" spans="1:4" ht="18" customHeight="1" x14ac:dyDescent="0.15">
      <c r="A29" s="8" t="s">
        <v>21</v>
      </c>
      <c r="B29" s="21">
        <v>70</v>
      </c>
      <c r="C29" s="6">
        <v>60</v>
      </c>
      <c r="D29" s="5">
        <v>130</v>
      </c>
    </row>
    <row r="30" spans="1:4" ht="18" customHeight="1" x14ac:dyDescent="0.15">
      <c r="A30" s="8">
        <v>20</v>
      </c>
      <c r="B30" s="21">
        <v>20</v>
      </c>
      <c r="C30" s="6">
        <v>12</v>
      </c>
      <c r="D30" s="5">
        <v>32</v>
      </c>
    </row>
    <row r="31" spans="1:4" ht="18" customHeight="1" x14ac:dyDescent="0.15">
      <c r="A31" s="8">
        <v>21</v>
      </c>
      <c r="B31" s="21">
        <v>11</v>
      </c>
      <c r="C31" s="6">
        <v>16</v>
      </c>
      <c r="D31" s="5">
        <v>27</v>
      </c>
    </row>
    <row r="32" spans="1:4" ht="18" customHeight="1" x14ac:dyDescent="0.15">
      <c r="A32" s="8">
        <v>22</v>
      </c>
      <c r="B32" s="21">
        <v>18</v>
      </c>
      <c r="C32" s="6">
        <v>20</v>
      </c>
      <c r="D32" s="5">
        <v>38</v>
      </c>
    </row>
    <row r="33" spans="1:4" ht="18" customHeight="1" x14ac:dyDescent="0.15">
      <c r="A33" s="8">
        <v>23</v>
      </c>
      <c r="B33" s="21">
        <v>17</v>
      </c>
      <c r="C33" s="6">
        <v>16</v>
      </c>
      <c r="D33" s="5">
        <v>33</v>
      </c>
    </row>
    <row r="34" spans="1:4" ht="18" customHeight="1" x14ac:dyDescent="0.15">
      <c r="A34" s="8">
        <v>24</v>
      </c>
      <c r="B34" s="21">
        <v>17</v>
      </c>
      <c r="C34" s="6">
        <v>16</v>
      </c>
      <c r="D34" s="5">
        <v>33</v>
      </c>
    </row>
    <row r="35" spans="1:4" ht="18" customHeight="1" x14ac:dyDescent="0.15">
      <c r="A35" s="8" t="s">
        <v>20</v>
      </c>
      <c r="B35" s="21">
        <v>83</v>
      </c>
      <c r="C35" s="6">
        <v>80</v>
      </c>
      <c r="D35" s="5">
        <v>163</v>
      </c>
    </row>
    <row r="36" spans="1:4" ht="18" customHeight="1" x14ac:dyDescent="0.15">
      <c r="A36" s="8">
        <v>25</v>
      </c>
      <c r="B36" s="21">
        <v>16</v>
      </c>
      <c r="C36" s="6">
        <v>14</v>
      </c>
      <c r="D36" s="5">
        <v>30</v>
      </c>
    </row>
    <row r="37" spans="1:4" ht="18" customHeight="1" x14ac:dyDescent="0.15">
      <c r="A37" s="8">
        <v>26</v>
      </c>
      <c r="B37" s="21">
        <v>19</v>
      </c>
      <c r="C37" s="6">
        <v>11</v>
      </c>
      <c r="D37" s="5">
        <v>30</v>
      </c>
    </row>
    <row r="38" spans="1:4" ht="18" customHeight="1" x14ac:dyDescent="0.15">
      <c r="A38" s="8">
        <v>27</v>
      </c>
      <c r="B38" s="21">
        <v>15</v>
      </c>
      <c r="C38" s="6">
        <v>11</v>
      </c>
      <c r="D38" s="5">
        <v>26</v>
      </c>
    </row>
    <row r="39" spans="1:4" ht="18" customHeight="1" x14ac:dyDescent="0.15">
      <c r="A39" s="8">
        <v>28</v>
      </c>
      <c r="B39" s="21">
        <v>22</v>
      </c>
      <c r="C39" s="6">
        <v>13</v>
      </c>
      <c r="D39" s="5">
        <v>35</v>
      </c>
    </row>
    <row r="40" spans="1:4" ht="18" customHeight="1" x14ac:dyDescent="0.15">
      <c r="A40" s="8">
        <v>29</v>
      </c>
      <c r="B40" s="21">
        <v>13</v>
      </c>
      <c r="C40" s="6">
        <v>13</v>
      </c>
      <c r="D40" s="5">
        <v>26</v>
      </c>
    </row>
    <row r="41" spans="1:4" ht="18" customHeight="1" x14ac:dyDescent="0.15">
      <c r="A41" s="8" t="s">
        <v>19</v>
      </c>
      <c r="B41" s="21">
        <v>85</v>
      </c>
      <c r="C41" s="6">
        <v>62</v>
      </c>
      <c r="D41" s="5">
        <v>147</v>
      </c>
    </row>
    <row r="42" spans="1:4" ht="18" customHeight="1" x14ac:dyDescent="0.15">
      <c r="A42" s="8">
        <v>30</v>
      </c>
      <c r="B42" s="21">
        <v>19</v>
      </c>
      <c r="C42" s="6">
        <v>11</v>
      </c>
      <c r="D42" s="5">
        <v>30</v>
      </c>
    </row>
    <row r="43" spans="1:4" ht="18" customHeight="1" x14ac:dyDescent="0.15">
      <c r="A43" s="8">
        <v>31</v>
      </c>
      <c r="B43" s="21">
        <v>14</v>
      </c>
      <c r="C43" s="6">
        <v>20</v>
      </c>
      <c r="D43" s="5">
        <v>34</v>
      </c>
    </row>
    <row r="44" spans="1:4" ht="18" customHeight="1" x14ac:dyDescent="0.15">
      <c r="A44" s="8">
        <v>32</v>
      </c>
      <c r="B44" s="21">
        <v>14</v>
      </c>
      <c r="C44" s="6">
        <v>13</v>
      </c>
      <c r="D44" s="5">
        <v>27</v>
      </c>
    </row>
    <row r="45" spans="1:4" ht="18" customHeight="1" x14ac:dyDescent="0.15">
      <c r="A45" s="8">
        <v>33</v>
      </c>
      <c r="B45" s="21">
        <v>17</v>
      </c>
      <c r="C45" s="6">
        <v>18</v>
      </c>
      <c r="D45" s="5">
        <v>35</v>
      </c>
    </row>
    <row r="46" spans="1:4" ht="18" customHeight="1" x14ac:dyDescent="0.15">
      <c r="A46" s="8">
        <v>34</v>
      </c>
      <c r="B46" s="21">
        <v>11</v>
      </c>
      <c r="C46" s="6">
        <v>22</v>
      </c>
      <c r="D46" s="5">
        <v>33</v>
      </c>
    </row>
    <row r="47" spans="1:4" ht="18" customHeight="1" x14ac:dyDescent="0.15">
      <c r="A47" s="8" t="s">
        <v>18</v>
      </c>
      <c r="B47" s="21">
        <v>75</v>
      </c>
      <c r="C47" s="6">
        <v>84</v>
      </c>
      <c r="D47" s="5">
        <v>159</v>
      </c>
    </row>
    <row r="48" spans="1:4" ht="18" customHeight="1" x14ac:dyDescent="0.15">
      <c r="A48" s="8">
        <v>35</v>
      </c>
      <c r="B48" s="21">
        <v>12</v>
      </c>
      <c r="C48" s="6">
        <v>12</v>
      </c>
      <c r="D48" s="5">
        <v>24</v>
      </c>
    </row>
    <row r="49" spans="1:4" ht="18" customHeight="1" x14ac:dyDescent="0.15">
      <c r="A49" s="8">
        <v>36</v>
      </c>
      <c r="B49" s="21">
        <v>18</v>
      </c>
      <c r="C49" s="6">
        <v>10</v>
      </c>
      <c r="D49" s="5">
        <v>28</v>
      </c>
    </row>
    <row r="50" spans="1:4" ht="18" customHeight="1" x14ac:dyDescent="0.15">
      <c r="A50" s="8">
        <v>37</v>
      </c>
      <c r="B50" s="21">
        <v>21</v>
      </c>
      <c r="C50" s="6">
        <v>22</v>
      </c>
      <c r="D50" s="5">
        <v>43</v>
      </c>
    </row>
    <row r="51" spans="1:4" ht="18" customHeight="1" x14ac:dyDescent="0.15">
      <c r="A51" s="8">
        <v>38</v>
      </c>
      <c r="B51" s="21">
        <v>11</v>
      </c>
      <c r="C51" s="6">
        <v>17</v>
      </c>
      <c r="D51" s="5">
        <v>28</v>
      </c>
    </row>
    <row r="52" spans="1:4" ht="18" customHeight="1" x14ac:dyDescent="0.15">
      <c r="A52" s="8">
        <v>39</v>
      </c>
      <c r="B52" s="21">
        <v>26</v>
      </c>
      <c r="C52" s="6">
        <v>17</v>
      </c>
      <c r="D52" s="5">
        <v>43</v>
      </c>
    </row>
    <row r="53" spans="1:4" ht="18" customHeight="1" x14ac:dyDescent="0.15">
      <c r="A53" s="8" t="s">
        <v>17</v>
      </c>
      <c r="B53" s="21">
        <v>88</v>
      </c>
      <c r="C53" s="6">
        <v>78</v>
      </c>
      <c r="D53" s="5">
        <v>166</v>
      </c>
    </row>
    <row r="54" spans="1:4" ht="18" customHeight="1" x14ac:dyDescent="0.15">
      <c r="A54" s="8">
        <v>40</v>
      </c>
      <c r="B54" s="21">
        <v>19</v>
      </c>
      <c r="C54" s="6">
        <v>11</v>
      </c>
      <c r="D54" s="5">
        <v>30</v>
      </c>
    </row>
    <row r="55" spans="1:4" ht="18" customHeight="1" x14ac:dyDescent="0.15">
      <c r="A55" s="8">
        <v>41</v>
      </c>
      <c r="B55" s="21">
        <v>20</v>
      </c>
      <c r="C55" s="6">
        <v>14</v>
      </c>
      <c r="D55" s="5">
        <v>34</v>
      </c>
    </row>
    <row r="56" spans="1:4" ht="18" customHeight="1" x14ac:dyDescent="0.15">
      <c r="A56" s="8">
        <v>42</v>
      </c>
      <c r="B56" s="21">
        <v>28</v>
      </c>
      <c r="C56" s="6">
        <v>17</v>
      </c>
      <c r="D56" s="5">
        <v>45</v>
      </c>
    </row>
    <row r="57" spans="1:4" ht="18" customHeight="1" x14ac:dyDescent="0.15">
      <c r="A57" s="8">
        <v>43</v>
      </c>
      <c r="B57" s="21">
        <v>16</v>
      </c>
      <c r="C57" s="6">
        <v>18</v>
      </c>
      <c r="D57" s="5">
        <v>34</v>
      </c>
    </row>
    <row r="58" spans="1:4" ht="18" customHeight="1" x14ac:dyDescent="0.15">
      <c r="A58" s="8">
        <v>44</v>
      </c>
      <c r="B58" s="21">
        <v>18</v>
      </c>
      <c r="C58" s="6">
        <v>13</v>
      </c>
      <c r="D58" s="5">
        <v>31</v>
      </c>
    </row>
    <row r="59" spans="1:4" ht="18" customHeight="1" x14ac:dyDescent="0.15">
      <c r="A59" s="8" t="s">
        <v>16</v>
      </c>
      <c r="B59" s="21">
        <v>101</v>
      </c>
      <c r="C59" s="6">
        <v>73</v>
      </c>
      <c r="D59" s="5">
        <v>174</v>
      </c>
    </row>
    <row r="60" spans="1:4" ht="18" customHeight="1" x14ac:dyDescent="0.15">
      <c r="A60" s="8">
        <v>45</v>
      </c>
      <c r="B60" s="21">
        <v>31</v>
      </c>
      <c r="C60" s="6">
        <v>11</v>
      </c>
      <c r="D60" s="5">
        <v>42</v>
      </c>
    </row>
    <row r="61" spans="1:4" ht="18" customHeight="1" x14ac:dyDescent="0.15">
      <c r="A61" s="8">
        <v>46</v>
      </c>
      <c r="B61" s="21">
        <v>19</v>
      </c>
      <c r="C61" s="6">
        <v>16</v>
      </c>
      <c r="D61" s="5">
        <v>35</v>
      </c>
    </row>
    <row r="62" spans="1:4" ht="18" customHeight="1" x14ac:dyDescent="0.15">
      <c r="A62" s="8">
        <v>47</v>
      </c>
      <c r="B62" s="21">
        <v>26</v>
      </c>
      <c r="C62" s="6">
        <v>19</v>
      </c>
      <c r="D62" s="5">
        <v>45</v>
      </c>
    </row>
    <row r="63" spans="1:4" ht="18" customHeight="1" x14ac:dyDescent="0.15">
      <c r="A63" s="8">
        <v>48</v>
      </c>
      <c r="B63" s="21">
        <v>30</v>
      </c>
      <c r="C63" s="6">
        <v>22</v>
      </c>
      <c r="D63" s="5">
        <v>52</v>
      </c>
    </row>
    <row r="64" spans="1:4" ht="18" customHeight="1" x14ac:dyDescent="0.15">
      <c r="A64" s="8">
        <v>49</v>
      </c>
      <c r="B64" s="21">
        <v>29</v>
      </c>
      <c r="C64" s="6">
        <v>23</v>
      </c>
      <c r="D64" s="5">
        <v>52</v>
      </c>
    </row>
    <row r="65" spans="1:4" ht="18" customHeight="1" x14ac:dyDescent="0.15">
      <c r="A65" s="8" t="s">
        <v>15</v>
      </c>
      <c r="B65" s="21">
        <v>135</v>
      </c>
      <c r="C65" s="6">
        <v>91</v>
      </c>
      <c r="D65" s="5">
        <v>226</v>
      </c>
    </row>
    <row r="66" spans="1:4" ht="18" customHeight="1" x14ac:dyDescent="0.15">
      <c r="A66" s="8">
        <v>50</v>
      </c>
      <c r="B66" s="21">
        <v>38</v>
      </c>
      <c r="C66" s="6">
        <v>22</v>
      </c>
      <c r="D66" s="5">
        <v>60</v>
      </c>
    </row>
    <row r="67" spans="1:4" ht="18" customHeight="1" x14ac:dyDescent="0.15">
      <c r="A67" s="8">
        <v>51</v>
      </c>
      <c r="B67" s="21">
        <v>36</v>
      </c>
      <c r="C67" s="6">
        <v>27</v>
      </c>
      <c r="D67" s="5">
        <v>63</v>
      </c>
    </row>
    <row r="68" spans="1:4" ht="18" customHeight="1" x14ac:dyDescent="0.15">
      <c r="A68" s="8">
        <v>52</v>
      </c>
      <c r="B68" s="21">
        <v>34</v>
      </c>
      <c r="C68" s="6">
        <v>27</v>
      </c>
      <c r="D68" s="5">
        <v>61</v>
      </c>
    </row>
    <row r="69" spans="1:4" ht="18" customHeight="1" x14ac:dyDescent="0.15">
      <c r="A69" s="8">
        <v>53</v>
      </c>
      <c r="B69" s="21">
        <v>22</v>
      </c>
      <c r="C69" s="6">
        <v>19</v>
      </c>
      <c r="D69" s="5">
        <v>41</v>
      </c>
    </row>
    <row r="70" spans="1:4" ht="18" customHeight="1" x14ac:dyDescent="0.15">
      <c r="A70" s="8">
        <v>54</v>
      </c>
      <c r="B70" s="21">
        <v>35</v>
      </c>
      <c r="C70" s="6">
        <v>25</v>
      </c>
      <c r="D70" s="5">
        <v>60</v>
      </c>
    </row>
    <row r="71" spans="1:4" ht="18" customHeight="1" x14ac:dyDescent="0.15">
      <c r="A71" s="8" t="s">
        <v>14</v>
      </c>
      <c r="B71" s="21">
        <v>165</v>
      </c>
      <c r="C71" s="6">
        <v>120</v>
      </c>
      <c r="D71" s="5">
        <v>285</v>
      </c>
    </row>
    <row r="72" spans="1:4" ht="18" customHeight="1" x14ac:dyDescent="0.15">
      <c r="A72" s="8">
        <v>55</v>
      </c>
      <c r="B72" s="21">
        <v>26</v>
      </c>
      <c r="C72" s="6">
        <v>26</v>
      </c>
      <c r="D72" s="5">
        <v>52</v>
      </c>
    </row>
    <row r="73" spans="1:4" ht="18" customHeight="1" x14ac:dyDescent="0.15">
      <c r="A73" s="8">
        <v>56</v>
      </c>
      <c r="B73" s="21">
        <v>30</v>
      </c>
      <c r="C73" s="6">
        <v>15</v>
      </c>
      <c r="D73" s="5">
        <v>45</v>
      </c>
    </row>
    <row r="74" spans="1:4" ht="18" customHeight="1" x14ac:dyDescent="0.15">
      <c r="A74" s="8">
        <v>57</v>
      </c>
      <c r="B74" s="21">
        <v>17</v>
      </c>
      <c r="C74" s="6">
        <v>21</v>
      </c>
      <c r="D74" s="5">
        <v>38</v>
      </c>
    </row>
    <row r="75" spans="1:4" ht="18" customHeight="1" x14ac:dyDescent="0.15">
      <c r="A75" s="8">
        <v>58</v>
      </c>
      <c r="B75" s="21">
        <v>27</v>
      </c>
      <c r="C75" s="6">
        <v>22</v>
      </c>
      <c r="D75" s="5">
        <v>49</v>
      </c>
    </row>
    <row r="76" spans="1:4" ht="18" customHeight="1" x14ac:dyDescent="0.15">
      <c r="A76" s="8">
        <v>59</v>
      </c>
      <c r="B76" s="21">
        <v>10</v>
      </c>
      <c r="C76" s="6">
        <v>15</v>
      </c>
      <c r="D76" s="5">
        <v>25</v>
      </c>
    </row>
    <row r="77" spans="1:4" ht="18" customHeight="1" x14ac:dyDescent="0.15">
      <c r="A77" s="8" t="s">
        <v>13</v>
      </c>
      <c r="B77" s="21">
        <v>110</v>
      </c>
      <c r="C77" s="6">
        <v>99</v>
      </c>
      <c r="D77" s="5">
        <v>209</v>
      </c>
    </row>
    <row r="78" spans="1:4" ht="18" customHeight="1" x14ac:dyDescent="0.15">
      <c r="A78" s="8">
        <v>60</v>
      </c>
      <c r="B78" s="21">
        <v>29</v>
      </c>
      <c r="C78" s="6">
        <v>26</v>
      </c>
      <c r="D78" s="5">
        <v>55</v>
      </c>
    </row>
    <row r="79" spans="1:4" ht="18" customHeight="1" x14ac:dyDescent="0.15">
      <c r="A79" s="8">
        <v>61</v>
      </c>
      <c r="B79" s="21">
        <v>21</v>
      </c>
      <c r="C79" s="6">
        <v>22</v>
      </c>
      <c r="D79" s="5">
        <v>43</v>
      </c>
    </row>
    <row r="80" spans="1:4" ht="18" customHeight="1" x14ac:dyDescent="0.15">
      <c r="A80" s="8">
        <v>62</v>
      </c>
      <c r="B80" s="21">
        <v>29</v>
      </c>
      <c r="C80" s="6">
        <v>20</v>
      </c>
      <c r="D80" s="5">
        <v>49</v>
      </c>
    </row>
    <row r="81" spans="1:4" ht="18" customHeight="1" x14ac:dyDescent="0.15">
      <c r="A81" s="8">
        <v>63</v>
      </c>
      <c r="B81" s="21">
        <v>27</v>
      </c>
      <c r="C81" s="6">
        <v>30</v>
      </c>
      <c r="D81" s="5">
        <v>57</v>
      </c>
    </row>
    <row r="82" spans="1:4" ht="18" customHeight="1" x14ac:dyDescent="0.15">
      <c r="A82" s="8">
        <v>64</v>
      </c>
      <c r="B82" s="21">
        <v>23</v>
      </c>
      <c r="C82" s="6">
        <v>22</v>
      </c>
      <c r="D82" s="5">
        <v>45</v>
      </c>
    </row>
    <row r="83" spans="1:4" ht="18" customHeight="1" x14ac:dyDescent="0.15">
      <c r="A83" s="8" t="s">
        <v>12</v>
      </c>
      <c r="B83" s="21">
        <v>129</v>
      </c>
      <c r="C83" s="6">
        <v>120</v>
      </c>
      <c r="D83" s="5">
        <v>249</v>
      </c>
    </row>
    <row r="84" spans="1:4" ht="18" customHeight="1" x14ac:dyDescent="0.15">
      <c r="A84" s="8" t="s">
        <v>11</v>
      </c>
      <c r="B84" s="21">
        <v>1041</v>
      </c>
      <c r="C84" s="6">
        <v>867</v>
      </c>
      <c r="D84" s="5">
        <v>1908</v>
      </c>
    </row>
    <row r="85" spans="1:4" ht="18" customHeight="1" x14ac:dyDescent="0.15">
      <c r="A85" s="8">
        <v>65</v>
      </c>
      <c r="B85" s="21">
        <v>24</v>
      </c>
      <c r="C85" s="6">
        <v>20</v>
      </c>
      <c r="D85" s="5">
        <v>44</v>
      </c>
    </row>
    <row r="86" spans="1:4" ht="18" customHeight="1" x14ac:dyDescent="0.15">
      <c r="A86" s="8">
        <v>66</v>
      </c>
      <c r="B86" s="21">
        <v>27</v>
      </c>
      <c r="C86" s="6">
        <v>25</v>
      </c>
      <c r="D86" s="5">
        <v>52</v>
      </c>
    </row>
    <row r="87" spans="1:4" ht="18" customHeight="1" x14ac:dyDescent="0.15">
      <c r="A87" s="8">
        <v>67</v>
      </c>
      <c r="B87" s="21">
        <v>19</v>
      </c>
      <c r="C87" s="6">
        <v>28</v>
      </c>
      <c r="D87" s="5">
        <v>47</v>
      </c>
    </row>
    <row r="88" spans="1:4" ht="18" customHeight="1" x14ac:dyDescent="0.15">
      <c r="A88" s="8">
        <v>68</v>
      </c>
      <c r="B88" s="21">
        <v>26</v>
      </c>
      <c r="C88" s="6">
        <v>26</v>
      </c>
      <c r="D88" s="5">
        <v>52</v>
      </c>
    </row>
    <row r="89" spans="1:4" ht="18" customHeight="1" x14ac:dyDescent="0.15">
      <c r="A89" s="8">
        <v>69</v>
      </c>
      <c r="B89" s="21">
        <v>25</v>
      </c>
      <c r="C89" s="6">
        <v>36</v>
      </c>
      <c r="D89" s="5">
        <v>61</v>
      </c>
    </row>
    <row r="90" spans="1:4" ht="18" customHeight="1" x14ac:dyDescent="0.15">
      <c r="A90" s="8" t="s">
        <v>10</v>
      </c>
      <c r="B90" s="21">
        <v>121</v>
      </c>
      <c r="C90" s="6">
        <v>135</v>
      </c>
      <c r="D90" s="5">
        <v>256</v>
      </c>
    </row>
    <row r="91" spans="1:4" ht="18" customHeight="1" x14ac:dyDescent="0.15">
      <c r="A91" s="8">
        <v>70</v>
      </c>
      <c r="B91" s="21">
        <v>25</v>
      </c>
      <c r="C91" s="6">
        <v>30</v>
      </c>
      <c r="D91" s="5">
        <v>55</v>
      </c>
    </row>
    <row r="92" spans="1:4" ht="18" customHeight="1" x14ac:dyDescent="0.15">
      <c r="A92" s="8">
        <v>71</v>
      </c>
      <c r="B92" s="21">
        <v>31</v>
      </c>
      <c r="C92" s="6">
        <v>27</v>
      </c>
      <c r="D92" s="5">
        <v>58</v>
      </c>
    </row>
    <row r="93" spans="1:4" ht="18" customHeight="1" x14ac:dyDescent="0.15">
      <c r="A93" s="8">
        <v>72</v>
      </c>
      <c r="B93" s="21">
        <v>22</v>
      </c>
      <c r="C93" s="6">
        <v>36</v>
      </c>
      <c r="D93" s="5">
        <v>58</v>
      </c>
    </row>
    <row r="94" spans="1:4" ht="18" customHeight="1" x14ac:dyDescent="0.15">
      <c r="A94" s="8">
        <v>73</v>
      </c>
      <c r="B94" s="21">
        <v>26</v>
      </c>
      <c r="C94" s="6">
        <v>28</v>
      </c>
      <c r="D94" s="5">
        <v>54</v>
      </c>
    </row>
    <row r="95" spans="1:4" ht="18" customHeight="1" x14ac:dyDescent="0.15">
      <c r="A95" s="8">
        <v>74</v>
      </c>
      <c r="B95" s="21">
        <v>29</v>
      </c>
      <c r="C95" s="6">
        <v>27</v>
      </c>
      <c r="D95" s="5">
        <v>56</v>
      </c>
    </row>
    <row r="96" spans="1:4" ht="18" customHeight="1" x14ac:dyDescent="0.15">
      <c r="A96" s="8" t="s">
        <v>9</v>
      </c>
      <c r="B96" s="21">
        <v>133</v>
      </c>
      <c r="C96" s="6">
        <v>148</v>
      </c>
      <c r="D96" s="5">
        <v>281</v>
      </c>
    </row>
    <row r="97" spans="1:4" ht="18" customHeight="1" x14ac:dyDescent="0.15">
      <c r="A97" s="8">
        <v>75</v>
      </c>
      <c r="B97" s="21">
        <v>41</v>
      </c>
      <c r="C97" s="6">
        <v>39</v>
      </c>
      <c r="D97" s="5">
        <v>80</v>
      </c>
    </row>
    <row r="98" spans="1:4" ht="18" customHeight="1" x14ac:dyDescent="0.15">
      <c r="A98" s="8">
        <v>76</v>
      </c>
      <c r="B98" s="21">
        <v>48</v>
      </c>
      <c r="C98" s="6">
        <v>53</v>
      </c>
      <c r="D98" s="5">
        <v>101</v>
      </c>
    </row>
    <row r="99" spans="1:4" ht="18" customHeight="1" x14ac:dyDescent="0.15">
      <c r="A99" s="8">
        <v>77</v>
      </c>
      <c r="B99" s="21">
        <v>39</v>
      </c>
      <c r="C99" s="6">
        <v>44</v>
      </c>
      <c r="D99" s="5">
        <v>83</v>
      </c>
    </row>
    <row r="100" spans="1:4" ht="18" customHeight="1" x14ac:dyDescent="0.15">
      <c r="A100" s="8">
        <v>78</v>
      </c>
      <c r="B100" s="21">
        <v>43</v>
      </c>
      <c r="C100" s="6">
        <v>55</v>
      </c>
      <c r="D100" s="5">
        <v>98</v>
      </c>
    </row>
    <row r="101" spans="1:4" ht="18" customHeight="1" x14ac:dyDescent="0.15">
      <c r="A101" s="8">
        <v>79</v>
      </c>
      <c r="B101" s="21">
        <v>23</v>
      </c>
      <c r="C101" s="6">
        <v>22</v>
      </c>
      <c r="D101" s="5">
        <v>45</v>
      </c>
    </row>
    <row r="102" spans="1:4" ht="18" customHeight="1" x14ac:dyDescent="0.15">
      <c r="A102" s="8" t="s">
        <v>8</v>
      </c>
      <c r="B102" s="21">
        <v>194</v>
      </c>
      <c r="C102" s="6">
        <v>213</v>
      </c>
      <c r="D102" s="5">
        <v>407</v>
      </c>
    </row>
    <row r="103" spans="1:4" ht="18" customHeight="1" x14ac:dyDescent="0.15">
      <c r="A103" s="8">
        <v>80</v>
      </c>
      <c r="B103" s="21">
        <v>18</v>
      </c>
      <c r="C103" s="6">
        <v>15</v>
      </c>
      <c r="D103" s="5">
        <v>33</v>
      </c>
    </row>
    <row r="104" spans="1:4" ht="18" customHeight="1" x14ac:dyDescent="0.15">
      <c r="A104" s="8">
        <v>81</v>
      </c>
      <c r="B104" s="21">
        <v>19</v>
      </c>
      <c r="C104" s="6">
        <v>27</v>
      </c>
      <c r="D104" s="5">
        <v>46</v>
      </c>
    </row>
    <row r="105" spans="1:4" ht="18" customHeight="1" x14ac:dyDescent="0.15">
      <c r="A105" s="8">
        <v>82</v>
      </c>
      <c r="B105" s="21">
        <v>19</v>
      </c>
      <c r="C105" s="6">
        <v>34</v>
      </c>
      <c r="D105" s="5">
        <v>53</v>
      </c>
    </row>
    <row r="106" spans="1:4" ht="18" customHeight="1" x14ac:dyDescent="0.15">
      <c r="A106" s="8">
        <v>83</v>
      </c>
      <c r="B106" s="21">
        <v>32</v>
      </c>
      <c r="C106" s="6">
        <v>39</v>
      </c>
      <c r="D106" s="5">
        <v>71</v>
      </c>
    </row>
    <row r="107" spans="1:4" ht="18" customHeight="1" x14ac:dyDescent="0.15">
      <c r="A107" s="8">
        <v>84</v>
      </c>
      <c r="B107" s="21">
        <v>13</v>
      </c>
      <c r="C107" s="6">
        <v>28</v>
      </c>
      <c r="D107" s="5">
        <v>41</v>
      </c>
    </row>
    <row r="108" spans="1:4" ht="18" customHeight="1" x14ac:dyDescent="0.15">
      <c r="A108" s="8" t="s">
        <v>7</v>
      </c>
      <c r="B108" s="21">
        <v>101</v>
      </c>
      <c r="C108" s="6">
        <v>143</v>
      </c>
      <c r="D108" s="5">
        <v>244</v>
      </c>
    </row>
    <row r="109" spans="1:4" ht="18" customHeight="1" x14ac:dyDescent="0.15">
      <c r="A109" s="8">
        <v>85</v>
      </c>
      <c r="B109" s="21">
        <v>17</v>
      </c>
      <c r="C109" s="6">
        <v>34</v>
      </c>
      <c r="D109" s="5">
        <v>51</v>
      </c>
    </row>
    <row r="110" spans="1:4" ht="18" customHeight="1" x14ac:dyDescent="0.15">
      <c r="A110" s="8">
        <v>86</v>
      </c>
      <c r="B110" s="21">
        <v>6</v>
      </c>
      <c r="C110" s="6">
        <v>14</v>
      </c>
      <c r="D110" s="5">
        <v>20</v>
      </c>
    </row>
    <row r="111" spans="1:4" ht="18" customHeight="1" x14ac:dyDescent="0.15">
      <c r="A111" s="8">
        <v>87</v>
      </c>
      <c r="B111" s="21">
        <v>10</v>
      </c>
      <c r="C111" s="6">
        <v>26</v>
      </c>
      <c r="D111" s="5">
        <v>36</v>
      </c>
    </row>
    <row r="112" spans="1:4" ht="18" customHeight="1" x14ac:dyDescent="0.15">
      <c r="A112" s="8">
        <v>88</v>
      </c>
      <c r="B112" s="21">
        <v>8</v>
      </c>
      <c r="C112" s="6">
        <v>14</v>
      </c>
      <c r="D112" s="5">
        <v>22</v>
      </c>
    </row>
    <row r="113" spans="1:4" ht="18" customHeight="1" x14ac:dyDescent="0.15">
      <c r="A113" s="8">
        <v>89</v>
      </c>
      <c r="B113" s="21">
        <v>3</v>
      </c>
      <c r="C113" s="6">
        <v>13</v>
      </c>
      <c r="D113" s="5">
        <v>16</v>
      </c>
    </row>
    <row r="114" spans="1:4" ht="18" customHeight="1" x14ac:dyDescent="0.15">
      <c r="A114" s="8" t="s">
        <v>6</v>
      </c>
      <c r="B114" s="21">
        <v>44</v>
      </c>
      <c r="C114" s="6">
        <v>101</v>
      </c>
      <c r="D114" s="5">
        <v>145</v>
      </c>
    </row>
    <row r="115" spans="1:4" ht="18" customHeight="1" x14ac:dyDescent="0.15">
      <c r="A115" s="8">
        <v>90</v>
      </c>
      <c r="B115" s="21">
        <v>7</v>
      </c>
      <c r="C115" s="6">
        <v>13</v>
      </c>
      <c r="D115" s="5">
        <v>20</v>
      </c>
    </row>
    <row r="116" spans="1:4" ht="18" customHeight="1" x14ac:dyDescent="0.15">
      <c r="A116" s="8">
        <v>91</v>
      </c>
      <c r="B116" s="21">
        <v>9</v>
      </c>
      <c r="C116" s="6">
        <v>17</v>
      </c>
      <c r="D116" s="5">
        <v>26</v>
      </c>
    </row>
    <row r="117" spans="1:4" ht="18" customHeight="1" x14ac:dyDescent="0.15">
      <c r="A117" s="8">
        <v>92</v>
      </c>
      <c r="B117" s="21">
        <v>2</v>
      </c>
      <c r="C117" s="6">
        <v>17</v>
      </c>
      <c r="D117" s="5">
        <v>19</v>
      </c>
    </row>
    <row r="118" spans="1:4" ht="18" customHeight="1" x14ac:dyDescent="0.15">
      <c r="A118" s="8">
        <v>93</v>
      </c>
      <c r="B118" s="21">
        <v>1</v>
      </c>
      <c r="C118" s="6">
        <v>14</v>
      </c>
      <c r="D118" s="5">
        <v>15</v>
      </c>
    </row>
    <row r="119" spans="1:4" ht="18" customHeight="1" x14ac:dyDescent="0.15">
      <c r="A119" s="8">
        <v>94</v>
      </c>
      <c r="B119" s="21">
        <v>2</v>
      </c>
      <c r="C119" s="6">
        <v>5</v>
      </c>
      <c r="D119" s="5">
        <v>7</v>
      </c>
    </row>
    <row r="120" spans="1:4" ht="18" customHeight="1" x14ac:dyDescent="0.15">
      <c r="A120" s="8" t="s">
        <v>5</v>
      </c>
      <c r="B120" s="21">
        <v>21</v>
      </c>
      <c r="C120" s="6">
        <v>66</v>
      </c>
      <c r="D120" s="5">
        <v>87</v>
      </c>
    </row>
    <row r="121" spans="1:4" ht="18" customHeight="1" x14ac:dyDescent="0.15">
      <c r="A121" s="8">
        <v>95</v>
      </c>
      <c r="B121" s="21">
        <v>1</v>
      </c>
      <c r="C121" s="6">
        <v>12</v>
      </c>
      <c r="D121" s="5">
        <v>13</v>
      </c>
    </row>
    <row r="122" spans="1:4" ht="18" customHeight="1" x14ac:dyDescent="0.15">
      <c r="A122" s="8">
        <v>96</v>
      </c>
      <c r="B122" s="21">
        <v>0</v>
      </c>
      <c r="C122" s="6">
        <v>6</v>
      </c>
      <c r="D122" s="5">
        <v>6</v>
      </c>
    </row>
    <row r="123" spans="1:4" ht="18" customHeight="1" x14ac:dyDescent="0.15">
      <c r="A123" s="8">
        <v>97</v>
      </c>
      <c r="B123" s="21">
        <v>0</v>
      </c>
      <c r="C123" s="6">
        <v>5</v>
      </c>
      <c r="D123" s="5">
        <v>5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24</v>
      </c>
      <c r="D126" s="5">
        <v>25</v>
      </c>
    </row>
    <row r="127" spans="1:4" ht="18" customHeight="1" x14ac:dyDescent="0.15">
      <c r="A127" s="8">
        <v>100</v>
      </c>
      <c r="B127" s="21">
        <v>0</v>
      </c>
      <c r="C127" s="6">
        <v>5</v>
      </c>
      <c r="D127" s="5">
        <v>5</v>
      </c>
    </row>
    <row r="128" spans="1:4" ht="18" customHeight="1" x14ac:dyDescent="0.15">
      <c r="A128" s="9" t="s">
        <v>3</v>
      </c>
      <c r="B128" s="21">
        <v>1</v>
      </c>
      <c r="C128" s="6">
        <v>3</v>
      </c>
      <c r="D128" s="5">
        <v>4</v>
      </c>
    </row>
    <row r="129" spans="1:4" ht="18" customHeight="1" x14ac:dyDescent="0.15">
      <c r="A129" s="8" t="s">
        <v>2</v>
      </c>
      <c r="B129" s="21">
        <v>1</v>
      </c>
      <c r="C129" s="6">
        <v>8</v>
      </c>
      <c r="D129" s="5">
        <v>9</v>
      </c>
    </row>
    <row r="130" spans="1:4" ht="18" customHeight="1" x14ac:dyDescent="0.15">
      <c r="A130" s="8" t="s">
        <v>1</v>
      </c>
      <c r="B130" s="21">
        <v>616</v>
      </c>
      <c r="C130" s="6">
        <v>838</v>
      </c>
      <c r="D130" s="5">
        <v>1454</v>
      </c>
    </row>
    <row r="131" spans="1:4" ht="18" customHeight="1" x14ac:dyDescent="0.15">
      <c r="A131" s="4" t="s">
        <v>0</v>
      </c>
      <c r="B131" s="20">
        <v>1814</v>
      </c>
      <c r="C131" s="2">
        <v>1856</v>
      </c>
      <c r="D131" s="1">
        <v>367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63989F-0A30-46EA-8CF6-18FA0BB447EB}">
  <sheetPr codeName="Sheet5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</v>
      </c>
      <c r="C5" s="11">
        <v>3</v>
      </c>
      <c r="D5" s="10">
        <v>4</v>
      </c>
    </row>
    <row r="6" spans="1:4" ht="18" customHeight="1" x14ac:dyDescent="0.15">
      <c r="A6" s="8">
        <v>1</v>
      </c>
      <c r="B6" s="21">
        <v>3</v>
      </c>
      <c r="C6" s="6">
        <v>0</v>
      </c>
      <c r="D6" s="5">
        <v>3</v>
      </c>
    </row>
    <row r="7" spans="1:4" ht="18" customHeight="1" x14ac:dyDescent="0.15">
      <c r="A7" s="8">
        <v>2</v>
      </c>
      <c r="B7" s="21">
        <v>1</v>
      </c>
      <c r="C7" s="6">
        <v>4</v>
      </c>
      <c r="D7" s="5">
        <v>5</v>
      </c>
    </row>
    <row r="8" spans="1:4" ht="18" customHeight="1" x14ac:dyDescent="0.15">
      <c r="A8" s="8">
        <v>3</v>
      </c>
      <c r="B8" s="21">
        <v>3</v>
      </c>
      <c r="C8" s="6">
        <v>3</v>
      </c>
      <c r="D8" s="5">
        <v>6</v>
      </c>
    </row>
    <row r="9" spans="1:4" ht="18" customHeight="1" x14ac:dyDescent="0.15">
      <c r="A9" s="8">
        <v>4</v>
      </c>
      <c r="B9" s="21">
        <v>2</v>
      </c>
      <c r="C9" s="6">
        <v>2</v>
      </c>
      <c r="D9" s="5">
        <v>4</v>
      </c>
    </row>
    <row r="10" spans="1:4" ht="18" customHeight="1" x14ac:dyDescent="0.15">
      <c r="A10" s="8" t="s">
        <v>25</v>
      </c>
      <c r="B10" s="21">
        <v>10</v>
      </c>
      <c r="C10" s="6">
        <v>12</v>
      </c>
      <c r="D10" s="5">
        <v>22</v>
      </c>
    </row>
    <row r="11" spans="1:4" ht="18" customHeight="1" x14ac:dyDescent="0.15">
      <c r="A11" s="8">
        <v>5</v>
      </c>
      <c r="B11" s="21">
        <v>3</v>
      </c>
      <c r="C11" s="6">
        <v>3</v>
      </c>
      <c r="D11" s="5">
        <v>6</v>
      </c>
    </row>
    <row r="12" spans="1:4" ht="18" customHeight="1" x14ac:dyDescent="0.15">
      <c r="A12" s="8">
        <v>6</v>
      </c>
      <c r="B12" s="21">
        <v>5</v>
      </c>
      <c r="C12" s="6">
        <v>7</v>
      </c>
      <c r="D12" s="5">
        <v>12</v>
      </c>
    </row>
    <row r="13" spans="1:4" ht="18" customHeight="1" x14ac:dyDescent="0.15">
      <c r="A13" s="8">
        <v>7</v>
      </c>
      <c r="B13" s="21">
        <v>2</v>
      </c>
      <c r="C13" s="6">
        <v>0</v>
      </c>
      <c r="D13" s="5">
        <v>2</v>
      </c>
    </row>
    <row r="14" spans="1:4" ht="18" customHeight="1" x14ac:dyDescent="0.15">
      <c r="A14" s="8">
        <v>8</v>
      </c>
      <c r="B14" s="21">
        <v>5</v>
      </c>
      <c r="C14" s="6">
        <v>10</v>
      </c>
      <c r="D14" s="5">
        <v>15</v>
      </c>
    </row>
    <row r="15" spans="1:4" ht="18" customHeight="1" x14ac:dyDescent="0.15">
      <c r="A15" s="8">
        <v>9</v>
      </c>
      <c r="B15" s="21">
        <v>2</v>
      </c>
      <c r="C15" s="6">
        <v>5</v>
      </c>
      <c r="D15" s="5">
        <v>7</v>
      </c>
    </row>
    <row r="16" spans="1:4" ht="18" customHeight="1" x14ac:dyDescent="0.15">
      <c r="A16" s="8" t="s">
        <v>24</v>
      </c>
      <c r="B16" s="21">
        <v>17</v>
      </c>
      <c r="C16" s="6">
        <v>25</v>
      </c>
      <c r="D16" s="5">
        <v>42</v>
      </c>
    </row>
    <row r="17" spans="1:4" ht="18" customHeight="1" x14ac:dyDescent="0.15">
      <c r="A17" s="8">
        <v>10</v>
      </c>
      <c r="B17" s="21">
        <v>5</v>
      </c>
      <c r="C17" s="6">
        <v>4</v>
      </c>
      <c r="D17" s="5">
        <v>9</v>
      </c>
    </row>
    <row r="18" spans="1:4" ht="18" customHeight="1" x14ac:dyDescent="0.15">
      <c r="A18" s="8">
        <v>11</v>
      </c>
      <c r="B18" s="21">
        <v>4</v>
      </c>
      <c r="C18" s="6">
        <v>3</v>
      </c>
      <c r="D18" s="5">
        <v>7</v>
      </c>
    </row>
    <row r="19" spans="1:4" ht="18" customHeight="1" x14ac:dyDescent="0.15">
      <c r="A19" s="8">
        <v>12</v>
      </c>
      <c r="B19" s="21">
        <v>3</v>
      </c>
      <c r="C19" s="6">
        <v>5</v>
      </c>
      <c r="D19" s="5">
        <v>8</v>
      </c>
    </row>
    <row r="20" spans="1:4" ht="18" customHeight="1" x14ac:dyDescent="0.15">
      <c r="A20" s="8">
        <v>13</v>
      </c>
      <c r="B20" s="21">
        <v>4</v>
      </c>
      <c r="C20" s="6">
        <v>4</v>
      </c>
      <c r="D20" s="5">
        <v>8</v>
      </c>
    </row>
    <row r="21" spans="1:4" ht="18" customHeight="1" x14ac:dyDescent="0.15">
      <c r="A21" s="8">
        <v>14</v>
      </c>
      <c r="B21" s="21">
        <v>8</v>
      </c>
      <c r="C21" s="6">
        <v>1</v>
      </c>
      <c r="D21" s="5">
        <v>9</v>
      </c>
    </row>
    <row r="22" spans="1:4" ht="18" customHeight="1" x14ac:dyDescent="0.15">
      <c r="A22" s="8" t="s">
        <v>23</v>
      </c>
      <c r="B22" s="21">
        <v>24</v>
      </c>
      <c r="C22" s="6">
        <v>17</v>
      </c>
      <c r="D22" s="5">
        <v>41</v>
      </c>
    </row>
    <row r="23" spans="1:4" ht="18" customHeight="1" x14ac:dyDescent="0.15">
      <c r="A23" s="8" t="s">
        <v>22</v>
      </c>
      <c r="B23" s="21">
        <v>51</v>
      </c>
      <c r="C23" s="6">
        <v>54</v>
      </c>
      <c r="D23" s="5">
        <v>105</v>
      </c>
    </row>
    <row r="24" spans="1:4" ht="18" customHeight="1" x14ac:dyDescent="0.15">
      <c r="A24" s="8">
        <v>15</v>
      </c>
      <c r="B24" s="21">
        <v>7</v>
      </c>
      <c r="C24" s="6">
        <v>4</v>
      </c>
      <c r="D24" s="5">
        <v>11</v>
      </c>
    </row>
    <row r="25" spans="1:4" ht="18" customHeight="1" x14ac:dyDescent="0.15">
      <c r="A25" s="8">
        <v>16</v>
      </c>
      <c r="B25" s="21">
        <v>10</v>
      </c>
      <c r="C25" s="6">
        <v>12</v>
      </c>
      <c r="D25" s="5">
        <v>22</v>
      </c>
    </row>
    <row r="26" spans="1:4" ht="18" customHeight="1" x14ac:dyDescent="0.15">
      <c r="A26" s="8">
        <v>17</v>
      </c>
      <c r="B26" s="21">
        <v>13</v>
      </c>
      <c r="C26" s="6">
        <v>9</v>
      </c>
      <c r="D26" s="5">
        <v>22</v>
      </c>
    </row>
    <row r="27" spans="1:4" ht="18" customHeight="1" x14ac:dyDescent="0.15">
      <c r="A27" s="8">
        <v>18</v>
      </c>
      <c r="B27" s="21">
        <v>5</v>
      </c>
      <c r="C27" s="6">
        <v>6</v>
      </c>
      <c r="D27" s="5">
        <v>11</v>
      </c>
    </row>
    <row r="28" spans="1:4" ht="18" customHeight="1" x14ac:dyDescent="0.15">
      <c r="A28" s="8">
        <v>19</v>
      </c>
      <c r="B28" s="21">
        <v>13</v>
      </c>
      <c r="C28" s="6">
        <v>14</v>
      </c>
      <c r="D28" s="5">
        <v>27</v>
      </c>
    </row>
    <row r="29" spans="1:4" ht="18" customHeight="1" x14ac:dyDescent="0.15">
      <c r="A29" s="8" t="s">
        <v>21</v>
      </c>
      <c r="B29" s="21">
        <v>48</v>
      </c>
      <c r="C29" s="6">
        <v>45</v>
      </c>
      <c r="D29" s="5">
        <v>93</v>
      </c>
    </row>
    <row r="30" spans="1:4" ht="18" customHeight="1" x14ac:dyDescent="0.15">
      <c r="A30" s="8">
        <v>20</v>
      </c>
      <c r="B30" s="21">
        <v>20</v>
      </c>
      <c r="C30" s="6">
        <v>11</v>
      </c>
      <c r="D30" s="5">
        <v>31</v>
      </c>
    </row>
    <row r="31" spans="1:4" ht="18" customHeight="1" x14ac:dyDescent="0.15">
      <c r="A31" s="8">
        <v>21</v>
      </c>
      <c r="B31" s="21">
        <v>11</v>
      </c>
      <c r="C31" s="6">
        <v>15</v>
      </c>
      <c r="D31" s="5">
        <v>26</v>
      </c>
    </row>
    <row r="32" spans="1:4" ht="18" customHeight="1" x14ac:dyDescent="0.15">
      <c r="A32" s="8">
        <v>22</v>
      </c>
      <c r="B32" s="21">
        <v>12</v>
      </c>
      <c r="C32" s="6">
        <v>16</v>
      </c>
      <c r="D32" s="5">
        <v>28</v>
      </c>
    </row>
    <row r="33" spans="1:4" ht="18" customHeight="1" x14ac:dyDescent="0.15">
      <c r="A33" s="8">
        <v>23</v>
      </c>
      <c r="B33" s="21">
        <v>8</v>
      </c>
      <c r="C33" s="6">
        <v>11</v>
      </c>
      <c r="D33" s="5">
        <v>19</v>
      </c>
    </row>
    <row r="34" spans="1:4" ht="18" customHeight="1" x14ac:dyDescent="0.15">
      <c r="A34" s="8">
        <v>24</v>
      </c>
      <c r="B34" s="21">
        <v>11</v>
      </c>
      <c r="C34" s="6">
        <v>13</v>
      </c>
      <c r="D34" s="5">
        <v>24</v>
      </c>
    </row>
    <row r="35" spans="1:4" ht="18" customHeight="1" x14ac:dyDescent="0.15">
      <c r="A35" s="8" t="s">
        <v>20</v>
      </c>
      <c r="B35" s="21">
        <v>62</v>
      </c>
      <c r="C35" s="6">
        <v>66</v>
      </c>
      <c r="D35" s="5">
        <v>128</v>
      </c>
    </row>
    <row r="36" spans="1:4" ht="18" customHeight="1" x14ac:dyDescent="0.15">
      <c r="A36" s="8">
        <v>25</v>
      </c>
      <c r="B36" s="21">
        <v>16</v>
      </c>
      <c r="C36" s="6">
        <v>2</v>
      </c>
      <c r="D36" s="5">
        <v>18</v>
      </c>
    </row>
    <row r="37" spans="1:4" ht="18" customHeight="1" x14ac:dyDescent="0.15">
      <c r="A37" s="8">
        <v>26</v>
      </c>
      <c r="B37" s="21">
        <v>9</v>
      </c>
      <c r="C37" s="6">
        <v>7</v>
      </c>
      <c r="D37" s="5">
        <v>16</v>
      </c>
    </row>
    <row r="38" spans="1:4" ht="18" customHeight="1" x14ac:dyDescent="0.15">
      <c r="A38" s="8">
        <v>27</v>
      </c>
      <c r="B38" s="21">
        <v>7</v>
      </c>
      <c r="C38" s="6">
        <v>3</v>
      </c>
      <c r="D38" s="5">
        <v>10</v>
      </c>
    </row>
    <row r="39" spans="1:4" ht="18" customHeight="1" x14ac:dyDescent="0.15">
      <c r="A39" s="8">
        <v>28</v>
      </c>
      <c r="B39" s="21">
        <v>6</v>
      </c>
      <c r="C39" s="6">
        <v>5</v>
      </c>
      <c r="D39" s="5">
        <v>11</v>
      </c>
    </row>
    <row r="40" spans="1:4" ht="18" customHeight="1" x14ac:dyDescent="0.15">
      <c r="A40" s="8">
        <v>29</v>
      </c>
      <c r="B40" s="21">
        <v>3</v>
      </c>
      <c r="C40" s="6">
        <v>7</v>
      </c>
      <c r="D40" s="5">
        <v>10</v>
      </c>
    </row>
    <row r="41" spans="1:4" ht="18" customHeight="1" x14ac:dyDescent="0.15">
      <c r="A41" s="8" t="s">
        <v>19</v>
      </c>
      <c r="B41" s="21">
        <v>41</v>
      </c>
      <c r="C41" s="6">
        <v>24</v>
      </c>
      <c r="D41" s="5">
        <v>65</v>
      </c>
    </row>
    <row r="42" spans="1:4" ht="18" customHeight="1" x14ac:dyDescent="0.15">
      <c r="A42" s="8">
        <v>30</v>
      </c>
      <c r="B42" s="21">
        <v>6</v>
      </c>
      <c r="C42" s="6">
        <v>5</v>
      </c>
      <c r="D42" s="5">
        <v>11</v>
      </c>
    </row>
    <row r="43" spans="1:4" ht="18" customHeight="1" x14ac:dyDescent="0.15">
      <c r="A43" s="8">
        <v>31</v>
      </c>
      <c r="B43" s="21">
        <v>5</v>
      </c>
      <c r="C43" s="6">
        <v>3</v>
      </c>
      <c r="D43" s="5">
        <v>8</v>
      </c>
    </row>
    <row r="44" spans="1:4" ht="18" customHeight="1" x14ac:dyDescent="0.15">
      <c r="A44" s="8">
        <v>32</v>
      </c>
      <c r="B44" s="21">
        <v>4</v>
      </c>
      <c r="C44" s="6">
        <v>4</v>
      </c>
      <c r="D44" s="5">
        <v>8</v>
      </c>
    </row>
    <row r="45" spans="1:4" ht="18" customHeight="1" x14ac:dyDescent="0.15">
      <c r="A45" s="8">
        <v>33</v>
      </c>
      <c r="B45" s="21">
        <v>4</v>
      </c>
      <c r="C45" s="6">
        <v>2</v>
      </c>
      <c r="D45" s="5">
        <v>6</v>
      </c>
    </row>
    <row r="46" spans="1:4" ht="18" customHeight="1" x14ac:dyDescent="0.15">
      <c r="A46" s="8">
        <v>34</v>
      </c>
      <c r="B46" s="21">
        <v>4</v>
      </c>
      <c r="C46" s="6">
        <v>2</v>
      </c>
      <c r="D46" s="5">
        <v>6</v>
      </c>
    </row>
    <row r="47" spans="1:4" ht="18" customHeight="1" x14ac:dyDescent="0.15">
      <c r="A47" s="8" t="s">
        <v>18</v>
      </c>
      <c r="B47" s="21">
        <v>23</v>
      </c>
      <c r="C47" s="6">
        <v>16</v>
      </c>
      <c r="D47" s="5">
        <v>39</v>
      </c>
    </row>
    <row r="48" spans="1:4" ht="18" customHeight="1" x14ac:dyDescent="0.15">
      <c r="A48" s="8">
        <v>35</v>
      </c>
      <c r="B48" s="21">
        <v>6</v>
      </c>
      <c r="C48" s="6">
        <v>5</v>
      </c>
      <c r="D48" s="5">
        <v>11</v>
      </c>
    </row>
    <row r="49" spans="1:4" ht="18" customHeight="1" x14ac:dyDescent="0.15">
      <c r="A49" s="8">
        <v>36</v>
      </c>
      <c r="B49" s="21">
        <v>4</v>
      </c>
      <c r="C49" s="6">
        <v>6</v>
      </c>
      <c r="D49" s="5">
        <v>10</v>
      </c>
    </row>
    <row r="50" spans="1:4" ht="18" customHeight="1" x14ac:dyDescent="0.15">
      <c r="A50" s="8">
        <v>37</v>
      </c>
      <c r="B50" s="21">
        <v>3</v>
      </c>
      <c r="C50" s="6">
        <v>3</v>
      </c>
      <c r="D50" s="5">
        <v>6</v>
      </c>
    </row>
    <row r="51" spans="1:4" ht="18" customHeight="1" x14ac:dyDescent="0.15">
      <c r="A51" s="8">
        <v>38</v>
      </c>
      <c r="B51" s="21">
        <v>6</v>
      </c>
      <c r="C51" s="6">
        <v>5</v>
      </c>
      <c r="D51" s="5">
        <v>11</v>
      </c>
    </row>
    <row r="52" spans="1:4" ht="18" customHeight="1" x14ac:dyDescent="0.15">
      <c r="A52" s="8">
        <v>39</v>
      </c>
      <c r="B52" s="21">
        <v>10</v>
      </c>
      <c r="C52" s="6">
        <v>6</v>
      </c>
      <c r="D52" s="5">
        <v>16</v>
      </c>
    </row>
    <row r="53" spans="1:4" ht="18" customHeight="1" x14ac:dyDescent="0.15">
      <c r="A53" s="8" t="s">
        <v>17</v>
      </c>
      <c r="B53" s="21">
        <v>29</v>
      </c>
      <c r="C53" s="6">
        <v>25</v>
      </c>
      <c r="D53" s="5">
        <v>54</v>
      </c>
    </row>
    <row r="54" spans="1:4" ht="18" customHeight="1" x14ac:dyDescent="0.15">
      <c r="A54" s="8">
        <v>40</v>
      </c>
      <c r="B54" s="21">
        <v>3</v>
      </c>
      <c r="C54" s="6">
        <v>3</v>
      </c>
      <c r="D54" s="5">
        <v>6</v>
      </c>
    </row>
    <row r="55" spans="1:4" ht="18" customHeight="1" x14ac:dyDescent="0.15">
      <c r="A55" s="8">
        <v>41</v>
      </c>
      <c r="B55" s="21">
        <v>8</v>
      </c>
      <c r="C55" s="6">
        <v>7</v>
      </c>
      <c r="D55" s="5">
        <v>15</v>
      </c>
    </row>
    <row r="56" spans="1:4" ht="18" customHeight="1" x14ac:dyDescent="0.15">
      <c r="A56" s="8">
        <v>42</v>
      </c>
      <c r="B56" s="21">
        <v>7</v>
      </c>
      <c r="C56" s="6">
        <v>3</v>
      </c>
      <c r="D56" s="5">
        <v>10</v>
      </c>
    </row>
    <row r="57" spans="1:4" ht="18" customHeight="1" x14ac:dyDescent="0.15">
      <c r="A57" s="8">
        <v>43</v>
      </c>
      <c r="B57" s="21">
        <v>4</v>
      </c>
      <c r="C57" s="6">
        <v>5</v>
      </c>
      <c r="D57" s="5">
        <v>9</v>
      </c>
    </row>
    <row r="58" spans="1:4" ht="18" customHeight="1" x14ac:dyDescent="0.15">
      <c r="A58" s="8">
        <v>44</v>
      </c>
      <c r="B58" s="21">
        <v>7</v>
      </c>
      <c r="C58" s="6">
        <v>4</v>
      </c>
      <c r="D58" s="5">
        <v>11</v>
      </c>
    </row>
    <row r="59" spans="1:4" ht="18" customHeight="1" x14ac:dyDescent="0.15">
      <c r="A59" s="8" t="s">
        <v>16</v>
      </c>
      <c r="B59" s="21">
        <v>29</v>
      </c>
      <c r="C59" s="6">
        <v>22</v>
      </c>
      <c r="D59" s="5">
        <v>51</v>
      </c>
    </row>
    <row r="60" spans="1:4" ht="18" customHeight="1" x14ac:dyDescent="0.15">
      <c r="A60" s="8">
        <v>45</v>
      </c>
      <c r="B60" s="21">
        <v>9</v>
      </c>
      <c r="C60" s="6">
        <v>11</v>
      </c>
      <c r="D60" s="5">
        <v>20</v>
      </c>
    </row>
    <row r="61" spans="1:4" ht="18" customHeight="1" x14ac:dyDescent="0.15">
      <c r="A61" s="8">
        <v>46</v>
      </c>
      <c r="B61" s="21">
        <v>3</v>
      </c>
      <c r="C61" s="6">
        <v>9</v>
      </c>
      <c r="D61" s="5">
        <v>12</v>
      </c>
    </row>
    <row r="62" spans="1:4" ht="18" customHeight="1" x14ac:dyDescent="0.15">
      <c r="A62" s="8">
        <v>47</v>
      </c>
      <c r="B62" s="21">
        <v>9</v>
      </c>
      <c r="C62" s="6">
        <v>16</v>
      </c>
      <c r="D62" s="5">
        <v>25</v>
      </c>
    </row>
    <row r="63" spans="1:4" ht="18" customHeight="1" x14ac:dyDescent="0.15">
      <c r="A63" s="8">
        <v>48</v>
      </c>
      <c r="B63" s="21">
        <v>18</v>
      </c>
      <c r="C63" s="6">
        <v>11</v>
      </c>
      <c r="D63" s="5">
        <v>29</v>
      </c>
    </row>
    <row r="64" spans="1:4" ht="18" customHeight="1" x14ac:dyDescent="0.15">
      <c r="A64" s="8">
        <v>49</v>
      </c>
      <c r="B64" s="21">
        <v>20</v>
      </c>
      <c r="C64" s="6">
        <v>20</v>
      </c>
      <c r="D64" s="5">
        <v>40</v>
      </c>
    </row>
    <row r="65" spans="1:4" ht="18" customHeight="1" x14ac:dyDescent="0.15">
      <c r="A65" s="8" t="s">
        <v>15</v>
      </c>
      <c r="B65" s="21">
        <v>59</v>
      </c>
      <c r="C65" s="6">
        <v>67</v>
      </c>
      <c r="D65" s="5">
        <v>126</v>
      </c>
    </row>
    <row r="66" spans="1:4" ht="18" customHeight="1" x14ac:dyDescent="0.15">
      <c r="A66" s="8">
        <v>50</v>
      </c>
      <c r="B66" s="21">
        <v>26</v>
      </c>
      <c r="C66" s="6">
        <v>18</v>
      </c>
      <c r="D66" s="5">
        <v>44</v>
      </c>
    </row>
    <row r="67" spans="1:4" ht="18" customHeight="1" x14ac:dyDescent="0.15">
      <c r="A67" s="8">
        <v>51</v>
      </c>
      <c r="B67" s="21">
        <v>24</v>
      </c>
      <c r="C67" s="6">
        <v>13</v>
      </c>
      <c r="D67" s="5">
        <v>37</v>
      </c>
    </row>
    <row r="68" spans="1:4" ht="18" customHeight="1" x14ac:dyDescent="0.15">
      <c r="A68" s="8">
        <v>52</v>
      </c>
      <c r="B68" s="21">
        <v>24</v>
      </c>
      <c r="C68" s="6">
        <v>19</v>
      </c>
      <c r="D68" s="5">
        <v>43</v>
      </c>
    </row>
    <row r="69" spans="1:4" ht="18" customHeight="1" x14ac:dyDescent="0.15">
      <c r="A69" s="8">
        <v>53</v>
      </c>
      <c r="B69" s="21">
        <v>22</v>
      </c>
      <c r="C69" s="6">
        <v>16</v>
      </c>
      <c r="D69" s="5">
        <v>38</v>
      </c>
    </row>
    <row r="70" spans="1:4" ht="18" customHeight="1" x14ac:dyDescent="0.15">
      <c r="A70" s="8">
        <v>54</v>
      </c>
      <c r="B70" s="21">
        <v>21</v>
      </c>
      <c r="C70" s="6">
        <v>15</v>
      </c>
      <c r="D70" s="5">
        <v>36</v>
      </c>
    </row>
    <row r="71" spans="1:4" ht="18" customHeight="1" x14ac:dyDescent="0.15">
      <c r="A71" s="8" t="s">
        <v>14</v>
      </c>
      <c r="B71" s="21">
        <v>117</v>
      </c>
      <c r="C71" s="6">
        <v>81</v>
      </c>
      <c r="D71" s="5">
        <v>198</v>
      </c>
    </row>
    <row r="72" spans="1:4" ht="18" customHeight="1" x14ac:dyDescent="0.15">
      <c r="A72" s="8">
        <v>55</v>
      </c>
      <c r="B72" s="21">
        <v>12</v>
      </c>
      <c r="C72" s="6">
        <v>23</v>
      </c>
      <c r="D72" s="5">
        <v>35</v>
      </c>
    </row>
    <row r="73" spans="1:4" ht="18" customHeight="1" x14ac:dyDescent="0.15">
      <c r="A73" s="8">
        <v>56</v>
      </c>
      <c r="B73" s="21">
        <v>12</v>
      </c>
      <c r="C73" s="6">
        <v>14</v>
      </c>
      <c r="D73" s="5">
        <v>26</v>
      </c>
    </row>
    <row r="74" spans="1:4" ht="18" customHeight="1" x14ac:dyDescent="0.15">
      <c r="A74" s="8">
        <v>57</v>
      </c>
      <c r="B74" s="21">
        <v>24</v>
      </c>
      <c r="C74" s="6">
        <v>18</v>
      </c>
      <c r="D74" s="5">
        <v>42</v>
      </c>
    </row>
    <row r="75" spans="1:4" ht="18" customHeight="1" x14ac:dyDescent="0.15">
      <c r="A75" s="8">
        <v>58</v>
      </c>
      <c r="B75" s="21">
        <v>8</v>
      </c>
      <c r="C75" s="6">
        <v>10</v>
      </c>
      <c r="D75" s="5">
        <v>18</v>
      </c>
    </row>
    <row r="76" spans="1:4" ht="18" customHeight="1" x14ac:dyDescent="0.15">
      <c r="A76" s="8">
        <v>59</v>
      </c>
      <c r="B76" s="21">
        <v>10</v>
      </c>
      <c r="C76" s="6">
        <v>8</v>
      </c>
      <c r="D76" s="5">
        <v>18</v>
      </c>
    </row>
    <row r="77" spans="1:4" ht="18" customHeight="1" x14ac:dyDescent="0.15">
      <c r="A77" s="8" t="s">
        <v>13</v>
      </c>
      <c r="B77" s="21">
        <v>66</v>
      </c>
      <c r="C77" s="6">
        <v>73</v>
      </c>
      <c r="D77" s="5">
        <v>139</v>
      </c>
    </row>
    <row r="78" spans="1:4" ht="18" customHeight="1" x14ac:dyDescent="0.15">
      <c r="A78" s="8">
        <v>60</v>
      </c>
      <c r="B78" s="21">
        <v>10</v>
      </c>
      <c r="C78" s="6">
        <v>6</v>
      </c>
      <c r="D78" s="5">
        <v>16</v>
      </c>
    </row>
    <row r="79" spans="1:4" ht="18" customHeight="1" x14ac:dyDescent="0.15">
      <c r="A79" s="8">
        <v>61</v>
      </c>
      <c r="B79" s="21">
        <v>14</v>
      </c>
      <c r="C79" s="6">
        <v>7</v>
      </c>
      <c r="D79" s="5">
        <v>21</v>
      </c>
    </row>
    <row r="80" spans="1:4" ht="18" customHeight="1" x14ac:dyDescent="0.15">
      <c r="A80" s="8">
        <v>62</v>
      </c>
      <c r="B80" s="21">
        <v>5</v>
      </c>
      <c r="C80" s="6">
        <v>7</v>
      </c>
      <c r="D80" s="5">
        <v>12</v>
      </c>
    </row>
    <row r="81" spans="1:4" ht="18" customHeight="1" x14ac:dyDescent="0.15">
      <c r="A81" s="8">
        <v>63</v>
      </c>
      <c r="B81" s="21">
        <v>4</v>
      </c>
      <c r="C81" s="6">
        <v>12</v>
      </c>
      <c r="D81" s="5">
        <v>16</v>
      </c>
    </row>
    <row r="82" spans="1:4" ht="18" customHeight="1" x14ac:dyDescent="0.15">
      <c r="A82" s="8">
        <v>64</v>
      </c>
      <c r="B82" s="21">
        <v>10</v>
      </c>
      <c r="C82" s="6">
        <v>9</v>
      </c>
      <c r="D82" s="5">
        <v>19</v>
      </c>
    </row>
    <row r="83" spans="1:4" ht="18" customHeight="1" x14ac:dyDescent="0.15">
      <c r="A83" s="8" t="s">
        <v>12</v>
      </c>
      <c r="B83" s="21">
        <v>43</v>
      </c>
      <c r="C83" s="6">
        <v>41</v>
      </c>
      <c r="D83" s="5">
        <v>84</v>
      </c>
    </row>
    <row r="84" spans="1:4" ht="18" customHeight="1" x14ac:dyDescent="0.15">
      <c r="A84" s="8" t="s">
        <v>11</v>
      </c>
      <c r="B84" s="21">
        <v>517</v>
      </c>
      <c r="C84" s="6">
        <v>460</v>
      </c>
      <c r="D84" s="5">
        <v>977</v>
      </c>
    </row>
    <row r="85" spans="1:4" ht="18" customHeight="1" x14ac:dyDescent="0.15">
      <c r="A85" s="8">
        <v>65</v>
      </c>
      <c r="B85" s="21">
        <v>12</v>
      </c>
      <c r="C85" s="6">
        <v>11</v>
      </c>
      <c r="D85" s="5">
        <v>23</v>
      </c>
    </row>
    <row r="86" spans="1:4" ht="18" customHeight="1" x14ac:dyDescent="0.15">
      <c r="A86" s="8">
        <v>66</v>
      </c>
      <c r="B86" s="21">
        <v>13</v>
      </c>
      <c r="C86" s="6">
        <v>6</v>
      </c>
      <c r="D86" s="5">
        <v>19</v>
      </c>
    </row>
    <row r="87" spans="1:4" ht="18" customHeight="1" x14ac:dyDescent="0.15">
      <c r="A87" s="8">
        <v>67</v>
      </c>
      <c r="B87" s="21">
        <v>9</v>
      </c>
      <c r="C87" s="6">
        <v>14</v>
      </c>
      <c r="D87" s="5">
        <v>23</v>
      </c>
    </row>
    <row r="88" spans="1:4" ht="18" customHeight="1" x14ac:dyDescent="0.15">
      <c r="A88" s="8">
        <v>68</v>
      </c>
      <c r="B88" s="21">
        <v>7</v>
      </c>
      <c r="C88" s="6">
        <v>8</v>
      </c>
      <c r="D88" s="5">
        <v>15</v>
      </c>
    </row>
    <row r="89" spans="1:4" ht="18" customHeight="1" x14ac:dyDescent="0.15">
      <c r="A89" s="8">
        <v>69</v>
      </c>
      <c r="B89" s="21">
        <v>7</v>
      </c>
      <c r="C89" s="6">
        <v>6</v>
      </c>
      <c r="D89" s="5">
        <v>13</v>
      </c>
    </row>
    <row r="90" spans="1:4" ht="18" customHeight="1" x14ac:dyDescent="0.15">
      <c r="A90" s="8" t="s">
        <v>10</v>
      </c>
      <c r="B90" s="21">
        <v>48</v>
      </c>
      <c r="C90" s="6">
        <v>45</v>
      </c>
      <c r="D90" s="5">
        <v>93</v>
      </c>
    </row>
    <row r="91" spans="1:4" ht="18" customHeight="1" x14ac:dyDescent="0.15">
      <c r="A91" s="8">
        <v>70</v>
      </c>
      <c r="B91" s="21">
        <v>6</v>
      </c>
      <c r="C91" s="6">
        <v>4</v>
      </c>
      <c r="D91" s="5">
        <v>10</v>
      </c>
    </row>
    <row r="92" spans="1:4" ht="18" customHeight="1" x14ac:dyDescent="0.15">
      <c r="A92" s="8">
        <v>71</v>
      </c>
      <c r="B92" s="21">
        <v>8</v>
      </c>
      <c r="C92" s="6">
        <v>13</v>
      </c>
      <c r="D92" s="5">
        <v>21</v>
      </c>
    </row>
    <row r="93" spans="1:4" ht="18" customHeight="1" x14ac:dyDescent="0.15">
      <c r="A93" s="8">
        <v>72</v>
      </c>
      <c r="B93" s="21">
        <v>7</v>
      </c>
      <c r="C93" s="6">
        <v>13</v>
      </c>
      <c r="D93" s="5">
        <v>20</v>
      </c>
    </row>
    <row r="94" spans="1:4" ht="18" customHeight="1" x14ac:dyDescent="0.15">
      <c r="A94" s="8">
        <v>73</v>
      </c>
      <c r="B94" s="21">
        <v>10</v>
      </c>
      <c r="C94" s="6">
        <v>13</v>
      </c>
      <c r="D94" s="5">
        <v>23</v>
      </c>
    </row>
    <row r="95" spans="1:4" ht="18" customHeight="1" x14ac:dyDescent="0.15">
      <c r="A95" s="8">
        <v>74</v>
      </c>
      <c r="B95" s="21">
        <v>9</v>
      </c>
      <c r="C95" s="6">
        <v>7</v>
      </c>
      <c r="D95" s="5">
        <v>16</v>
      </c>
    </row>
    <row r="96" spans="1:4" ht="18" customHeight="1" x14ac:dyDescent="0.15">
      <c r="A96" s="8" t="s">
        <v>9</v>
      </c>
      <c r="B96" s="21">
        <v>40</v>
      </c>
      <c r="C96" s="6">
        <v>50</v>
      </c>
      <c r="D96" s="5">
        <v>90</v>
      </c>
    </row>
    <row r="97" spans="1:4" ht="18" customHeight="1" x14ac:dyDescent="0.15">
      <c r="A97" s="8">
        <v>75</v>
      </c>
      <c r="B97" s="21">
        <v>17</v>
      </c>
      <c r="C97" s="6">
        <v>11</v>
      </c>
      <c r="D97" s="5">
        <v>28</v>
      </c>
    </row>
    <row r="98" spans="1:4" ht="18" customHeight="1" x14ac:dyDescent="0.15">
      <c r="A98" s="8">
        <v>76</v>
      </c>
      <c r="B98" s="21">
        <v>10</v>
      </c>
      <c r="C98" s="6">
        <v>15</v>
      </c>
      <c r="D98" s="5">
        <v>25</v>
      </c>
    </row>
    <row r="99" spans="1:4" ht="18" customHeight="1" x14ac:dyDescent="0.15">
      <c r="A99" s="8">
        <v>77</v>
      </c>
      <c r="B99" s="21">
        <v>7</v>
      </c>
      <c r="C99" s="6">
        <v>14</v>
      </c>
      <c r="D99" s="5">
        <v>21</v>
      </c>
    </row>
    <row r="100" spans="1:4" ht="18" customHeight="1" x14ac:dyDescent="0.15">
      <c r="A100" s="8">
        <v>78</v>
      </c>
      <c r="B100" s="21">
        <v>9</v>
      </c>
      <c r="C100" s="6">
        <v>11</v>
      </c>
      <c r="D100" s="5">
        <v>20</v>
      </c>
    </row>
    <row r="101" spans="1:4" ht="18" customHeight="1" x14ac:dyDescent="0.15">
      <c r="A101" s="8">
        <v>79</v>
      </c>
      <c r="B101" s="21">
        <v>8</v>
      </c>
      <c r="C101" s="6">
        <v>6</v>
      </c>
      <c r="D101" s="5">
        <v>14</v>
      </c>
    </row>
    <row r="102" spans="1:4" ht="18" customHeight="1" x14ac:dyDescent="0.15">
      <c r="A102" s="8" t="s">
        <v>8</v>
      </c>
      <c r="B102" s="21">
        <v>51</v>
      </c>
      <c r="C102" s="6">
        <v>57</v>
      </c>
      <c r="D102" s="5">
        <v>108</v>
      </c>
    </row>
    <row r="103" spans="1:4" ht="18" customHeight="1" x14ac:dyDescent="0.15">
      <c r="A103" s="8">
        <v>80</v>
      </c>
      <c r="B103" s="21">
        <v>7</v>
      </c>
      <c r="C103" s="6">
        <v>14</v>
      </c>
      <c r="D103" s="5">
        <v>21</v>
      </c>
    </row>
    <row r="104" spans="1:4" ht="18" customHeight="1" x14ac:dyDescent="0.15">
      <c r="A104" s="8">
        <v>81</v>
      </c>
      <c r="B104" s="21">
        <v>9</v>
      </c>
      <c r="C104" s="6">
        <v>8</v>
      </c>
      <c r="D104" s="5">
        <v>17</v>
      </c>
    </row>
    <row r="105" spans="1:4" ht="18" customHeight="1" x14ac:dyDescent="0.15">
      <c r="A105" s="8">
        <v>82</v>
      </c>
      <c r="B105" s="21">
        <v>5</v>
      </c>
      <c r="C105" s="6">
        <v>14</v>
      </c>
      <c r="D105" s="5">
        <v>19</v>
      </c>
    </row>
    <row r="106" spans="1:4" ht="18" customHeight="1" x14ac:dyDescent="0.15">
      <c r="A106" s="8">
        <v>83</v>
      </c>
      <c r="B106" s="21">
        <v>2</v>
      </c>
      <c r="C106" s="6">
        <v>11</v>
      </c>
      <c r="D106" s="5">
        <v>13</v>
      </c>
    </row>
    <row r="107" spans="1:4" ht="18" customHeight="1" x14ac:dyDescent="0.15">
      <c r="A107" s="8">
        <v>84</v>
      </c>
      <c r="B107" s="21">
        <v>7</v>
      </c>
      <c r="C107" s="6">
        <v>9</v>
      </c>
      <c r="D107" s="5">
        <v>16</v>
      </c>
    </row>
    <row r="108" spans="1:4" ht="18" customHeight="1" x14ac:dyDescent="0.15">
      <c r="A108" s="8" t="s">
        <v>7</v>
      </c>
      <c r="B108" s="21">
        <v>30</v>
      </c>
      <c r="C108" s="6">
        <v>56</v>
      </c>
      <c r="D108" s="5">
        <v>86</v>
      </c>
    </row>
    <row r="109" spans="1:4" ht="18" customHeight="1" x14ac:dyDescent="0.15">
      <c r="A109" s="8">
        <v>85</v>
      </c>
      <c r="B109" s="21">
        <v>4</v>
      </c>
      <c r="C109" s="6">
        <v>9</v>
      </c>
      <c r="D109" s="5">
        <v>13</v>
      </c>
    </row>
    <row r="110" spans="1:4" ht="18" customHeight="1" x14ac:dyDescent="0.15">
      <c r="A110" s="8">
        <v>86</v>
      </c>
      <c r="B110" s="21">
        <v>8</v>
      </c>
      <c r="C110" s="6">
        <v>1</v>
      </c>
      <c r="D110" s="5">
        <v>9</v>
      </c>
    </row>
    <row r="111" spans="1:4" ht="18" customHeight="1" x14ac:dyDescent="0.15">
      <c r="A111" s="8">
        <v>87</v>
      </c>
      <c r="B111" s="21">
        <v>2</v>
      </c>
      <c r="C111" s="6">
        <v>4</v>
      </c>
      <c r="D111" s="5">
        <v>6</v>
      </c>
    </row>
    <row r="112" spans="1:4" ht="18" customHeight="1" x14ac:dyDescent="0.15">
      <c r="A112" s="8">
        <v>88</v>
      </c>
      <c r="B112" s="21">
        <v>2</v>
      </c>
      <c r="C112" s="6">
        <v>8</v>
      </c>
      <c r="D112" s="5">
        <v>10</v>
      </c>
    </row>
    <row r="113" spans="1:4" ht="18" customHeight="1" x14ac:dyDescent="0.15">
      <c r="A113" s="8">
        <v>89</v>
      </c>
      <c r="B113" s="21">
        <v>1</v>
      </c>
      <c r="C113" s="6">
        <v>5</v>
      </c>
      <c r="D113" s="5">
        <v>6</v>
      </c>
    </row>
    <row r="114" spans="1:4" ht="18" customHeight="1" x14ac:dyDescent="0.15">
      <c r="A114" s="8" t="s">
        <v>6</v>
      </c>
      <c r="B114" s="21">
        <v>17</v>
      </c>
      <c r="C114" s="6">
        <v>27</v>
      </c>
      <c r="D114" s="5">
        <v>44</v>
      </c>
    </row>
    <row r="115" spans="1:4" ht="18" customHeight="1" x14ac:dyDescent="0.15">
      <c r="A115" s="8">
        <v>90</v>
      </c>
      <c r="B115" s="21">
        <v>2</v>
      </c>
      <c r="C115" s="6">
        <v>6</v>
      </c>
      <c r="D115" s="5">
        <v>8</v>
      </c>
    </row>
    <row r="116" spans="1:4" ht="18" customHeight="1" x14ac:dyDescent="0.15">
      <c r="A116" s="8">
        <v>91</v>
      </c>
      <c r="B116" s="21">
        <v>3</v>
      </c>
      <c r="C116" s="6">
        <v>6</v>
      </c>
      <c r="D116" s="5">
        <v>9</v>
      </c>
    </row>
    <row r="117" spans="1:4" ht="18" customHeight="1" x14ac:dyDescent="0.15">
      <c r="A117" s="8">
        <v>92</v>
      </c>
      <c r="B117" s="21">
        <v>1</v>
      </c>
      <c r="C117" s="6">
        <v>3</v>
      </c>
      <c r="D117" s="5">
        <v>4</v>
      </c>
    </row>
    <row r="118" spans="1:4" ht="18" customHeight="1" x14ac:dyDescent="0.15">
      <c r="A118" s="8">
        <v>93</v>
      </c>
      <c r="B118" s="21">
        <v>1</v>
      </c>
      <c r="C118" s="6">
        <v>3</v>
      </c>
      <c r="D118" s="5">
        <v>4</v>
      </c>
    </row>
    <row r="119" spans="1:4" ht="18" customHeight="1" x14ac:dyDescent="0.15">
      <c r="A119" s="8">
        <v>94</v>
      </c>
      <c r="B119" s="21">
        <v>1</v>
      </c>
      <c r="C119" s="6">
        <v>4</v>
      </c>
      <c r="D119" s="5">
        <v>5</v>
      </c>
    </row>
    <row r="120" spans="1:4" ht="18" customHeight="1" x14ac:dyDescent="0.15">
      <c r="A120" s="8" t="s">
        <v>5</v>
      </c>
      <c r="B120" s="21">
        <v>8</v>
      </c>
      <c r="C120" s="6">
        <v>22</v>
      </c>
      <c r="D120" s="5">
        <v>30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0</v>
      </c>
      <c r="C126" s="6">
        <v>2</v>
      </c>
      <c r="D126" s="5">
        <v>2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1</v>
      </c>
      <c r="C128" s="6">
        <v>1</v>
      </c>
      <c r="D128" s="5">
        <v>2</v>
      </c>
    </row>
    <row r="129" spans="1:4" ht="18" customHeight="1" x14ac:dyDescent="0.15">
      <c r="A129" s="8" t="s">
        <v>2</v>
      </c>
      <c r="B129" s="21">
        <v>1</v>
      </c>
      <c r="C129" s="6">
        <v>2</v>
      </c>
      <c r="D129" s="5">
        <v>3</v>
      </c>
    </row>
    <row r="130" spans="1:4" ht="18" customHeight="1" x14ac:dyDescent="0.15">
      <c r="A130" s="8" t="s">
        <v>1</v>
      </c>
      <c r="B130" s="21">
        <v>195</v>
      </c>
      <c r="C130" s="6">
        <v>261</v>
      </c>
      <c r="D130" s="5">
        <v>456</v>
      </c>
    </row>
    <row r="131" spans="1:4" ht="18" customHeight="1" x14ac:dyDescent="0.15">
      <c r="A131" s="4" t="s">
        <v>0</v>
      </c>
      <c r="B131" s="20">
        <v>763</v>
      </c>
      <c r="C131" s="2">
        <v>775</v>
      </c>
      <c r="D131" s="1">
        <v>153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B18511E-03C9-4A66-9B84-DC6F5A278EA3}">
  <sheetPr codeName="Sheet1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</v>
      </c>
      <c r="C5" s="11">
        <v>1</v>
      </c>
      <c r="D5" s="10">
        <v>5</v>
      </c>
    </row>
    <row r="6" spans="1:4" ht="18" customHeight="1" x14ac:dyDescent="0.15">
      <c r="A6" s="8">
        <v>1</v>
      </c>
      <c r="B6" s="21">
        <v>3</v>
      </c>
      <c r="C6" s="6">
        <v>2</v>
      </c>
      <c r="D6" s="5">
        <v>5</v>
      </c>
    </row>
    <row r="7" spans="1:4" ht="18" customHeight="1" x14ac:dyDescent="0.15">
      <c r="A7" s="8">
        <v>2</v>
      </c>
      <c r="B7" s="21">
        <v>5</v>
      </c>
      <c r="C7" s="6">
        <v>1</v>
      </c>
      <c r="D7" s="5">
        <v>6</v>
      </c>
    </row>
    <row r="8" spans="1:4" ht="18" customHeight="1" x14ac:dyDescent="0.15">
      <c r="A8" s="8">
        <v>3</v>
      </c>
      <c r="B8" s="21">
        <v>5</v>
      </c>
      <c r="C8" s="6">
        <v>3</v>
      </c>
      <c r="D8" s="5">
        <v>8</v>
      </c>
    </row>
    <row r="9" spans="1:4" ht="18" customHeight="1" x14ac:dyDescent="0.15">
      <c r="A9" s="8">
        <v>4</v>
      </c>
      <c r="B9" s="21">
        <v>5</v>
      </c>
      <c r="C9" s="6">
        <v>1</v>
      </c>
      <c r="D9" s="5">
        <v>6</v>
      </c>
    </row>
    <row r="10" spans="1:4" ht="18" customHeight="1" x14ac:dyDescent="0.15">
      <c r="A10" s="8" t="s">
        <v>25</v>
      </c>
      <c r="B10" s="21">
        <v>22</v>
      </c>
      <c r="C10" s="6">
        <v>8</v>
      </c>
      <c r="D10" s="5">
        <v>30</v>
      </c>
    </row>
    <row r="11" spans="1:4" ht="18" customHeight="1" x14ac:dyDescent="0.15">
      <c r="A11" s="8">
        <v>5</v>
      </c>
      <c r="B11" s="21">
        <v>7</v>
      </c>
      <c r="C11" s="6">
        <v>0</v>
      </c>
      <c r="D11" s="5">
        <v>7</v>
      </c>
    </row>
    <row r="12" spans="1:4" ht="18" customHeight="1" x14ac:dyDescent="0.15">
      <c r="A12" s="8">
        <v>6</v>
      </c>
      <c r="B12" s="21">
        <v>1</v>
      </c>
      <c r="C12" s="6">
        <v>5</v>
      </c>
      <c r="D12" s="5">
        <v>6</v>
      </c>
    </row>
    <row r="13" spans="1:4" ht="18" customHeight="1" x14ac:dyDescent="0.15">
      <c r="A13" s="8">
        <v>7</v>
      </c>
      <c r="B13" s="21">
        <v>3</v>
      </c>
      <c r="C13" s="6">
        <v>4</v>
      </c>
      <c r="D13" s="5">
        <v>7</v>
      </c>
    </row>
    <row r="14" spans="1:4" ht="18" customHeight="1" x14ac:dyDescent="0.15">
      <c r="A14" s="8">
        <v>8</v>
      </c>
      <c r="B14" s="21">
        <v>5</v>
      </c>
      <c r="C14" s="6">
        <v>5</v>
      </c>
      <c r="D14" s="5">
        <v>10</v>
      </c>
    </row>
    <row r="15" spans="1:4" ht="18" customHeight="1" x14ac:dyDescent="0.15">
      <c r="A15" s="8">
        <v>9</v>
      </c>
      <c r="B15" s="21">
        <v>4</v>
      </c>
      <c r="C15" s="6">
        <v>4</v>
      </c>
      <c r="D15" s="5">
        <v>8</v>
      </c>
    </row>
    <row r="16" spans="1:4" ht="18" customHeight="1" x14ac:dyDescent="0.15">
      <c r="A16" s="8" t="s">
        <v>24</v>
      </c>
      <c r="B16" s="21">
        <v>20</v>
      </c>
      <c r="C16" s="6">
        <v>18</v>
      </c>
      <c r="D16" s="5">
        <v>38</v>
      </c>
    </row>
    <row r="17" spans="1:4" ht="18" customHeight="1" x14ac:dyDescent="0.15">
      <c r="A17" s="8">
        <v>10</v>
      </c>
      <c r="B17" s="21">
        <v>3</v>
      </c>
      <c r="C17" s="6">
        <v>7</v>
      </c>
      <c r="D17" s="5">
        <v>10</v>
      </c>
    </row>
    <row r="18" spans="1:4" ht="18" customHeight="1" x14ac:dyDescent="0.15">
      <c r="A18" s="8">
        <v>11</v>
      </c>
      <c r="B18" s="21">
        <v>9</v>
      </c>
      <c r="C18" s="6">
        <v>4</v>
      </c>
      <c r="D18" s="5">
        <v>13</v>
      </c>
    </row>
    <row r="19" spans="1:4" ht="18" customHeight="1" x14ac:dyDescent="0.15">
      <c r="A19" s="8">
        <v>12</v>
      </c>
      <c r="B19" s="21">
        <v>6</v>
      </c>
      <c r="C19" s="6">
        <v>4</v>
      </c>
      <c r="D19" s="5">
        <v>10</v>
      </c>
    </row>
    <row r="20" spans="1:4" ht="18" customHeight="1" x14ac:dyDescent="0.15">
      <c r="A20" s="8">
        <v>13</v>
      </c>
      <c r="B20" s="21">
        <v>6</v>
      </c>
      <c r="C20" s="6">
        <v>6</v>
      </c>
      <c r="D20" s="5">
        <v>12</v>
      </c>
    </row>
    <row r="21" spans="1:4" ht="18" customHeight="1" x14ac:dyDescent="0.15">
      <c r="A21" s="8">
        <v>14</v>
      </c>
      <c r="B21" s="21">
        <v>7</v>
      </c>
      <c r="C21" s="6">
        <v>7</v>
      </c>
      <c r="D21" s="5">
        <v>14</v>
      </c>
    </row>
    <row r="22" spans="1:4" ht="18" customHeight="1" x14ac:dyDescent="0.15">
      <c r="A22" s="8" t="s">
        <v>23</v>
      </c>
      <c r="B22" s="21">
        <v>31</v>
      </c>
      <c r="C22" s="6">
        <v>28</v>
      </c>
      <c r="D22" s="5">
        <v>59</v>
      </c>
    </row>
    <row r="23" spans="1:4" ht="18" customHeight="1" x14ac:dyDescent="0.15">
      <c r="A23" s="8" t="s">
        <v>22</v>
      </c>
      <c r="B23" s="21">
        <v>73</v>
      </c>
      <c r="C23" s="6">
        <v>54</v>
      </c>
      <c r="D23" s="5">
        <v>127</v>
      </c>
    </row>
    <row r="24" spans="1:4" ht="18" customHeight="1" x14ac:dyDescent="0.15">
      <c r="A24" s="8">
        <v>15</v>
      </c>
      <c r="B24" s="21">
        <v>5</v>
      </c>
      <c r="C24" s="6">
        <v>12</v>
      </c>
      <c r="D24" s="5">
        <v>17</v>
      </c>
    </row>
    <row r="25" spans="1:4" ht="18" customHeight="1" x14ac:dyDescent="0.15">
      <c r="A25" s="8">
        <v>16</v>
      </c>
      <c r="B25" s="21">
        <v>2</v>
      </c>
      <c r="C25" s="6">
        <v>7</v>
      </c>
      <c r="D25" s="5">
        <v>9</v>
      </c>
    </row>
    <row r="26" spans="1:4" ht="18" customHeight="1" x14ac:dyDescent="0.15">
      <c r="A26" s="8">
        <v>17</v>
      </c>
      <c r="B26" s="21">
        <v>2</v>
      </c>
      <c r="C26" s="6">
        <v>11</v>
      </c>
      <c r="D26" s="5">
        <v>13</v>
      </c>
    </row>
    <row r="27" spans="1:4" ht="18" customHeight="1" x14ac:dyDescent="0.15">
      <c r="A27" s="8">
        <v>18</v>
      </c>
      <c r="B27" s="21">
        <v>5</v>
      </c>
      <c r="C27" s="6">
        <v>4</v>
      </c>
      <c r="D27" s="5">
        <v>9</v>
      </c>
    </row>
    <row r="28" spans="1:4" ht="18" customHeight="1" x14ac:dyDescent="0.15">
      <c r="A28" s="8">
        <v>19</v>
      </c>
      <c r="B28" s="21">
        <v>9</v>
      </c>
      <c r="C28" s="6">
        <v>7</v>
      </c>
      <c r="D28" s="5">
        <v>16</v>
      </c>
    </row>
    <row r="29" spans="1:4" ht="18" customHeight="1" x14ac:dyDescent="0.15">
      <c r="A29" s="8" t="s">
        <v>21</v>
      </c>
      <c r="B29" s="21">
        <v>23</v>
      </c>
      <c r="C29" s="6">
        <v>41</v>
      </c>
      <c r="D29" s="5">
        <v>64</v>
      </c>
    </row>
    <row r="30" spans="1:4" ht="18" customHeight="1" x14ac:dyDescent="0.15">
      <c r="A30" s="8">
        <v>20</v>
      </c>
      <c r="B30" s="21">
        <v>10</v>
      </c>
      <c r="C30" s="6">
        <v>8</v>
      </c>
      <c r="D30" s="5">
        <v>18</v>
      </c>
    </row>
    <row r="31" spans="1:4" ht="18" customHeight="1" x14ac:dyDescent="0.15">
      <c r="A31" s="8">
        <v>21</v>
      </c>
      <c r="B31" s="21">
        <v>11</v>
      </c>
      <c r="C31" s="6">
        <v>9</v>
      </c>
      <c r="D31" s="5">
        <v>20</v>
      </c>
    </row>
    <row r="32" spans="1:4" ht="18" customHeight="1" x14ac:dyDescent="0.15">
      <c r="A32" s="8">
        <v>22</v>
      </c>
      <c r="B32" s="21">
        <v>9</v>
      </c>
      <c r="C32" s="6">
        <v>7</v>
      </c>
      <c r="D32" s="5">
        <v>16</v>
      </c>
    </row>
    <row r="33" spans="1:4" ht="18" customHeight="1" x14ac:dyDescent="0.15">
      <c r="A33" s="8">
        <v>23</v>
      </c>
      <c r="B33" s="21">
        <v>10</v>
      </c>
      <c r="C33" s="6">
        <v>5</v>
      </c>
      <c r="D33" s="5">
        <v>15</v>
      </c>
    </row>
    <row r="34" spans="1:4" ht="18" customHeight="1" x14ac:dyDescent="0.15">
      <c r="A34" s="8">
        <v>24</v>
      </c>
      <c r="B34" s="21">
        <v>6</v>
      </c>
      <c r="C34" s="6">
        <v>10</v>
      </c>
      <c r="D34" s="5">
        <v>16</v>
      </c>
    </row>
    <row r="35" spans="1:4" ht="18" customHeight="1" x14ac:dyDescent="0.15">
      <c r="A35" s="8" t="s">
        <v>20</v>
      </c>
      <c r="B35" s="21">
        <v>46</v>
      </c>
      <c r="C35" s="6">
        <v>39</v>
      </c>
      <c r="D35" s="5">
        <v>85</v>
      </c>
    </row>
    <row r="36" spans="1:4" ht="18" customHeight="1" x14ac:dyDescent="0.15">
      <c r="A36" s="8">
        <v>25</v>
      </c>
      <c r="B36" s="21">
        <v>12</v>
      </c>
      <c r="C36" s="6">
        <v>7</v>
      </c>
      <c r="D36" s="5">
        <v>19</v>
      </c>
    </row>
    <row r="37" spans="1:4" ht="18" customHeight="1" x14ac:dyDescent="0.15">
      <c r="A37" s="8">
        <v>26</v>
      </c>
      <c r="B37" s="21">
        <v>12</v>
      </c>
      <c r="C37" s="6">
        <v>9</v>
      </c>
      <c r="D37" s="5">
        <v>21</v>
      </c>
    </row>
    <row r="38" spans="1:4" ht="18" customHeight="1" x14ac:dyDescent="0.15">
      <c r="A38" s="8">
        <v>27</v>
      </c>
      <c r="B38" s="21">
        <v>6</v>
      </c>
      <c r="C38" s="6">
        <v>5</v>
      </c>
      <c r="D38" s="5">
        <v>11</v>
      </c>
    </row>
    <row r="39" spans="1:4" ht="18" customHeight="1" x14ac:dyDescent="0.15">
      <c r="A39" s="8">
        <v>28</v>
      </c>
      <c r="B39" s="21">
        <v>7</v>
      </c>
      <c r="C39" s="6">
        <v>6</v>
      </c>
      <c r="D39" s="5">
        <v>13</v>
      </c>
    </row>
    <row r="40" spans="1:4" ht="18" customHeight="1" x14ac:dyDescent="0.15">
      <c r="A40" s="8">
        <v>29</v>
      </c>
      <c r="B40" s="21">
        <v>7</v>
      </c>
      <c r="C40" s="6">
        <v>8</v>
      </c>
      <c r="D40" s="5">
        <v>15</v>
      </c>
    </row>
    <row r="41" spans="1:4" ht="18" customHeight="1" x14ac:dyDescent="0.15">
      <c r="A41" s="8" t="s">
        <v>19</v>
      </c>
      <c r="B41" s="21">
        <v>44</v>
      </c>
      <c r="C41" s="6">
        <v>35</v>
      </c>
      <c r="D41" s="5">
        <v>79</v>
      </c>
    </row>
    <row r="42" spans="1:4" ht="18" customHeight="1" x14ac:dyDescent="0.15">
      <c r="A42" s="8">
        <v>30</v>
      </c>
      <c r="B42" s="21">
        <v>14</v>
      </c>
      <c r="C42" s="6">
        <v>8</v>
      </c>
      <c r="D42" s="5">
        <v>22</v>
      </c>
    </row>
    <row r="43" spans="1:4" ht="18" customHeight="1" x14ac:dyDescent="0.15">
      <c r="A43" s="8">
        <v>31</v>
      </c>
      <c r="B43" s="21">
        <v>9</v>
      </c>
      <c r="C43" s="6">
        <v>1</v>
      </c>
      <c r="D43" s="5">
        <v>10</v>
      </c>
    </row>
    <row r="44" spans="1:4" ht="18" customHeight="1" x14ac:dyDescent="0.15">
      <c r="A44" s="8">
        <v>32</v>
      </c>
      <c r="B44" s="21">
        <v>9</v>
      </c>
      <c r="C44" s="6">
        <v>8</v>
      </c>
      <c r="D44" s="5">
        <v>17</v>
      </c>
    </row>
    <row r="45" spans="1:4" ht="18" customHeight="1" x14ac:dyDescent="0.15">
      <c r="A45" s="8">
        <v>33</v>
      </c>
      <c r="B45" s="21">
        <v>5</v>
      </c>
      <c r="C45" s="6">
        <v>8</v>
      </c>
      <c r="D45" s="5">
        <v>13</v>
      </c>
    </row>
    <row r="46" spans="1:4" ht="18" customHeight="1" x14ac:dyDescent="0.15">
      <c r="A46" s="8">
        <v>34</v>
      </c>
      <c r="B46" s="21">
        <v>8</v>
      </c>
      <c r="C46" s="6">
        <v>13</v>
      </c>
      <c r="D46" s="5">
        <v>21</v>
      </c>
    </row>
    <row r="47" spans="1:4" ht="18" customHeight="1" x14ac:dyDescent="0.15">
      <c r="A47" s="8" t="s">
        <v>18</v>
      </c>
      <c r="B47" s="21">
        <v>45</v>
      </c>
      <c r="C47" s="6">
        <v>38</v>
      </c>
      <c r="D47" s="5">
        <v>83</v>
      </c>
    </row>
    <row r="48" spans="1:4" ht="18" customHeight="1" x14ac:dyDescent="0.15">
      <c r="A48" s="8">
        <v>35</v>
      </c>
      <c r="B48" s="21">
        <v>5</v>
      </c>
      <c r="C48" s="6">
        <v>5</v>
      </c>
      <c r="D48" s="5">
        <v>10</v>
      </c>
    </row>
    <row r="49" spans="1:4" ht="18" customHeight="1" x14ac:dyDescent="0.15">
      <c r="A49" s="8">
        <v>36</v>
      </c>
      <c r="B49" s="21">
        <v>5</v>
      </c>
      <c r="C49" s="6">
        <v>4</v>
      </c>
      <c r="D49" s="5">
        <v>9</v>
      </c>
    </row>
    <row r="50" spans="1:4" ht="18" customHeight="1" x14ac:dyDescent="0.15">
      <c r="A50" s="8">
        <v>37</v>
      </c>
      <c r="B50" s="21">
        <v>7</v>
      </c>
      <c r="C50" s="6">
        <v>4</v>
      </c>
      <c r="D50" s="5">
        <v>11</v>
      </c>
    </row>
    <row r="51" spans="1:4" ht="18" customHeight="1" x14ac:dyDescent="0.15">
      <c r="A51" s="8">
        <v>38</v>
      </c>
      <c r="B51" s="21">
        <v>10</v>
      </c>
      <c r="C51" s="6">
        <v>11</v>
      </c>
      <c r="D51" s="5">
        <v>21</v>
      </c>
    </row>
    <row r="52" spans="1:4" ht="18" customHeight="1" x14ac:dyDescent="0.15">
      <c r="A52" s="8">
        <v>39</v>
      </c>
      <c r="B52" s="21">
        <v>11</v>
      </c>
      <c r="C52" s="6">
        <v>5</v>
      </c>
      <c r="D52" s="5">
        <v>16</v>
      </c>
    </row>
    <row r="53" spans="1:4" ht="18" customHeight="1" x14ac:dyDescent="0.15">
      <c r="A53" s="8" t="s">
        <v>17</v>
      </c>
      <c r="B53" s="21">
        <v>38</v>
      </c>
      <c r="C53" s="6">
        <v>29</v>
      </c>
      <c r="D53" s="5">
        <v>67</v>
      </c>
    </row>
    <row r="54" spans="1:4" ht="18" customHeight="1" x14ac:dyDescent="0.15">
      <c r="A54" s="8">
        <v>40</v>
      </c>
      <c r="B54" s="21">
        <v>8</v>
      </c>
      <c r="C54" s="6">
        <v>12</v>
      </c>
      <c r="D54" s="5">
        <v>20</v>
      </c>
    </row>
    <row r="55" spans="1:4" ht="18" customHeight="1" x14ac:dyDescent="0.15">
      <c r="A55" s="8">
        <v>41</v>
      </c>
      <c r="B55" s="21">
        <v>10</v>
      </c>
      <c r="C55" s="6">
        <v>13</v>
      </c>
      <c r="D55" s="5">
        <v>23</v>
      </c>
    </row>
    <row r="56" spans="1:4" ht="18" customHeight="1" x14ac:dyDescent="0.15">
      <c r="A56" s="8">
        <v>42</v>
      </c>
      <c r="B56" s="21">
        <v>7</v>
      </c>
      <c r="C56" s="6">
        <v>10</v>
      </c>
      <c r="D56" s="5">
        <v>17</v>
      </c>
    </row>
    <row r="57" spans="1:4" ht="18" customHeight="1" x14ac:dyDescent="0.15">
      <c r="A57" s="8">
        <v>43</v>
      </c>
      <c r="B57" s="21">
        <v>10</v>
      </c>
      <c r="C57" s="6">
        <v>10</v>
      </c>
      <c r="D57" s="5">
        <v>20</v>
      </c>
    </row>
    <row r="58" spans="1:4" ht="18" customHeight="1" x14ac:dyDescent="0.15">
      <c r="A58" s="8">
        <v>44</v>
      </c>
      <c r="B58" s="21">
        <v>8</v>
      </c>
      <c r="C58" s="6">
        <v>8</v>
      </c>
      <c r="D58" s="5">
        <v>16</v>
      </c>
    </row>
    <row r="59" spans="1:4" ht="18" customHeight="1" x14ac:dyDescent="0.15">
      <c r="A59" s="8" t="s">
        <v>16</v>
      </c>
      <c r="B59" s="21">
        <v>43</v>
      </c>
      <c r="C59" s="6">
        <v>53</v>
      </c>
      <c r="D59" s="5">
        <v>96</v>
      </c>
    </row>
    <row r="60" spans="1:4" ht="18" customHeight="1" x14ac:dyDescent="0.15">
      <c r="A60" s="8">
        <v>45</v>
      </c>
      <c r="B60" s="21">
        <v>13</v>
      </c>
      <c r="C60" s="6">
        <v>12</v>
      </c>
      <c r="D60" s="5">
        <v>25</v>
      </c>
    </row>
    <row r="61" spans="1:4" ht="18" customHeight="1" x14ac:dyDescent="0.15">
      <c r="A61" s="8">
        <v>46</v>
      </c>
      <c r="B61" s="21">
        <v>15</v>
      </c>
      <c r="C61" s="6">
        <v>15</v>
      </c>
      <c r="D61" s="5">
        <v>30</v>
      </c>
    </row>
    <row r="62" spans="1:4" ht="18" customHeight="1" x14ac:dyDescent="0.15">
      <c r="A62" s="8">
        <v>47</v>
      </c>
      <c r="B62" s="21">
        <v>17</v>
      </c>
      <c r="C62" s="6">
        <v>13</v>
      </c>
      <c r="D62" s="5">
        <v>30</v>
      </c>
    </row>
    <row r="63" spans="1:4" ht="18" customHeight="1" x14ac:dyDescent="0.15">
      <c r="A63" s="8">
        <v>48</v>
      </c>
      <c r="B63" s="21">
        <v>16</v>
      </c>
      <c r="C63" s="6">
        <v>15</v>
      </c>
      <c r="D63" s="5">
        <v>31</v>
      </c>
    </row>
    <row r="64" spans="1:4" ht="18" customHeight="1" x14ac:dyDescent="0.15">
      <c r="A64" s="8">
        <v>49</v>
      </c>
      <c r="B64" s="21">
        <v>21</v>
      </c>
      <c r="C64" s="6">
        <v>24</v>
      </c>
      <c r="D64" s="5">
        <v>45</v>
      </c>
    </row>
    <row r="65" spans="1:4" ht="18" customHeight="1" x14ac:dyDescent="0.15">
      <c r="A65" s="8" t="s">
        <v>15</v>
      </c>
      <c r="B65" s="21">
        <v>82</v>
      </c>
      <c r="C65" s="6">
        <v>79</v>
      </c>
      <c r="D65" s="5">
        <v>161</v>
      </c>
    </row>
    <row r="66" spans="1:4" ht="18" customHeight="1" x14ac:dyDescent="0.15">
      <c r="A66" s="8">
        <v>50</v>
      </c>
      <c r="B66" s="21">
        <v>17</v>
      </c>
      <c r="C66" s="6">
        <v>19</v>
      </c>
      <c r="D66" s="5">
        <v>36</v>
      </c>
    </row>
    <row r="67" spans="1:4" ht="18" customHeight="1" x14ac:dyDescent="0.15">
      <c r="A67" s="8">
        <v>51</v>
      </c>
      <c r="B67" s="21">
        <v>14</v>
      </c>
      <c r="C67" s="6">
        <v>15</v>
      </c>
      <c r="D67" s="5">
        <v>29</v>
      </c>
    </row>
    <row r="68" spans="1:4" ht="18" customHeight="1" x14ac:dyDescent="0.15">
      <c r="A68" s="8">
        <v>52</v>
      </c>
      <c r="B68" s="21">
        <v>17</v>
      </c>
      <c r="C68" s="6">
        <v>22</v>
      </c>
      <c r="D68" s="5">
        <v>39</v>
      </c>
    </row>
    <row r="69" spans="1:4" ht="18" customHeight="1" x14ac:dyDescent="0.15">
      <c r="A69" s="8">
        <v>53</v>
      </c>
      <c r="B69" s="21">
        <v>20</v>
      </c>
      <c r="C69" s="6">
        <v>21</v>
      </c>
      <c r="D69" s="5">
        <v>41</v>
      </c>
    </row>
    <row r="70" spans="1:4" ht="18" customHeight="1" x14ac:dyDescent="0.15">
      <c r="A70" s="8">
        <v>54</v>
      </c>
      <c r="B70" s="21">
        <v>13</v>
      </c>
      <c r="C70" s="6">
        <v>13</v>
      </c>
      <c r="D70" s="5">
        <v>26</v>
      </c>
    </row>
    <row r="71" spans="1:4" ht="18" customHeight="1" x14ac:dyDescent="0.15">
      <c r="A71" s="8" t="s">
        <v>14</v>
      </c>
      <c r="B71" s="21">
        <v>81</v>
      </c>
      <c r="C71" s="6">
        <v>90</v>
      </c>
      <c r="D71" s="5">
        <v>171</v>
      </c>
    </row>
    <row r="72" spans="1:4" ht="18" customHeight="1" x14ac:dyDescent="0.15">
      <c r="A72" s="8">
        <v>55</v>
      </c>
      <c r="B72" s="21">
        <v>17</v>
      </c>
      <c r="C72" s="6">
        <v>12</v>
      </c>
      <c r="D72" s="5">
        <v>29</v>
      </c>
    </row>
    <row r="73" spans="1:4" ht="18" customHeight="1" x14ac:dyDescent="0.15">
      <c r="A73" s="8">
        <v>56</v>
      </c>
      <c r="B73" s="21">
        <v>17</v>
      </c>
      <c r="C73" s="6">
        <v>17</v>
      </c>
      <c r="D73" s="5">
        <v>34</v>
      </c>
    </row>
    <row r="74" spans="1:4" ht="18" customHeight="1" x14ac:dyDescent="0.15">
      <c r="A74" s="8">
        <v>57</v>
      </c>
      <c r="B74" s="21">
        <v>20</v>
      </c>
      <c r="C74" s="6">
        <v>12</v>
      </c>
      <c r="D74" s="5">
        <v>32</v>
      </c>
    </row>
    <row r="75" spans="1:4" ht="18" customHeight="1" x14ac:dyDescent="0.15">
      <c r="A75" s="8">
        <v>58</v>
      </c>
      <c r="B75" s="21">
        <v>15</v>
      </c>
      <c r="C75" s="6">
        <v>13</v>
      </c>
      <c r="D75" s="5">
        <v>28</v>
      </c>
    </row>
    <row r="76" spans="1:4" ht="18" customHeight="1" x14ac:dyDescent="0.15">
      <c r="A76" s="8">
        <v>59</v>
      </c>
      <c r="B76" s="21">
        <v>7</v>
      </c>
      <c r="C76" s="6">
        <v>13</v>
      </c>
      <c r="D76" s="5">
        <v>20</v>
      </c>
    </row>
    <row r="77" spans="1:4" ht="18" customHeight="1" x14ac:dyDescent="0.15">
      <c r="A77" s="8" t="s">
        <v>13</v>
      </c>
      <c r="B77" s="21">
        <v>76</v>
      </c>
      <c r="C77" s="6">
        <v>67</v>
      </c>
      <c r="D77" s="5">
        <v>143</v>
      </c>
    </row>
    <row r="78" spans="1:4" ht="18" customHeight="1" x14ac:dyDescent="0.15">
      <c r="A78" s="8">
        <v>60</v>
      </c>
      <c r="B78" s="21">
        <v>9</v>
      </c>
      <c r="C78" s="6">
        <v>15</v>
      </c>
      <c r="D78" s="5">
        <v>24</v>
      </c>
    </row>
    <row r="79" spans="1:4" ht="18" customHeight="1" x14ac:dyDescent="0.15">
      <c r="A79" s="8">
        <v>61</v>
      </c>
      <c r="B79" s="21">
        <v>12</v>
      </c>
      <c r="C79" s="6">
        <v>15</v>
      </c>
      <c r="D79" s="5">
        <v>27</v>
      </c>
    </row>
    <row r="80" spans="1:4" ht="18" customHeight="1" x14ac:dyDescent="0.15">
      <c r="A80" s="8">
        <v>62</v>
      </c>
      <c r="B80" s="21">
        <v>11</v>
      </c>
      <c r="C80" s="6">
        <v>13</v>
      </c>
      <c r="D80" s="5">
        <v>24</v>
      </c>
    </row>
    <row r="81" spans="1:4" ht="18" customHeight="1" x14ac:dyDescent="0.15">
      <c r="A81" s="8">
        <v>63</v>
      </c>
      <c r="B81" s="21">
        <v>9</v>
      </c>
      <c r="C81" s="6">
        <v>7</v>
      </c>
      <c r="D81" s="5">
        <v>16</v>
      </c>
    </row>
    <row r="82" spans="1:4" ht="18" customHeight="1" x14ac:dyDescent="0.15">
      <c r="A82" s="8">
        <v>64</v>
      </c>
      <c r="B82" s="21">
        <v>9</v>
      </c>
      <c r="C82" s="6">
        <v>11</v>
      </c>
      <c r="D82" s="5">
        <v>20</v>
      </c>
    </row>
    <row r="83" spans="1:4" ht="18" customHeight="1" x14ac:dyDescent="0.15">
      <c r="A83" s="8" t="s">
        <v>12</v>
      </c>
      <c r="B83" s="21">
        <v>50</v>
      </c>
      <c r="C83" s="6">
        <v>61</v>
      </c>
      <c r="D83" s="5">
        <v>111</v>
      </c>
    </row>
    <row r="84" spans="1:4" ht="18" customHeight="1" x14ac:dyDescent="0.15">
      <c r="A84" s="8" t="s">
        <v>11</v>
      </c>
      <c r="B84" s="21">
        <v>528</v>
      </c>
      <c r="C84" s="6">
        <v>532</v>
      </c>
      <c r="D84" s="5">
        <v>1060</v>
      </c>
    </row>
    <row r="85" spans="1:4" ht="18" customHeight="1" x14ac:dyDescent="0.15">
      <c r="A85" s="8">
        <v>65</v>
      </c>
      <c r="B85" s="21">
        <v>7</v>
      </c>
      <c r="C85" s="6">
        <v>8</v>
      </c>
      <c r="D85" s="5">
        <v>15</v>
      </c>
    </row>
    <row r="86" spans="1:4" ht="18" customHeight="1" x14ac:dyDescent="0.15">
      <c r="A86" s="8">
        <v>66</v>
      </c>
      <c r="B86" s="21">
        <v>10</v>
      </c>
      <c r="C86" s="6">
        <v>10</v>
      </c>
      <c r="D86" s="5">
        <v>20</v>
      </c>
    </row>
    <row r="87" spans="1:4" ht="18" customHeight="1" x14ac:dyDescent="0.15">
      <c r="A87" s="8">
        <v>67</v>
      </c>
      <c r="B87" s="21">
        <v>9</v>
      </c>
      <c r="C87" s="6">
        <v>15</v>
      </c>
      <c r="D87" s="5">
        <v>24</v>
      </c>
    </row>
    <row r="88" spans="1:4" ht="18" customHeight="1" x14ac:dyDescent="0.15">
      <c r="A88" s="8">
        <v>68</v>
      </c>
      <c r="B88" s="21">
        <v>8</v>
      </c>
      <c r="C88" s="6">
        <v>8</v>
      </c>
      <c r="D88" s="5">
        <v>16</v>
      </c>
    </row>
    <row r="89" spans="1:4" ht="18" customHeight="1" x14ac:dyDescent="0.15">
      <c r="A89" s="8">
        <v>69</v>
      </c>
      <c r="B89" s="21">
        <v>13</v>
      </c>
      <c r="C89" s="6">
        <v>8</v>
      </c>
      <c r="D89" s="5">
        <v>21</v>
      </c>
    </row>
    <row r="90" spans="1:4" ht="18" customHeight="1" x14ac:dyDescent="0.15">
      <c r="A90" s="8" t="s">
        <v>10</v>
      </c>
      <c r="B90" s="21">
        <v>47</v>
      </c>
      <c r="C90" s="6">
        <v>49</v>
      </c>
      <c r="D90" s="5">
        <v>96</v>
      </c>
    </row>
    <row r="91" spans="1:4" ht="18" customHeight="1" x14ac:dyDescent="0.15">
      <c r="A91" s="8">
        <v>70</v>
      </c>
      <c r="B91" s="21">
        <v>10</v>
      </c>
      <c r="C91" s="6">
        <v>13</v>
      </c>
      <c r="D91" s="5">
        <v>23</v>
      </c>
    </row>
    <row r="92" spans="1:4" ht="18" customHeight="1" x14ac:dyDescent="0.15">
      <c r="A92" s="8">
        <v>71</v>
      </c>
      <c r="B92" s="21">
        <v>5</v>
      </c>
      <c r="C92" s="6">
        <v>10</v>
      </c>
      <c r="D92" s="5">
        <v>15</v>
      </c>
    </row>
    <row r="93" spans="1:4" ht="18" customHeight="1" x14ac:dyDescent="0.15">
      <c r="A93" s="8">
        <v>72</v>
      </c>
      <c r="B93" s="21">
        <v>8</v>
      </c>
      <c r="C93" s="6">
        <v>15</v>
      </c>
      <c r="D93" s="5">
        <v>23</v>
      </c>
    </row>
    <row r="94" spans="1:4" ht="18" customHeight="1" x14ac:dyDescent="0.15">
      <c r="A94" s="8">
        <v>73</v>
      </c>
      <c r="B94" s="21">
        <v>10</v>
      </c>
      <c r="C94" s="6">
        <v>13</v>
      </c>
      <c r="D94" s="5">
        <v>23</v>
      </c>
    </row>
    <row r="95" spans="1:4" ht="18" customHeight="1" x14ac:dyDescent="0.15">
      <c r="A95" s="8">
        <v>74</v>
      </c>
      <c r="B95" s="21">
        <v>10</v>
      </c>
      <c r="C95" s="6">
        <v>10</v>
      </c>
      <c r="D95" s="5">
        <v>20</v>
      </c>
    </row>
    <row r="96" spans="1:4" ht="18" customHeight="1" x14ac:dyDescent="0.15">
      <c r="A96" s="8" t="s">
        <v>9</v>
      </c>
      <c r="B96" s="21">
        <v>43</v>
      </c>
      <c r="C96" s="6">
        <v>61</v>
      </c>
      <c r="D96" s="5">
        <v>104</v>
      </c>
    </row>
    <row r="97" spans="1:4" ht="18" customHeight="1" x14ac:dyDescent="0.15">
      <c r="A97" s="8">
        <v>75</v>
      </c>
      <c r="B97" s="21">
        <v>15</v>
      </c>
      <c r="C97" s="6">
        <v>11</v>
      </c>
      <c r="D97" s="5">
        <v>26</v>
      </c>
    </row>
    <row r="98" spans="1:4" ht="18" customHeight="1" x14ac:dyDescent="0.15">
      <c r="A98" s="8">
        <v>76</v>
      </c>
      <c r="B98" s="21">
        <v>9</v>
      </c>
      <c r="C98" s="6">
        <v>18</v>
      </c>
      <c r="D98" s="5">
        <v>27</v>
      </c>
    </row>
    <row r="99" spans="1:4" ht="18" customHeight="1" x14ac:dyDescent="0.15">
      <c r="A99" s="8">
        <v>77</v>
      </c>
      <c r="B99" s="21">
        <v>12</v>
      </c>
      <c r="C99" s="6">
        <v>13</v>
      </c>
      <c r="D99" s="5">
        <v>25</v>
      </c>
    </row>
    <row r="100" spans="1:4" ht="18" customHeight="1" x14ac:dyDescent="0.15">
      <c r="A100" s="8">
        <v>78</v>
      </c>
      <c r="B100" s="21">
        <v>11</v>
      </c>
      <c r="C100" s="6">
        <v>17</v>
      </c>
      <c r="D100" s="5">
        <v>28</v>
      </c>
    </row>
    <row r="101" spans="1:4" ht="18" customHeight="1" x14ac:dyDescent="0.15">
      <c r="A101" s="8">
        <v>79</v>
      </c>
      <c r="B101" s="21">
        <v>8</v>
      </c>
      <c r="C101" s="6">
        <v>8</v>
      </c>
      <c r="D101" s="5">
        <v>16</v>
      </c>
    </row>
    <row r="102" spans="1:4" ht="18" customHeight="1" x14ac:dyDescent="0.15">
      <c r="A102" s="8" t="s">
        <v>8</v>
      </c>
      <c r="B102" s="21">
        <v>55</v>
      </c>
      <c r="C102" s="6">
        <v>67</v>
      </c>
      <c r="D102" s="5">
        <v>122</v>
      </c>
    </row>
    <row r="103" spans="1:4" ht="18" customHeight="1" x14ac:dyDescent="0.15">
      <c r="A103" s="8">
        <v>80</v>
      </c>
      <c r="B103" s="21">
        <v>2</v>
      </c>
      <c r="C103" s="6">
        <v>10</v>
      </c>
      <c r="D103" s="5">
        <v>12</v>
      </c>
    </row>
    <row r="104" spans="1:4" ht="18" customHeight="1" x14ac:dyDescent="0.15">
      <c r="A104" s="8">
        <v>81</v>
      </c>
      <c r="B104" s="21">
        <v>9</v>
      </c>
      <c r="C104" s="6">
        <v>10</v>
      </c>
      <c r="D104" s="5">
        <v>19</v>
      </c>
    </row>
    <row r="105" spans="1:4" ht="18" customHeight="1" x14ac:dyDescent="0.15">
      <c r="A105" s="8">
        <v>82</v>
      </c>
      <c r="B105" s="21">
        <v>4</v>
      </c>
      <c r="C105" s="6">
        <v>10</v>
      </c>
      <c r="D105" s="5">
        <v>14</v>
      </c>
    </row>
    <row r="106" spans="1:4" ht="18" customHeight="1" x14ac:dyDescent="0.15">
      <c r="A106" s="8">
        <v>83</v>
      </c>
      <c r="B106" s="21">
        <v>7</v>
      </c>
      <c r="C106" s="6">
        <v>15</v>
      </c>
      <c r="D106" s="5">
        <v>22</v>
      </c>
    </row>
    <row r="107" spans="1:4" ht="18" customHeight="1" x14ac:dyDescent="0.15">
      <c r="A107" s="8">
        <v>84</v>
      </c>
      <c r="B107" s="21">
        <v>7</v>
      </c>
      <c r="C107" s="6">
        <v>22</v>
      </c>
      <c r="D107" s="5">
        <v>29</v>
      </c>
    </row>
    <row r="108" spans="1:4" ht="18" customHeight="1" x14ac:dyDescent="0.15">
      <c r="A108" s="8" t="s">
        <v>7</v>
      </c>
      <c r="B108" s="21">
        <v>29</v>
      </c>
      <c r="C108" s="6">
        <v>67</v>
      </c>
      <c r="D108" s="5">
        <v>96</v>
      </c>
    </row>
    <row r="109" spans="1:4" ht="18" customHeight="1" x14ac:dyDescent="0.15">
      <c r="A109" s="8">
        <v>85</v>
      </c>
      <c r="B109" s="21">
        <v>9</v>
      </c>
      <c r="C109" s="6">
        <v>12</v>
      </c>
      <c r="D109" s="5">
        <v>21</v>
      </c>
    </row>
    <row r="110" spans="1:4" ht="18" customHeight="1" x14ac:dyDescent="0.15">
      <c r="A110" s="8">
        <v>86</v>
      </c>
      <c r="B110" s="21">
        <v>5</v>
      </c>
      <c r="C110" s="6">
        <v>7</v>
      </c>
      <c r="D110" s="5">
        <v>12</v>
      </c>
    </row>
    <row r="111" spans="1:4" ht="18" customHeight="1" x14ac:dyDescent="0.15">
      <c r="A111" s="8">
        <v>87</v>
      </c>
      <c r="B111" s="21">
        <v>6</v>
      </c>
      <c r="C111" s="6">
        <v>3</v>
      </c>
      <c r="D111" s="5">
        <v>9</v>
      </c>
    </row>
    <row r="112" spans="1:4" ht="18" customHeight="1" x14ac:dyDescent="0.15">
      <c r="A112" s="8">
        <v>88</v>
      </c>
      <c r="B112" s="21">
        <v>6</v>
      </c>
      <c r="C112" s="6">
        <v>6</v>
      </c>
      <c r="D112" s="5">
        <v>12</v>
      </c>
    </row>
    <row r="113" spans="1:4" ht="18" customHeight="1" x14ac:dyDescent="0.15">
      <c r="A113" s="8">
        <v>89</v>
      </c>
      <c r="B113" s="21">
        <v>2</v>
      </c>
      <c r="C113" s="6">
        <v>6</v>
      </c>
      <c r="D113" s="5">
        <v>8</v>
      </c>
    </row>
    <row r="114" spans="1:4" ht="18" customHeight="1" x14ac:dyDescent="0.15">
      <c r="A114" s="8" t="s">
        <v>6</v>
      </c>
      <c r="B114" s="21">
        <v>28</v>
      </c>
      <c r="C114" s="6">
        <v>34</v>
      </c>
      <c r="D114" s="5">
        <v>62</v>
      </c>
    </row>
    <row r="115" spans="1:4" ht="18" customHeight="1" x14ac:dyDescent="0.15">
      <c r="A115" s="8">
        <v>90</v>
      </c>
      <c r="B115" s="21">
        <v>2</v>
      </c>
      <c r="C115" s="6">
        <v>4</v>
      </c>
      <c r="D115" s="5">
        <v>6</v>
      </c>
    </row>
    <row r="116" spans="1:4" ht="18" customHeight="1" x14ac:dyDescent="0.15">
      <c r="A116" s="8">
        <v>91</v>
      </c>
      <c r="B116" s="21">
        <v>5</v>
      </c>
      <c r="C116" s="6">
        <v>9</v>
      </c>
      <c r="D116" s="5">
        <v>14</v>
      </c>
    </row>
    <row r="117" spans="1:4" ht="18" customHeight="1" x14ac:dyDescent="0.15">
      <c r="A117" s="8">
        <v>92</v>
      </c>
      <c r="B117" s="21">
        <v>1</v>
      </c>
      <c r="C117" s="6">
        <v>3</v>
      </c>
      <c r="D117" s="5">
        <v>4</v>
      </c>
    </row>
    <row r="118" spans="1:4" ht="18" customHeight="1" x14ac:dyDescent="0.15">
      <c r="A118" s="8">
        <v>93</v>
      </c>
      <c r="B118" s="21">
        <v>0</v>
      </c>
      <c r="C118" s="6">
        <v>6</v>
      </c>
      <c r="D118" s="5">
        <v>6</v>
      </c>
    </row>
    <row r="119" spans="1:4" ht="18" customHeight="1" x14ac:dyDescent="0.15">
      <c r="A119" s="8">
        <v>94</v>
      </c>
      <c r="B119" s="21">
        <v>0</v>
      </c>
      <c r="C119" s="6">
        <v>3</v>
      </c>
      <c r="D119" s="5">
        <v>3</v>
      </c>
    </row>
    <row r="120" spans="1:4" ht="18" customHeight="1" x14ac:dyDescent="0.15">
      <c r="A120" s="8" t="s">
        <v>5</v>
      </c>
      <c r="B120" s="21">
        <v>8</v>
      </c>
      <c r="C120" s="6">
        <v>25</v>
      </c>
      <c r="D120" s="5">
        <v>33</v>
      </c>
    </row>
    <row r="121" spans="1:4" ht="18" customHeight="1" x14ac:dyDescent="0.15">
      <c r="A121" s="8">
        <v>95</v>
      </c>
      <c r="B121" s="21">
        <v>1</v>
      </c>
      <c r="C121" s="6">
        <v>5</v>
      </c>
      <c r="D121" s="5">
        <v>6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3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4</v>
      </c>
      <c r="D124" s="5">
        <v>4</v>
      </c>
    </row>
    <row r="125" spans="1:4" ht="18" customHeight="1" x14ac:dyDescent="0.15">
      <c r="A125" s="8">
        <v>99</v>
      </c>
      <c r="B125" s="21">
        <v>1</v>
      </c>
      <c r="C125" s="6">
        <v>1</v>
      </c>
      <c r="D125" s="5">
        <v>2</v>
      </c>
    </row>
    <row r="126" spans="1:4" ht="18" customHeight="1" x14ac:dyDescent="0.15">
      <c r="A126" s="8" t="s">
        <v>4</v>
      </c>
      <c r="B126" s="21">
        <v>2</v>
      </c>
      <c r="C126" s="6">
        <v>15</v>
      </c>
      <c r="D126" s="5">
        <v>17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212</v>
      </c>
      <c r="C130" s="6">
        <v>322</v>
      </c>
      <c r="D130" s="5">
        <v>534</v>
      </c>
    </row>
    <row r="131" spans="1:4" ht="18" customHeight="1" x14ac:dyDescent="0.15">
      <c r="A131" s="4" t="s">
        <v>0</v>
      </c>
      <c r="B131" s="20">
        <v>813</v>
      </c>
      <c r="C131" s="2">
        <v>908</v>
      </c>
      <c r="D131" s="1">
        <v>172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EFD462-ACA7-4F67-BB54-A683B3753C2E}">
  <sheetPr codeName="Sheet6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4</v>
      </c>
      <c r="C5" s="11">
        <v>22</v>
      </c>
      <c r="D5" s="10">
        <v>56</v>
      </c>
    </row>
    <row r="6" spans="1:4" ht="18" customHeight="1" x14ac:dyDescent="0.15">
      <c r="A6" s="8">
        <v>1</v>
      </c>
      <c r="B6" s="21">
        <v>26</v>
      </c>
      <c r="C6" s="6">
        <v>23</v>
      </c>
      <c r="D6" s="5">
        <v>49</v>
      </c>
    </row>
    <row r="7" spans="1:4" ht="18" customHeight="1" x14ac:dyDescent="0.15">
      <c r="A7" s="8">
        <v>2</v>
      </c>
      <c r="B7" s="21">
        <v>26</v>
      </c>
      <c r="C7" s="6">
        <v>23</v>
      </c>
      <c r="D7" s="5">
        <v>49</v>
      </c>
    </row>
    <row r="8" spans="1:4" ht="18" customHeight="1" x14ac:dyDescent="0.15">
      <c r="A8" s="8">
        <v>3</v>
      </c>
      <c r="B8" s="21">
        <v>34</v>
      </c>
      <c r="C8" s="6">
        <v>38</v>
      </c>
      <c r="D8" s="5">
        <v>72</v>
      </c>
    </row>
    <row r="9" spans="1:4" ht="18" customHeight="1" x14ac:dyDescent="0.15">
      <c r="A9" s="8">
        <v>4</v>
      </c>
      <c r="B9" s="21">
        <v>35</v>
      </c>
      <c r="C9" s="6">
        <v>31</v>
      </c>
      <c r="D9" s="5">
        <v>66</v>
      </c>
    </row>
    <row r="10" spans="1:4" ht="18" customHeight="1" x14ac:dyDescent="0.15">
      <c r="A10" s="8" t="s">
        <v>25</v>
      </c>
      <c r="B10" s="21">
        <v>155</v>
      </c>
      <c r="C10" s="6">
        <v>137</v>
      </c>
      <c r="D10" s="5">
        <v>292</v>
      </c>
    </row>
    <row r="11" spans="1:4" ht="18" customHeight="1" x14ac:dyDescent="0.15">
      <c r="A11" s="8">
        <v>5</v>
      </c>
      <c r="B11" s="21">
        <v>39</v>
      </c>
      <c r="C11" s="6">
        <v>41</v>
      </c>
      <c r="D11" s="5">
        <v>80</v>
      </c>
    </row>
    <row r="12" spans="1:4" ht="18" customHeight="1" x14ac:dyDescent="0.15">
      <c r="A12" s="8">
        <v>6</v>
      </c>
      <c r="B12" s="21">
        <v>37</v>
      </c>
      <c r="C12" s="6">
        <v>36</v>
      </c>
      <c r="D12" s="5">
        <v>73</v>
      </c>
    </row>
    <row r="13" spans="1:4" ht="18" customHeight="1" x14ac:dyDescent="0.15">
      <c r="A13" s="8">
        <v>7</v>
      </c>
      <c r="B13" s="21">
        <v>30</v>
      </c>
      <c r="C13" s="6">
        <v>31</v>
      </c>
      <c r="D13" s="5">
        <v>61</v>
      </c>
    </row>
    <row r="14" spans="1:4" ht="18" customHeight="1" x14ac:dyDescent="0.15">
      <c r="A14" s="8">
        <v>8</v>
      </c>
      <c r="B14" s="21">
        <v>37</v>
      </c>
      <c r="C14" s="6">
        <v>36</v>
      </c>
      <c r="D14" s="5">
        <v>73</v>
      </c>
    </row>
    <row r="15" spans="1:4" ht="18" customHeight="1" x14ac:dyDescent="0.15">
      <c r="A15" s="8">
        <v>9</v>
      </c>
      <c r="B15" s="21">
        <v>39</v>
      </c>
      <c r="C15" s="6">
        <v>43</v>
      </c>
      <c r="D15" s="5">
        <v>82</v>
      </c>
    </row>
    <row r="16" spans="1:4" ht="18" customHeight="1" x14ac:dyDescent="0.15">
      <c r="A16" s="8" t="s">
        <v>24</v>
      </c>
      <c r="B16" s="21">
        <v>182</v>
      </c>
      <c r="C16" s="6">
        <v>187</v>
      </c>
      <c r="D16" s="5">
        <v>369</v>
      </c>
    </row>
    <row r="17" spans="1:4" ht="18" customHeight="1" x14ac:dyDescent="0.15">
      <c r="A17" s="8">
        <v>10</v>
      </c>
      <c r="B17" s="21">
        <v>35</v>
      </c>
      <c r="C17" s="6">
        <v>39</v>
      </c>
      <c r="D17" s="5">
        <v>74</v>
      </c>
    </row>
    <row r="18" spans="1:4" ht="18" customHeight="1" x14ac:dyDescent="0.15">
      <c r="A18" s="8">
        <v>11</v>
      </c>
      <c r="B18" s="21">
        <v>33</v>
      </c>
      <c r="C18" s="6">
        <v>31</v>
      </c>
      <c r="D18" s="5">
        <v>64</v>
      </c>
    </row>
    <row r="19" spans="1:4" ht="18" customHeight="1" x14ac:dyDescent="0.15">
      <c r="A19" s="8">
        <v>12</v>
      </c>
      <c r="B19" s="21">
        <v>35</v>
      </c>
      <c r="C19" s="6">
        <v>34</v>
      </c>
      <c r="D19" s="5">
        <v>69</v>
      </c>
    </row>
    <row r="20" spans="1:4" ht="18" customHeight="1" x14ac:dyDescent="0.15">
      <c r="A20" s="8">
        <v>13</v>
      </c>
      <c r="B20" s="21">
        <v>50</v>
      </c>
      <c r="C20" s="6">
        <v>37</v>
      </c>
      <c r="D20" s="5">
        <v>87</v>
      </c>
    </row>
    <row r="21" spans="1:4" ht="18" customHeight="1" x14ac:dyDescent="0.15">
      <c r="A21" s="8">
        <v>14</v>
      </c>
      <c r="B21" s="21">
        <v>41</v>
      </c>
      <c r="C21" s="6">
        <v>37</v>
      </c>
      <c r="D21" s="5">
        <v>78</v>
      </c>
    </row>
    <row r="22" spans="1:4" ht="18" customHeight="1" x14ac:dyDescent="0.15">
      <c r="A22" s="8" t="s">
        <v>23</v>
      </c>
      <c r="B22" s="21">
        <v>194</v>
      </c>
      <c r="C22" s="6">
        <v>178</v>
      </c>
      <c r="D22" s="5">
        <v>372</v>
      </c>
    </row>
    <row r="23" spans="1:4" ht="18" customHeight="1" x14ac:dyDescent="0.15">
      <c r="A23" s="8" t="s">
        <v>22</v>
      </c>
      <c r="B23" s="21">
        <v>531</v>
      </c>
      <c r="C23" s="6">
        <v>502</v>
      </c>
      <c r="D23" s="5">
        <v>1033</v>
      </c>
    </row>
    <row r="24" spans="1:4" ht="18" customHeight="1" x14ac:dyDescent="0.15">
      <c r="A24" s="8">
        <v>15</v>
      </c>
      <c r="B24" s="21">
        <v>45</v>
      </c>
      <c r="C24" s="6">
        <v>41</v>
      </c>
      <c r="D24" s="5">
        <v>86</v>
      </c>
    </row>
    <row r="25" spans="1:4" ht="18" customHeight="1" x14ac:dyDescent="0.15">
      <c r="A25" s="8">
        <v>16</v>
      </c>
      <c r="B25" s="21">
        <v>44</v>
      </c>
      <c r="C25" s="6">
        <v>33</v>
      </c>
      <c r="D25" s="5">
        <v>77</v>
      </c>
    </row>
    <row r="26" spans="1:4" ht="18" customHeight="1" x14ac:dyDescent="0.15">
      <c r="A26" s="8">
        <v>17</v>
      </c>
      <c r="B26" s="21">
        <v>48</v>
      </c>
      <c r="C26" s="6">
        <v>37</v>
      </c>
      <c r="D26" s="5">
        <v>85</v>
      </c>
    </row>
    <row r="27" spans="1:4" ht="18" customHeight="1" x14ac:dyDescent="0.15">
      <c r="A27" s="8">
        <v>18</v>
      </c>
      <c r="B27" s="21">
        <v>45</v>
      </c>
      <c r="C27" s="6">
        <v>41</v>
      </c>
      <c r="D27" s="5">
        <v>86</v>
      </c>
    </row>
    <row r="28" spans="1:4" ht="18" customHeight="1" x14ac:dyDescent="0.15">
      <c r="A28" s="8">
        <v>19</v>
      </c>
      <c r="B28" s="21">
        <v>41</v>
      </c>
      <c r="C28" s="6">
        <v>37</v>
      </c>
      <c r="D28" s="5">
        <v>78</v>
      </c>
    </row>
    <row r="29" spans="1:4" ht="18" customHeight="1" x14ac:dyDescent="0.15">
      <c r="A29" s="8" t="s">
        <v>21</v>
      </c>
      <c r="B29" s="21">
        <v>223</v>
      </c>
      <c r="C29" s="6">
        <v>189</v>
      </c>
      <c r="D29" s="5">
        <v>412</v>
      </c>
    </row>
    <row r="30" spans="1:4" ht="18" customHeight="1" x14ac:dyDescent="0.15">
      <c r="A30" s="8">
        <v>20</v>
      </c>
      <c r="B30" s="21">
        <v>44</v>
      </c>
      <c r="C30" s="6">
        <v>42</v>
      </c>
      <c r="D30" s="5">
        <v>86</v>
      </c>
    </row>
    <row r="31" spans="1:4" ht="18" customHeight="1" x14ac:dyDescent="0.15">
      <c r="A31" s="8">
        <v>21</v>
      </c>
      <c r="B31" s="21">
        <v>58</v>
      </c>
      <c r="C31" s="6">
        <v>40</v>
      </c>
      <c r="D31" s="5">
        <v>98</v>
      </c>
    </row>
    <row r="32" spans="1:4" ht="18" customHeight="1" x14ac:dyDescent="0.15">
      <c r="A32" s="8">
        <v>22</v>
      </c>
      <c r="B32" s="21">
        <v>64</v>
      </c>
      <c r="C32" s="6">
        <v>32</v>
      </c>
      <c r="D32" s="5">
        <v>96</v>
      </c>
    </row>
    <row r="33" spans="1:4" ht="18" customHeight="1" x14ac:dyDescent="0.15">
      <c r="A33" s="8">
        <v>23</v>
      </c>
      <c r="B33" s="21">
        <v>63</v>
      </c>
      <c r="C33" s="6">
        <v>46</v>
      </c>
      <c r="D33" s="5">
        <v>109</v>
      </c>
    </row>
    <row r="34" spans="1:4" ht="18" customHeight="1" x14ac:dyDescent="0.15">
      <c r="A34" s="8">
        <v>24</v>
      </c>
      <c r="B34" s="21">
        <v>56</v>
      </c>
      <c r="C34" s="6">
        <v>43</v>
      </c>
      <c r="D34" s="5">
        <v>99</v>
      </c>
    </row>
    <row r="35" spans="1:4" ht="18" customHeight="1" x14ac:dyDescent="0.15">
      <c r="A35" s="8" t="s">
        <v>20</v>
      </c>
      <c r="B35" s="21">
        <v>285</v>
      </c>
      <c r="C35" s="6">
        <v>203</v>
      </c>
      <c r="D35" s="5">
        <v>488</v>
      </c>
    </row>
    <row r="36" spans="1:4" ht="18" customHeight="1" x14ac:dyDescent="0.15">
      <c r="A36" s="8">
        <v>25</v>
      </c>
      <c r="B36" s="21">
        <v>72</v>
      </c>
      <c r="C36" s="6">
        <v>48</v>
      </c>
      <c r="D36" s="5">
        <v>120</v>
      </c>
    </row>
    <row r="37" spans="1:4" ht="18" customHeight="1" x14ac:dyDescent="0.15">
      <c r="A37" s="8">
        <v>26</v>
      </c>
      <c r="B37" s="21">
        <v>60</v>
      </c>
      <c r="C37" s="6">
        <v>45</v>
      </c>
      <c r="D37" s="5">
        <v>105</v>
      </c>
    </row>
    <row r="38" spans="1:4" ht="18" customHeight="1" x14ac:dyDescent="0.15">
      <c r="A38" s="8">
        <v>27</v>
      </c>
      <c r="B38" s="21">
        <v>61</v>
      </c>
      <c r="C38" s="6">
        <v>47</v>
      </c>
      <c r="D38" s="5">
        <v>108</v>
      </c>
    </row>
    <row r="39" spans="1:4" ht="18" customHeight="1" x14ac:dyDescent="0.15">
      <c r="A39" s="8">
        <v>28</v>
      </c>
      <c r="B39" s="21">
        <v>48</v>
      </c>
      <c r="C39" s="6">
        <v>47</v>
      </c>
      <c r="D39" s="5">
        <v>95</v>
      </c>
    </row>
    <row r="40" spans="1:4" ht="18" customHeight="1" x14ac:dyDescent="0.15">
      <c r="A40" s="8">
        <v>29</v>
      </c>
      <c r="B40" s="21">
        <v>52</v>
      </c>
      <c r="C40" s="6">
        <v>56</v>
      </c>
      <c r="D40" s="5">
        <v>108</v>
      </c>
    </row>
    <row r="41" spans="1:4" ht="18" customHeight="1" x14ac:dyDescent="0.15">
      <c r="A41" s="8" t="s">
        <v>19</v>
      </c>
      <c r="B41" s="21">
        <v>293</v>
      </c>
      <c r="C41" s="6">
        <v>243</v>
      </c>
      <c r="D41" s="5">
        <v>536</v>
      </c>
    </row>
    <row r="42" spans="1:4" ht="18" customHeight="1" x14ac:dyDescent="0.15">
      <c r="A42" s="8">
        <v>30</v>
      </c>
      <c r="B42" s="21">
        <v>58</v>
      </c>
      <c r="C42" s="6">
        <v>43</v>
      </c>
      <c r="D42" s="5">
        <v>101</v>
      </c>
    </row>
    <row r="43" spans="1:4" ht="18" customHeight="1" x14ac:dyDescent="0.15">
      <c r="A43" s="8">
        <v>31</v>
      </c>
      <c r="B43" s="21">
        <v>55</v>
      </c>
      <c r="C43" s="6">
        <v>53</v>
      </c>
      <c r="D43" s="5">
        <v>108</v>
      </c>
    </row>
    <row r="44" spans="1:4" ht="18" customHeight="1" x14ac:dyDescent="0.15">
      <c r="A44" s="8">
        <v>32</v>
      </c>
      <c r="B44" s="21">
        <v>59</v>
      </c>
      <c r="C44" s="6">
        <v>45</v>
      </c>
      <c r="D44" s="5">
        <v>104</v>
      </c>
    </row>
    <row r="45" spans="1:4" ht="18" customHeight="1" x14ac:dyDescent="0.15">
      <c r="A45" s="8">
        <v>33</v>
      </c>
      <c r="B45" s="21">
        <v>46</v>
      </c>
      <c r="C45" s="6">
        <v>46</v>
      </c>
      <c r="D45" s="5">
        <v>92</v>
      </c>
    </row>
    <row r="46" spans="1:4" ht="18" customHeight="1" x14ac:dyDescent="0.15">
      <c r="A46" s="8">
        <v>34</v>
      </c>
      <c r="B46" s="21">
        <v>49</v>
      </c>
      <c r="C46" s="6">
        <v>56</v>
      </c>
      <c r="D46" s="5">
        <v>105</v>
      </c>
    </row>
    <row r="47" spans="1:4" ht="18" customHeight="1" x14ac:dyDescent="0.15">
      <c r="A47" s="8" t="s">
        <v>18</v>
      </c>
      <c r="B47" s="21">
        <v>267</v>
      </c>
      <c r="C47" s="6">
        <v>243</v>
      </c>
      <c r="D47" s="5">
        <v>510</v>
      </c>
    </row>
    <row r="48" spans="1:4" ht="18" customHeight="1" x14ac:dyDescent="0.15">
      <c r="A48" s="8">
        <v>35</v>
      </c>
      <c r="B48" s="21">
        <v>59</v>
      </c>
      <c r="C48" s="6">
        <v>52</v>
      </c>
      <c r="D48" s="5">
        <v>111</v>
      </c>
    </row>
    <row r="49" spans="1:4" ht="18" customHeight="1" x14ac:dyDescent="0.15">
      <c r="A49" s="8">
        <v>36</v>
      </c>
      <c r="B49" s="21">
        <v>61</v>
      </c>
      <c r="C49" s="6">
        <v>50</v>
      </c>
      <c r="D49" s="5">
        <v>111</v>
      </c>
    </row>
    <row r="50" spans="1:4" ht="18" customHeight="1" x14ac:dyDescent="0.15">
      <c r="A50" s="8">
        <v>37</v>
      </c>
      <c r="B50" s="21">
        <v>57</v>
      </c>
      <c r="C50" s="6">
        <v>50</v>
      </c>
      <c r="D50" s="5">
        <v>107</v>
      </c>
    </row>
    <row r="51" spans="1:4" ht="18" customHeight="1" x14ac:dyDescent="0.15">
      <c r="A51" s="8">
        <v>38</v>
      </c>
      <c r="B51" s="21">
        <v>61</v>
      </c>
      <c r="C51" s="6">
        <v>50</v>
      </c>
      <c r="D51" s="5">
        <v>111</v>
      </c>
    </row>
    <row r="52" spans="1:4" ht="18" customHeight="1" x14ac:dyDescent="0.15">
      <c r="A52" s="8">
        <v>39</v>
      </c>
      <c r="B52" s="21">
        <v>53</v>
      </c>
      <c r="C52" s="6">
        <v>53</v>
      </c>
      <c r="D52" s="5">
        <v>106</v>
      </c>
    </row>
    <row r="53" spans="1:4" ht="18" customHeight="1" x14ac:dyDescent="0.15">
      <c r="A53" s="8" t="s">
        <v>17</v>
      </c>
      <c r="B53" s="21">
        <v>291</v>
      </c>
      <c r="C53" s="6">
        <v>255</v>
      </c>
      <c r="D53" s="5">
        <v>546</v>
      </c>
    </row>
    <row r="54" spans="1:4" ht="18" customHeight="1" x14ac:dyDescent="0.15">
      <c r="A54" s="8">
        <v>40</v>
      </c>
      <c r="B54" s="21">
        <v>76</v>
      </c>
      <c r="C54" s="6">
        <v>51</v>
      </c>
      <c r="D54" s="5">
        <v>127</v>
      </c>
    </row>
    <row r="55" spans="1:4" ht="18" customHeight="1" x14ac:dyDescent="0.15">
      <c r="A55" s="8">
        <v>41</v>
      </c>
      <c r="B55" s="21">
        <v>67</v>
      </c>
      <c r="C55" s="6">
        <v>55</v>
      </c>
      <c r="D55" s="5">
        <v>122</v>
      </c>
    </row>
    <row r="56" spans="1:4" ht="18" customHeight="1" x14ac:dyDescent="0.15">
      <c r="A56" s="8">
        <v>42</v>
      </c>
      <c r="B56" s="21">
        <v>59</v>
      </c>
      <c r="C56" s="6">
        <v>59</v>
      </c>
      <c r="D56" s="5">
        <v>118</v>
      </c>
    </row>
    <row r="57" spans="1:4" ht="18" customHeight="1" x14ac:dyDescent="0.15">
      <c r="A57" s="8">
        <v>43</v>
      </c>
      <c r="B57" s="21">
        <v>62</v>
      </c>
      <c r="C57" s="6">
        <v>54</v>
      </c>
      <c r="D57" s="5">
        <v>116</v>
      </c>
    </row>
    <row r="58" spans="1:4" ht="18" customHeight="1" x14ac:dyDescent="0.15">
      <c r="A58" s="8">
        <v>44</v>
      </c>
      <c r="B58" s="21">
        <v>64</v>
      </c>
      <c r="C58" s="6">
        <v>60</v>
      </c>
      <c r="D58" s="5">
        <v>124</v>
      </c>
    </row>
    <row r="59" spans="1:4" ht="18" customHeight="1" x14ac:dyDescent="0.15">
      <c r="A59" s="8" t="s">
        <v>16</v>
      </c>
      <c r="B59" s="21">
        <v>328</v>
      </c>
      <c r="C59" s="6">
        <v>279</v>
      </c>
      <c r="D59" s="5">
        <v>607</v>
      </c>
    </row>
    <row r="60" spans="1:4" ht="18" customHeight="1" x14ac:dyDescent="0.15">
      <c r="A60" s="8">
        <v>45</v>
      </c>
      <c r="B60" s="21">
        <v>56</v>
      </c>
      <c r="C60" s="6">
        <v>65</v>
      </c>
      <c r="D60" s="5">
        <v>121</v>
      </c>
    </row>
    <row r="61" spans="1:4" ht="18" customHeight="1" x14ac:dyDescent="0.15">
      <c r="A61" s="8">
        <v>46</v>
      </c>
      <c r="B61" s="21">
        <v>71</v>
      </c>
      <c r="C61" s="6">
        <v>71</v>
      </c>
      <c r="D61" s="5">
        <v>142</v>
      </c>
    </row>
    <row r="62" spans="1:4" ht="18" customHeight="1" x14ac:dyDescent="0.15">
      <c r="A62" s="8">
        <v>47</v>
      </c>
      <c r="B62" s="21">
        <v>63</v>
      </c>
      <c r="C62" s="6">
        <v>64</v>
      </c>
      <c r="D62" s="5">
        <v>127</v>
      </c>
    </row>
    <row r="63" spans="1:4" ht="18" customHeight="1" x14ac:dyDescent="0.15">
      <c r="A63" s="8">
        <v>48</v>
      </c>
      <c r="B63" s="21">
        <v>72</v>
      </c>
      <c r="C63" s="6">
        <v>73</v>
      </c>
      <c r="D63" s="5">
        <v>145</v>
      </c>
    </row>
    <row r="64" spans="1:4" ht="18" customHeight="1" x14ac:dyDescent="0.15">
      <c r="A64" s="8">
        <v>49</v>
      </c>
      <c r="B64" s="21">
        <v>57</v>
      </c>
      <c r="C64" s="6">
        <v>82</v>
      </c>
      <c r="D64" s="5">
        <v>139</v>
      </c>
    </row>
    <row r="65" spans="1:4" ht="18" customHeight="1" x14ac:dyDescent="0.15">
      <c r="A65" s="8" t="s">
        <v>15</v>
      </c>
      <c r="B65" s="21">
        <v>319</v>
      </c>
      <c r="C65" s="6">
        <v>355</v>
      </c>
      <c r="D65" s="5">
        <v>674</v>
      </c>
    </row>
    <row r="66" spans="1:4" ht="18" customHeight="1" x14ac:dyDescent="0.15">
      <c r="A66" s="8">
        <v>50</v>
      </c>
      <c r="B66" s="21">
        <v>74</v>
      </c>
      <c r="C66" s="6">
        <v>75</v>
      </c>
      <c r="D66" s="5">
        <v>149</v>
      </c>
    </row>
    <row r="67" spans="1:4" ht="18" customHeight="1" x14ac:dyDescent="0.15">
      <c r="A67" s="8">
        <v>51</v>
      </c>
      <c r="B67" s="21">
        <v>103</v>
      </c>
      <c r="C67" s="6">
        <v>83</v>
      </c>
      <c r="D67" s="5">
        <v>186</v>
      </c>
    </row>
    <row r="68" spans="1:4" ht="18" customHeight="1" x14ac:dyDescent="0.15">
      <c r="A68" s="8">
        <v>52</v>
      </c>
      <c r="B68" s="21">
        <v>87</v>
      </c>
      <c r="C68" s="6">
        <v>103</v>
      </c>
      <c r="D68" s="5">
        <v>190</v>
      </c>
    </row>
    <row r="69" spans="1:4" ht="18" customHeight="1" x14ac:dyDescent="0.15">
      <c r="A69" s="8">
        <v>53</v>
      </c>
      <c r="B69" s="21">
        <v>76</v>
      </c>
      <c r="C69" s="6">
        <v>71</v>
      </c>
      <c r="D69" s="5">
        <v>147</v>
      </c>
    </row>
    <row r="70" spans="1:4" ht="18" customHeight="1" x14ac:dyDescent="0.15">
      <c r="A70" s="8">
        <v>54</v>
      </c>
      <c r="B70" s="21">
        <v>82</v>
      </c>
      <c r="C70" s="6">
        <v>80</v>
      </c>
      <c r="D70" s="5">
        <v>162</v>
      </c>
    </row>
    <row r="71" spans="1:4" ht="18" customHeight="1" x14ac:dyDescent="0.15">
      <c r="A71" s="8" t="s">
        <v>14</v>
      </c>
      <c r="B71" s="21">
        <v>422</v>
      </c>
      <c r="C71" s="6">
        <v>412</v>
      </c>
      <c r="D71" s="5">
        <v>834</v>
      </c>
    </row>
    <row r="72" spans="1:4" ht="18" customHeight="1" x14ac:dyDescent="0.15">
      <c r="A72" s="8">
        <v>55</v>
      </c>
      <c r="B72" s="21">
        <v>92</v>
      </c>
      <c r="C72" s="6">
        <v>83</v>
      </c>
      <c r="D72" s="5">
        <v>175</v>
      </c>
    </row>
    <row r="73" spans="1:4" ht="18" customHeight="1" x14ac:dyDescent="0.15">
      <c r="A73" s="8">
        <v>56</v>
      </c>
      <c r="B73" s="21">
        <v>97</v>
      </c>
      <c r="C73" s="6">
        <v>93</v>
      </c>
      <c r="D73" s="5">
        <v>190</v>
      </c>
    </row>
    <row r="74" spans="1:4" ht="18" customHeight="1" x14ac:dyDescent="0.15">
      <c r="A74" s="8">
        <v>57</v>
      </c>
      <c r="B74" s="21">
        <v>70</v>
      </c>
      <c r="C74" s="6">
        <v>82</v>
      </c>
      <c r="D74" s="5">
        <v>152</v>
      </c>
    </row>
    <row r="75" spans="1:4" ht="18" customHeight="1" x14ac:dyDescent="0.15">
      <c r="A75" s="8">
        <v>58</v>
      </c>
      <c r="B75" s="21">
        <v>82</v>
      </c>
      <c r="C75" s="6">
        <v>67</v>
      </c>
      <c r="D75" s="5">
        <v>149</v>
      </c>
    </row>
    <row r="76" spans="1:4" ht="18" customHeight="1" x14ac:dyDescent="0.15">
      <c r="A76" s="8">
        <v>59</v>
      </c>
      <c r="B76" s="21">
        <v>55</v>
      </c>
      <c r="C76" s="6">
        <v>62</v>
      </c>
      <c r="D76" s="5">
        <v>117</v>
      </c>
    </row>
    <row r="77" spans="1:4" ht="18" customHeight="1" x14ac:dyDescent="0.15">
      <c r="A77" s="8" t="s">
        <v>13</v>
      </c>
      <c r="B77" s="21">
        <v>396</v>
      </c>
      <c r="C77" s="6">
        <v>387</v>
      </c>
      <c r="D77" s="5">
        <v>783</v>
      </c>
    </row>
    <row r="78" spans="1:4" ht="18" customHeight="1" x14ac:dyDescent="0.15">
      <c r="A78" s="8">
        <v>60</v>
      </c>
      <c r="B78" s="21">
        <v>62</v>
      </c>
      <c r="C78" s="6">
        <v>73</v>
      </c>
      <c r="D78" s="5">
        <v>135</v>
      </c>
    </row>
    <row r="79" spans="1:4" ht="18" customHeight="1" x14ac:dyDescent="0.15">
      <c r="A79" s="8">
        <v>61</v>
      </c>
      <c r="B79" s="21">
        <v>52</v>
      </c>
      <c r="C79" s="6">
        <v>61</v>
      </c>
      <c r="D79" s="5">
        <v>113</v>
      </c>
    </row>
    <row r="80" spans="1:4" ht="18" customHeight="1" x14ac:dyDescent="0.15">
      <c r="A80" s="8">
        <v>62</v>
      </c>
      <c r="B80" s="21">
        <v>62</v>
      </c>
      <c r="C80" s="6">
        <v>55</v>
      </c>
      <c r="D80" s="5">
        <v>117</v>
      </c>
    </row>
    <row r="81" spans="1:4" ht="18" customHeight="1" x14ac:dyDescent="0.15">
      <c r="A81" s="8">
        <v>63</v>
      </c>
      <c r="B81" s="21">
        <v>42</v>
      </c>
      <c r="C81" s="6">
        <v>60</v>
      </c>
      <c r="D81" s="5">
        <v>102</v>
      </c>
    </row>
    <row r="82" spans="1:4" ht="18" customHeight="1" x14ac:dyDescent="0.15">
      <c r="A82" s="8">
        <v>64</v>
      </c>
      <c r="B82" s="21">
        <v>51</v>
      </c>
      <c r="C82" s="6">
        <v>60</v>
      </c>
      <c r="D82" s="5">
        <v>111</v>
      </c>
    </row>
    <row r="83" spans="1:4" ht="18" customHeight="1" x14ac:dyDescent="0.15">
      <c r="A83" s="8" t="s">
        <v>12</v>
      </c>
      <c r="B83" s="21">
        <v>269</v>
      </c>
      <c r="C83" s="6">
        <v>309</v>
      </c>
      <c r="D83" s="5">
        <v>578</v>
      </c>
    </row>
    <row r="84" spans="1:4" ht="18" customHeight="1" x14ac:dyDescent="0.15">
      <c r="A84" s="8" t="s">
        <v>11</v>
      </c>
      <c r="B84" s="21">
        <v>3093</v>
      </c>
      <c r="C84" s="6">
        <v>2875</v>
      </c>
      <c r="D84" s="5">
        <v>5968</v>
      </c>
    </row>
    <row r="85" spans="1:4" ht="18" customHeight="1" x14ac:dyDescent="0.15">
      <c r="A85" s="8">
        <v>65</v>
      </c>
      <c r="B85" s="21">
        <v>52</v>
      </c>
      <c r="C85" s="6">
        <v>46</v>
      </c>
      <c r="D85" s="5">
        <v>98</v>
      </c>
    </row>
    <row r="86" spans="1:4" ht="18" customHeight="1" x14ac:dyDescent="0.15">
      <c r="A86" s="8">
        <v>66</v>
      </c>
      <c r="B86" s="21">
        <v>49</v>
      </c>
      <c r="C86" s="6">
        <v>55</v>
      </c>
      <c r="D86" s="5">
        <v>104</v>
      </c>
    </row>
    <row r="87" spans="1:4" ht="18" customHeight="1" x14ac:dyDescent="0.15">
      <c r="A87" s="8">
        <v>67</v>
      </c>
      <c r="B87" s="21">
        <v>37</v>
      </c>
      <c r="C87" s="6">
        <v>36</v>
      </c>
      <c r="D87" s="5">
        <v>73</v>
      </c>
    </row>
    <row r="88" spans="1:4" ht="18" customHeight="1" x14ac:dyDescent="0.15">
      <c r="A88" s="8">
        <v>68</v>
      </c>
      <c r="B88" s="21">
        <v>38</v>
      </c>
      <c r="C88" s="6">
        <v>30</v>
      </c>
      <c r="D88" s="5">
        <v>68</v>
      </c>
    </row>
    <row r="89" spans="1:4" ht="18" customHeight="1" x14ac:dyDescent="0.15">
      <c r="A89" s="8">
        <v>69</v>
      </c>
      <c r="B89" s="21">
        <v>20</v>
      </c>
      <c r="C89" s="6">
        <v>41</v>
      </c>
      <c r="D89" s="5">
        <v>61</v>
      </c>
    </row>
    <row r="90" spans="1:4" ht="18" customHeight="1" x14ac:dyDescent="0.15">
      <c r="A90" s="8" t="s">
        <v>10</v>
      </c>
      <c r="B90" s="21">
        <v>196</v>
      </c>
      <c r="C90" s="6">
        <v>208</v>
      </c>
      <c r="D90" s="5">
        <v>404</v>
      </c>
    </row>
    <row r="91" spans="1:4" ht="18" customHeight="1" x14ac:dyDescent="0.15">
      <c r="A91" s="8">
        <v>70</v>
      </c>
      <c r="B91" s="21">
        <v>45</v>
      </c>
      <c r="C91" s="6">
        <v>29</v>
      </c>
      <c r="D91" s="5">
        <v>74</v>
      </c>
    </row>
    <row r="92" spans="1:4" ht="18" customHeight="1" x14ac:dyDescent="0.15">
      <c r="A92" s="8">
        <v>71</v>
      </c>
      <c r="B92" s="21">
        <v>33</v>
      </c>
      <c r="C92" s="6">
        <v>32</v>
      </c>
      <c r="D92" s="5">
        <v>65</v>
      </c>
    </row>
    <row r="93" spans="1:4" ht="18" customHeight="1" x14ac:dyDescent="0.15">
      <c r="A93" s="8">
        <v>72</v>
      </c>
      <c r="B93" s="21">
        <v>29</v>
      </c>
      <c r="C93" s="6">
        <v>44</v>
      </c>
      <c r="D93" s="5">
        <v>73</v>
      </c>
    </row>
    <row r="94" spans="1:4" ht="18" customHeight="1" x14ac:dyDescent="0.15">
      <c r="A94" s="8">
        <v>73</v>
      </c>
      <c r="B94" s="21">
        <v>34</v>
      </c>
      <c r="C94" s="6">
        <v>46</v>
      </c>
      <c r="D94" s="5">
        <v>80</v>
      </c>
    </row>
    <row r="95" spans="1:4" ht="18" customHeight="1" x14ac:dyDescent="0.15">
      <c r="A95" s="8">
        <v>74</v>
      </c>
      <c r="B95" s="21">
        <v>27</v>
      </c>
      <c r="C95" s="6">
        <v>33</v>
      </c>
      <c r="D95" s="5">
        <v>60</v>
      </c>
    </row>
    <row r="96" spans="1:4" ht="18" customHeight="1" x14ac:dyDescent="0.15">
      <c r="A96" s="8" t="s">
        <v>9</v>
      </c>
      <c r="B96" s="21">
        <v>168</v>
      </c>
      <c r="C96" s="6">
        <v>184</v>
      </c>
      <c r="D96" s="5">
        <v>352</v>
      </c>
    </row>
    <row r="97" spans="1:4" ht="18" customHeight="1" x14ac:dyDescent="0.15">
      <c r="A97" s="8">
        <v>75</v>
      </c>
      <c r="B97" s="21">
        <v>47</v>
      </c>
      <c r="C97" s="6">
        <v>37</v>
      </c>
      <c r="D97" s="5">
        <v>84</v>
      </c>
    </row>
    <row r="98" spans="1:4" ht="18" customHeight="1" x14ac:dyDescent="0.15">
      <c r="A98" s="8">
        <v>76</v>
      </c>
      <c r="B98" s="21">
        <v>35</v>
      </c>
      <c r="C98" s="6">
        <v>50</v>
      </c>
      <c r="D98" s="5">
        <v>85</v>
      </c>
    </row>
    <row r="99" spans="1:4" ht="18" customHeight="1" x14ac:dyDescent="0.15">
      <c r="A99" s="8">
        <v>77</v>
      </c>
      <c r="B99" s="21">
        <v>34</v>
      </c>
      <c r="C99" s="6">
        <v>57</v>
      </c>
      <c r="D99" s="5">
        <v>91</v>
      </c>
    </row>
    <row r="100" spans="1:4" ht="18" customHeight="1" x14ac:dyDescent="0.15">
      <c r="A100" s="8">
        <v>78</v>
      </c>
      <c r="B100" s="21">
        <v>37</v>
      </c>
      <c r="C100" s="6">
        <v>52</v>
      </c>
      <c r="D100" s="5">
        <v>89</v>
      </c>
    </row>
    <row r="101" spans="1:4" ht="18" customHeight="1" x14ac:dyDescent="0.15">
      <c r="A101" s="8">
        <v>79</v>
      </c>
      <c r="B101" s="21">
        <v>20</v>
      </c>
      <c r="C101" s="6">
        <v>31</v>
      </c>
      <c r="D101" s="5">
        <v>51</v>
      </c>
    </row>
    <row r="102" spans="1:4" ht="18" customHeight="1" x14ac:dyDescent="0.15">
      <c r="A102" s="8" t="s">
        <v>8</v>
      </c>
      <c r="B102" s="21">
        <v>173</v>
      </c>
      <c r="C102" s="6">
        <v>227</v>
      </c>
      <c r="D102" s="5">
        <v>400</v>
      </c>
    </row>
    <row r="103" spans="1:4" ht="18" customHeight="1" x14ac:dyDescent="0.15">
      <c r="A103" s="8">
        <v>80</v>
      </c>
      <c r="B103" s="21">
        <v>21</v>
      </c>
      <c r="C103" s="6">
        <v>21</v>
      </c>
      <c r="D103" s="5">
        <v>42</v>
      </c>
    </row>
    <row r="104" spans="1:4" ht="18" customHeight="1" x14ac:dyDescent="0.15">
      <c r="A104" s="8">
        <v>81</v>
      </c>
      <c r="B104" s="21">
        <v>23</v>
      </c>
      <c r="C104" s="6">
        <v>43</v>
      </c>
      <c r="D104" s="5">
        <v>66</v>
      </c>
    </row>
    <row r="105" spans="1:4" ht="18" customHeight="1" x14ac:dyDescent="0.15">
      <c r="A105" s="8">
        <v>82</v>
      </c>
      <c r="B105" s="21">
        <v>23</v>
      </c>
      <c r="C105" s="6">
        <v>44</v>
      </c>
      <c r="D105" s="5">
        <v>67</v>
      </c>
    </row>
    <row r="106" spans="1:4" ht="18" customHeight="1" x14ac:dyDescent="0.15">
      <c r="A106" s="8">
        <v>83</v>
      </c>
      <c r="B106" s="21">
        <v>17</v>
      </c>
      <c r="C106" s="6">
        <v>43</v>
      </c>
      <c r="D106" s="5">
        <v>60</v>
      </c>
    </row>
    <row r="107" spans="1:4" ht="18" customHeight="1" x14ac:dyDescent="0.15">
      <c r="A107" s="8">
        <v>84</v>
      </c>
      <c r="B107" s="21">
        <v>24</v>
      </c>
      <c r="C107" s="6">
        <v>43</v>
      </c>
      <c r="D107" s="5">
        <v>67</v>
      </c>
    </row>
    <row r="108" spans="1:4" ht="18" customHeight="1" x14ac:dyDescent="0.15">
      <c r="A108" s="8" t="s">
        <v>7</v>
      </c>
      <c r="B108" s="21">
        <v>108</v>
      </c>
      <c r="C108" s="6">
        <v>194</v>
      </c>
      <c r="D108" s="5">
        <v>302</v>
      </c>
    </row>
    <row r="109" spans="1:4" ht="18" customHeight="1" x14ac:dyDescent="0.15">
      <c r="A109" s="8">
        <v>85</v>
      </c>
      <c r="B109" s="21">
        <v>19</v>
      </c>
      <c r="C109" s="6">
        <v>22</v>
      </c>
      <c r="D109" s="5">
        <v>41</v>
      </c>
    </row>
    <row r="110" spans="1:4" ht="18" customHeight="1" x14ac:dyDescent="0.15">
      <c r="A110" s="8">
        <v>86</v>
      </c>
      <c r="B110" s="21">
        <v>15</v>
      </c>
      <c r="C110" s="6">
        <v>21</v>
      </c>
      <c r="D110" s="5">
        <v>36</v>
      </c>
    </row>
    <row r="111" spans="1:4" ht="18" customHeight="1" x14ac:dyDescent="0.15">
      <c r="A111" s="8">
        <v>87</v>
      </c>
      <c r="B111" s="21">
        <v>19</v>
      </c>
      <c r="C111" s="6">
        <v>15</v>
      </c>
      <c r="D111" s="5">
        <v>34</v>
      </c>
    </row>
    <row r="112" spans="1:4" ht="18" customHeight="1" x14ac:dyDescent="0.15">
      <c r="A112" s="8">
        <v>88</v>
      </c>
      <c r="B112" s="21">
        <v>17</v>
      </c>
      <c r="C112" s="6">
        <v>21</v>
      </c>
      <c r="D112" s="5">
        <v>38</v>
      </c>
    </row>
    <row r="113" spans="1:4" ht="18" customHeight="1" x14ac:dyDescent="0.15">
      <c r="A113" s="8">
        <v>89</v>
      </c>
      <c r="B113" s="21">
        <v>8</v>
      </c>
      <c r="C113" s="6">
        <v>24</v>
      </c>
      <c r="D113" s="5">
        <v>32</v>
      </c>
    </row>
    <row r="114" spans="1:4" ht="18" customHeight="1" x14ac:dyDescent="0.15">
      <c r="A114" s="8" t="s">
        <v>6</v>
      </c>
      <c r="B114" s="21">
        <v>78</v>
      </c>
      <c r="C114" s="6">
        <v>103</v>
      </c>
      <c r="D114" s="5">
        <v>181</v>
      </c>
    </row>
    <row r="115" spans="1:4" ht="18" customHeight="1" x14ac:dyDescent="0.15">
      <c r="A115" s="8">
        <v>90</v>
      </c>
      <c r="B115" s="21">
        <v>10</v>
      </c>
      <c r="C115" s="6">
        <v>20</v>
      </c>
      <c r="D115" s="5">
        <v>30</v>
      </c>
    </row>
    <row r="116" spans="1:4" ht="18" customHeight="1" x14ac:dyDescent="0.15">
      <c r="A116" s="8">
        <v>91</v>
      </c>
      <c r="B116" s="21">
        <v>7</v>
      </c>
      <c r="C116" s="6">
        <v>13</v>
      </c>
      <c r="D116" s="5">
        <v>20</v>
      </c>
    </row>
    <row r="117" spans="1:4" ht="18" customHeight="1" x14ac:dyDescent="0.15">
      <c r="A117" s="8">
        <v>92</v>
      </c>
      <c r="B117" s="21">
        <v>7</v>
      </c>
      <c r="C117" s="6">
        <v>14</v>
      </c>
      <c r="D117" s="5">
        <v>21</v>
      </c>
    </row>
    <row r="118" spans="1:4" ht="18" customHeight="1" x14ac:dyDescent="0.15">
      <c r="A118" s="8">
        <v>93</v>
      </c>
      <c r="B118" s="21">
        <v>5</v>
      </c>
      <c r="C118" s="6">
        <v>14</v>
      </c>
      <c r="D118" s="5">
        <v>19</v>
      </c>
    </row>
    <row r="119" spans="1:4" ht="18" customHeight="1" x14ac:dyDescent="0.15">
      <c r="A119" s="8">
        <v>94</v>
      </c>
      <c r="B119" s="21">
        <v>1</v>
      </c>
      <c r="C119" s="6">
        <v>8</v>
      </c>
      <c r="D119" s="5">
        <v>9</v>
      </c>
    </row>
    <row r="120" spans="1:4" ht="18" customHeight="1" x14ac:dyDescent="0.15">
      <c r="A120" s="8" t="s">
        <v>5</v>
      </c>
      <c r="B120" s="21">
        <v>30</v>
      </c>
      <c r="C120" s="6">
        <v>69</v>
      </c>
      <c r="D120" s="5">
        <v>99</v>
      </c>
    </row>
    <row r="121" spans="1:4" ht="18" customHeight="1" x14ac:dyDescent="0.15">
      <c r="A121" s="8">
        <v>95</v>
      </c>
      <c r="B121" s="21">
        <v>3</v>
      </c>
      <c r="C121" s="6">
        <v>12</v>
      </c>
      <c r="D121" s="5">
        <v>15</v>
      </c>
    </row>
    <row r="122" spans="1:4" ht="18" customHeight="1" x14ac:dyDescent="0.15">
      <c r="A122" s="8">
        <v>96</v>
      </c>
      <c r="B122" s="21">
        <v>1</v>
      </c>
      <c r="C122" s="6">
        <v>4</v>
      </c>
      <c r="D122" s="5">
        <v>5</v>
      </c>
    </row>
    <row r="123" spans="1:4" ht="18" customHeight="1" x14ac:dyDescent="0.15">
      <c r="A123" s="8">
        <v>97</v>
      </c>
      <c r="B123" s="21">
        <v>1</v>
      </c>
      <c r="C123" s="6">
        <v>5</v>
      </c>
      <c r="D123" s="5">
        <v>6</v>
      </c>
    </row>
    <row r="124" spans="1:4" ht="18" customHeight="1" x14ac:dyDescent="0.15">
      <c r="A124" s="8">
        <v>98</v>
      </c>
      <c r="B124" s="21">
        <v>1</v>
      </c>
      <c r="C124" s="6">
        <v>1</v>
      </c>
      <c r="D124" s="5">
        <v>2</v>
      </c>
    </row>
    <row r="125" spans="1:4" ht="18" customHeight="1" x14ac:dyDescent="0.15">
      <c r="A125" s="8">
        <v>99</v>
      </c>
      <c r="B125" s="21">
        <v>2</v>
      </c>
      <c r="C125" s="6">
        <v>0</v>
      </c>
      <c r="D125" s="5">
        <v>2</v>
      </c>
    </row>
    <row r="126" spans="1:4" ht="18" customHeight="1" x14ac:dyDescent="0.15">
      <c r="A126" s="8" t="s">
        <v>4</v>
      </c>
      <c r="B126" s="21">
        <v>8</v>
      </c>
      <c r="C126" s="6">
        <v>22</v>
      </c>
      <c r="D126" s="5">
        <v>30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1</v>
      </c>
      <c r="C128" s="6">
        <v>1</v>
      </c>
      <c r="D128" s="5">
        <v>2</v>
      </c>
    </row>
    <row r="129" spans="1:4" ht="18" customHeight="1" x14ac:dyDescent="0.15">
      <c r="A129" s="8" t="s">
        <v>2</v>
      </c>
      <c r="B129" s="21">
        <v>1</v>
      </c>
      <c r="C129" s="6">
        <v>3</v>
      </c>
      <c r="D129" s="5">
        <v>4</v>
      </c>
    </row>
    <row r="130" spans="1:4" ht="18" customHeight="1" x14ac:dyDescent="0.15">
      <c r="A130" s="8" t="s">
        <v>1</v>
      </c>
      <c r="B130" s="21">
        <v>762</v>
      </c>
      <c r="C130" s="6">
        <v>1010</v>
      </c>
      <c r="D130" s="5">
        <v>1772</v>
      </c>
    </row>
    <row r="131" spans="1:4" ht="18" customHeight="1" x14ac:dyDescent="0.15">
      <c r="A131" s="4" t="s">
        <v>0</v>
      </c>
      <c r="B131" s="20">
        <v>4386</v>
      </c>
      <c r="C131" s="2">
        <v>4387</v>
      </c>
      <c r="D131" s="1">
        <v>877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779A07-635E-41B8-97D7-46FF65979243}">
  <sheetPr codeName="Sheet6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7" t="s">
        <v>30</v>
      </c>
      <c r="C3" s="47"/>
      <c r="D3" s="47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3</v>
      </c>
      <c r="C5" s="11">
        <v>44</v>
      </c>
      <c r="D5" s="10">
        <v>97</v>
      </c>
    </row>
    <row r="6" spans="1:4" ht="18" customHeight="1" x14ac:dyDescent="0.15">
      <c r="A6" s="8">
        <v>1</v>
      </c>
      <c r="B6" s="21">
        <v>35</v>
      </c>
      <c r="C6" s="6">
        <v>36</v>
      </c>
      <c r="D6" s="5">
        <v>71</v>
      </c>
    </row>
    <row r="7" spans="1:4" ht="18" customHeight="1" x14ac:dyDescent="0.15">
      <c r="A7" s="8">
        <v>2</v>
      </c>
      <c r="B7" s="21">
        <v>39</v>
      </c>
      <c r="C7" s="6">
        <v>34</v>
      </c>
      <c r="D7" s="5">
        <v>73</v>
      </c>
    </row>
    <row r="8" spans="1:4" ht="18" customHeight="1" x14ac:dyDescent="0.15">
      <c r="A8" s="8">
        <v>3</v>
      </c>
      <c r="B8" s="21">
        <v>38</v>
      </c>
      <c r="C8" s="6">
        <v>37</v>
      </c>
      <c r="D8" s="5">
        <v>75</v>
      </c>
    </row>
    <row r="9" spans="1:4" ht="18" customHeight="1" x14ac:dyDescent="0.15">
      <c r="A9" s="8">
        <v>4</v>
      </c>
      <c r="B9" s="21">
        <v>34</v>
      </c>
      <c r="C9" s="6">
        <v>46</v>
      </c>
      <c r="D9" s="5">
        <v>80</v>
      </c>
    </row>
    <row r="10" spans="1:4" ht="18" customHeight="1" x14ac:dyDescent="0.15">
      <c r="A10" s="8" t="s">
        <v>25</v>
      </c>
      <c r="B10" s="21">
        <v>199</v>
      </c>
      <c r="C10" s="6">
        <v>197</v>
      </c>
      <c r="D10" s="5">
        <v>396</v>
      </c>
    </row>
    <row r="11" spans="1:4" ht="18" customHeight="1" x14ac:dyDescent="0.15">
      <c r="A11" s="8">
        <v>5</v>
      </c>
      <c r="B11" s="21">
        <v>30</v>
      </c>
      <c r="C11" s="6">
        <v>43</v>
      </c>
      <c r="D11" s="5">
        <v>73</v>
      </c>
    </row>
    <row r="12" spans="1:4" ht="18" customHeight="1" x14ac:dyDescent="0.15">
      <c r="A12" s="8">
        <v>6</v>
      </c>
      <c r="B12" s="21">
        <v>51</v>
      </c>
      <c r="C12" s="6">
        <v>44</v>
      </c>
      <c r="D12" s="5">
        <v>95</v>
      </c>
    </row>
    <row r="13" spans="1:4" ht="18" customHeight="1" x14ac:dyDescent="0.15">
      <c r="A13" s="8">
        <v>7</v>
      </c>
      <c r="B13" s="21">
        <v>56</v>
      </c>
      <c r="C13" s="6">
        <v>43</v>
      </c>
      <c r="D13" s="5">
        <v>99</v>
      </c>
    </row>
    <row r="14" spans="1:4" ht="18" customHeight="1" x14ac:dyDescent="0.15">
      <c r="A14" s="8">
        <v>8</v>
      </c>
      <c r="B14" s="21">
        <v>47</v>
      </c>
      <c r="C14" s="6">
        <v>46</v>
      </c>
      <c r="D14" s="5">
        <v>93</v>
      </c>
    </row>
    <row r="15" spans="1:4" ht="18" customHeight="1" x14ac:dyDescent="0.15">
      <c r="A15" s="8">
        <v>9</v>
      </c>
      <c r="B15" s="21">
        <v>61</v>
      </c>
      <c r="C15" s="6">
        <v>53</v>
      </c>
      <c r="D15" s="5">
        <v>114</v>
      </c>
    </row>
    <row r="16" spans="1:4" ht="18" customHeight="1" x14ac:dyDescent="0.15">
      <c r="A16" s="8" t="s">
        <v>24</v>
      </c>
      <c r="B16" s="21">
        <v>245</v>
      </c>
      <c r="C16" s="6">
        <v>229</v>
      </c>
      <c r="D16" s="5">
        <v>474</v>
      </c>
    </row>
    <row r="17" spans="1:4" ht="18" customHeight="1" x14ac:dyDescent="0.15">
      <c r="A17" s="8">
        <v>10</v>
      </c>
      <c r="B17" s="21">
        <v>57</v>
      </c>
      <c r="C17" s="6">
        <v>48</v>
      </c>
      <c r="D17" s="5">
        <v>105</v>
      </c>
    </row>
    <row r="18" spans="1:4" ht="18" customHeight="1" x14ac:dyDescent="0.15">
      <c r="A18" s="8">
        <v>11</v>
      </c>
      <c r="B18" s="21">
        <v>51</v>
      </c>
      <c r="C18" s="6">
        <v>46</v>
      </c>
      <c r="D18" s="5">
        <v>97</v>
      </c>
    </row>
    <row r="19" spans="1:4" ht="18" customHeight="1" x14ac:dyDescent="0.15">
      <c r="A19" s="8">
        <v>12</v>
      </c>
      <c r="B19" s="21">
        <v>54</v>
      </c>
      <c r="C19" s="6">
        <v>53</v>
      </c>
      <c r="D19" s="5">
        <v>107</v>
      </c>
    </row>
    <row r="20" spans="1:4" ht="18" customHeight="1" x14ac:dyDescent="0.15">
      <c r="A20" s="8">
        <v>13</v>
      </c>
      <c r="B20" s="21">
        <v>51</v>
      </c>
      <c r="C20" s="6">
        <v>53</v>
      </c>
      <c r="D20" s="5">
        <v>104</v>
      </c>
    </row>
    <row r="21" spans="1:4" ht="18" customHeight="1" x14ac:dyDescent="0.15">
      <c r="A21" s="8">
        <v>14</v>
      </c>
      <c r="B21" s="21">
        <v>57</v>
      </c>
      <c r="C21" s="6">
        <v>45</v>
      </c>
      <c r="D21" s="5">
        <v>102</v>
      </c>
    </row>
    <row r="22" spans="1:4" ht="18" customHeight="1" x14ac:dyDescent="0.15">
      <c r="A22" s="8" t="s">
        <v>23</v>
      </c>
      <c r="B22" s="21">
        <v>270</v>
      </c>
      <c r="C22" s="6">
        <v>245</v>
      </c>
      <c r="D22" s="5">
        <v>515</v>
      </c>
    </row>
    <row r="23" spans="1:4" ht="18" customHeight="1" x14ac:dyDescent="0.15">
      <c r="A23" s="8" t="s">
        <v>22</v>
      </c>
      <c r="B23" s="21">
        <v>714</v>
      </c>
      <c r="C23" s="6">
        <v>671</v>
      </c>
      <c r="D23" s="5">
        <v>1385</v>
      </c>
    </row>
    <row r="24" spans="1:4" ht="18" customHeight="1" x14ac:dyDescent="0.15">
      <c r="A24" s="8">
        <v>15</v>
      </c>
      <c r="B24" s="21">
        <v>47</v>
      </c>
      <c r="C24" s="6">
        <v>43</v>
      </c>
      <c r="D24" s="5">
        <v>90</v>
      </c>
    </row>
    <row r="25" spans="1:4" ht="18" customHeight="1" x14ac:dyDescent="0.15">
      <c r="A25" s="8">
        <v>16</v>
      </c>
      <c r="B25" s="21">
        <v>68</v>
      </c>
      <c r="C25" s="6">
        <v>56</v>
      </c>
      <c r="D25" s="5">
        <v>124</v>
      </c>
    </row>
    <row r="26" spans="1:4" ht="18" customHeight="1" x14ac:dyDescent="0.15">
      <c r="A26" s="8">
        <v>17</v>
      </c>
      <c r="B26" s="21">
        <v>55</v>
      </c>
      <c r="C26" s="6">
        <v>57</v>
      </c>
      <c r="D26" s="5">
        <v>112</v>
      </c>
    </row>
    <row r="27" spans="1:4" ht="18" customHeight="1" x14ac:dyDescent="0.15">
      <c r="A27" s="8">
        <v>18</v>
      </c>
      <c r="B27" s="21">
        <v>61</v>
      </c>
      <c r="C27" s="6">
        <v>45</v>
      </c>
      <c r="D27" s="5">
        <v>106</v>
      </c>
    </row>
    <row r="28" spans="1:4" ht="18" customHeight="1" x14ac:dyDescent="0.15">
      <c r="A28" s="8">
        <v>19</v>
      </c>
      <c r="B28" s="21">
        <v>67</v>
      </c>
      <c r="C28" s="6">
        <v>47</v>
      </c>
      <c r="D28" s="5">
        <v>114</v>
      </c>
    </row>
    <row r="29" spans="1:4" ht="18" customHeight="1" x14ac:dyDescent="0.15">
      <c r="A29" s="8" t="s">
        <v>21</v>
      </c>
      <c r="B29" s="21">
        <v>298</v>
      </c>
      <c r="C29" s="6">
        <v>248</v>
      </c>
      <c r="D29" s="5">
        <v>546</v>
      </c>
    </row>
    <row r="30" spans="1:4" ht="18" customHeight="1" x14ac:dyDescent="0.15">
      <c r="A30" s="8">
        <v>20</v>
      </c>
      <c r="B30" s="21">
        <v>57</v>
      </c>
      <c r="C30" s="6">
        <v>54</v>
      </c>
      <c r="D30" s="5">
        <v>111</v>
      </c>
    </row>
    <row r="31" spans="1:4" ht="18" customHeight="1" x14ac:dyDescent="0.15">
      <c r="A31" s="8">
        <v>21</v>
      </c>
      <c r="B31" s="21">
        <v>80</v>
      </c>
      <c r="C31" s="6">
        <v>73</v>
      </c>
      <c r="D31" s="5">
        <v>153</v>
      </c>
    </row>
    <row r="32" spans="1:4" ht="18" customHeight="1" x14ac:dyDescent="0.15">
      <c r="A32" s="8">
        <v>22</v>
      </c>
      <c r="B32" s="21">
        <v>57</v>
      </c>
      <c r="C32" s="6">
        <v>52</v>
      </c>
      <c r="D32" s="5">
        <v>109</v>
      </c>
    </row>
    <row r="33" spans="1:4" ht="18" customHeight="1" x14ac:dyDescent="0.15">
      <c r="A33" s="8">
        <v>23</v>
      </c>
      <c r="B33" s="21">
        <v>80</v>
      </c>
      <c r="C33" s="6">
        <v>61</v>
      </c>
      <c r="D33" s="5">
        <v>141</v>
      </c>
    </row>
    <row r="34" spans="1:4" ht="18" customHeight="1" x14ac:dyDescent="0.15">
      <c r="A34" s="8">
        <v>24</v>
      </c>
      <c r="B34" s="21">
        <v>80</v>
      </c>
      <c r="C34" s="6">
        <v>84</v>
      </c>
      <c r="D34" s="5">
        <v>164</v>
      </c>
    </row>
    <row r="35" spans="1:4" ht="18" customHeight="1" x14ac:dyDescent="0.15">
      <c r="A35" s="8" t="s">
        <v>20</v>
      </c>
      <c r="B35" s="21">
        <v>354</v>
      </c>
      <c r="C35" s="6">
        <v>324</v>
      </c>
      <c r="D35" s="5">
        <v>678</v>
      </c>
    </row>
    <row r="36" spans="1:4" ht="18" customHeight="1" x14ac:dyDescent="0.15">
      <c r="A36" s="8">
        <v>25</v>
      </c>
      <c r="B36" s="21">
        <v>104</v>
      </c>
      <c r="C36" s="6">
        <v>57</v>
      </c>
      <c r="D36" s="5">
        <v>161</v>
      </c>
    </row>
    <row r="37" spans="1:4" ht="18" customHeight="1" x14ac:dyDescent="0.15">
      <c r="A37" s="8">
        <v>26</v>
      </c>
      <c r="B37" s="21">
        <v>84</v>
      </c>
      <c r="C37" s="6">
        <v>90</v>
      </c>
      <c r="D37" s="5">
        <v>174</v>
      </c>
    </row>
    <row r="38" spans="1:4" ht="18" customHeight="1" x14ac:dyDescent="0.15">
      <c r="A38" s="8">
        <v>27</v>
      </c>
      <c r="B38" s="21">
        <v>105</v>
      </c>
      <c r="C38" s="6">
        <v>82</v>
      </c>
      <c r="D38" s="5">
        <v>187</v>
      </c>
    </row>
    <row r="39" spans="1:4" ht="18" customHeight="1" x14ac:dyDescent="0.15">
      <c r="A39" s="8">
        <v>28</v>
      </c>
      <c r="B39" s="21">
        <v>96</v>
      </c>
      <c r="C39" s="6">
        <v>84</v>
      </c>
      <c r="D39" s="5">
        <v>180</v>
      </c>
    </row>
    <row r="40" spans="1:4" ht="18" customHeight="1" x14ac:dyDescent="0.15">
      <c r="A40" s="8">
        <v>29</v>
      </c>
      <c r="B40" s="21">
        <v>100</v>
      </c>
      <c r="C40" s="6">
        <v>96</v>
      </c>
      <c r="D40" s="5">
        <v>196</v>
      </c>
    </row>
    <row r="41" spans="1:4" ht="18" customHeight="1" x14ac:dyDescent="0.15">
      <c r="A41" s="8" t="s">
        <v>19</v>
      </c>
      <c r="B41" s="21">
        <v>489</v>
      </c>
      <c r="C41" s="6">
        <v>409</v>
      </c>
      <c r="D41" s="5">
        <v>898</v>
      </c>
    </row>
    <row r="42" spans="1:4" ht="18" customHeight="1" x14ac:dyDescent="0.15">
      <c r="A42" s="8">
        <v>30</v>
      </c>
      <c r="B42" s="21">
        <v>94</v>
      </c>
      <c r="C42" s="6">
        <v>71</v>
      </c>
      <c r="D42" s="5">
        <v>165</v>
      </c>
    </row>
    <row r="43" spans="1:4" ht="18" customHeight="1" x14ac:dyDescent="0.15">
      <c r="A43" s="8">
        <v>31</v>
      </c>
      <c r="B43" s="21">
        <v>76</v>
      </c>
      <c r="C43" s="6">
        <v>67</v>
      </c>
      <c r="D43" s="5">
        <v>143</v>
      </c>
    </row>
    <row r="44" spans="1:4" ht="18" customHeight="1" x14ac:dyDescent="0.15">
      <c r="A44" s="8">
        <v>32</v>
      </c>
      <c r="B44" s="21">
        <v>73</v>
      </c>
      <c r="C44" s="6">
        <v>63</v>
      </c>
      <c r="D44" s="5">
        <v>136</v>
      </c>
    </row>
    <row r="45" spans="1:4" ht="18" customHeight="1" x14ac:dyDescent="0.15">
      <c r="A45" s="8">
        <v>33</v>
      </c>
      <c r="B45" s="21">
        <v>74</v>
      </c>
      <c r="C45" s="6">
        <v>66</v>
      </c>
      <c r="D45" s="5">
        <v>140</v>
      </c>
    </row>
    <row r="46" spans="1:4" ht="18" customHeight="1" x14ac:dyDescent="0.15">
      <c r="A46" s="8">
        <v>34</v>
      </c>
      <c r="B46" s="21">
        <v>77</v>
      </c>
      <c r="C46" s="6">
        <v>58</v>
      </c>
      <c r="D46" s="5">
        <v>135</v>
      </c>
    </row>
    <row r="47" spans="1:4" ht="18" customHeight="1" x14ac:dyDescent="0.15">
      <c r="A47" s="8" t="s">
        <v>18</v>
      </c>
      <c r="B47" s="21">
        <v>394</v>
      </c>
      <c r="C47" s="6">
        <v>325</v>
      </c>
      <c r="D47" s="5">
        <v>719</v>
      </c>
    </row>
    <row r="48" spans="1:4" ht="18" customHeight="1" x14ac:dyDescent="0.15">
      <c r="A48" s="8">
        <v>35</v>
      </c>
      <c r="B48" s="21">
        <v>88</v>
      </c>
      <c r="C48" s="6">
        <v>62</v>
      </c>
      <c r="D48" s="5">
        <v>150</v>
      </c>
    </row>
    <row r="49" spans="1:4" ht="18" customHeight="1" x14ac:dyDescent="0.15">
      <c r="A49" s="8">
        <v>36</v>
      </c>
      <c r="B49" s="21">
        <v>76</v>
      </c>
      <c r="C49" s="6">
        <v>42</v>
      </c>
      <c r="D49" s="5">
        <v>118</v>
      </c>
    </row>
    <row r="50" spans="1:4" ht="18" customHeight="1" x14ac:dyDescent="0.15">
      <c r="A50" s="8">
        <v>37</v>
      </c>
      <c r="B50" s="21">
        <v>67</v>
      </c>
      <c r="C50" s="6">
        <v>56</v>
      </c>
      <c r="D50" s="5">
        <v>123</v>
      </c>
    </row>
    <row r="51" spans="1:4" ht="18" customHeight="1" x14ac:dyDescent="0.15">
      <c r="A51" s="8">
        <v>38</v>
      </c>
      <c r="B51" s="21">
        <v>73</v>
      </c>
      <c r="C51" s="6">
        <v>74</v>
      </c>
      <c r="D51" s="5">
        <v>147</v>
      </c>
    </row>
    <row r="52" spans="1:4" ht="18" customHeight="1" x14ac:dyDescent="0.15">
      <c r="A52" s="8">
        <v>39</v>
      </c>
      <c r="B52" s="21">
        <v>76</v>
      </c>
      <c r="C52" s="6">
        <v>72</v>
      </c>
      <c r="D52" s="5">
        <v>148</v>
      </c>
    </row>
    <row r="53" spans="1:4" ht="18" customHeight="1" x14ac:dyDescent="0.15">
      <c r="A53" s="8" t="s">
        <v>17</v>
      </c>
      <c r="B53" s="21">
        <v>380</v>
      </c>
      <c r="C53" s="6">
        <v>306</v>
      </c>
      <c r="D53" s="5">
        <v>686</v>
      </c>
    </row>
    <row r="54" spans="1:4" ht="18" customHeight="1" x14ac:dyDescent="0.15">
      <c r="A54" s="8">
        <v>40</v>
      </c>
      <c r="B54" s="21">
        <v>83</v>
      </c>
      <c r="C54" s="6">
        <v>74</v>
      </c>
      <c r="D54" s="5">
        <v>157</v>
      </c>
    </row>
    <row r="55" spans="1:4" ht="18" customHeight="1" x14ac:dyDescent="0.15">
      <c r="A55" s="8">
        <v>41</v>
      </c>
      <c r="B55" s="21">
        <v>88</v>
      </c>
      <c r="C55" s="6">
        <v>93</v>
      </c>
      <c r="D55" s="5">
        <v>181</v>
      </c>
    </row>
    <row r="56" spans="1:4" ht="18" customHeight="1" x14ac:dyDescent="0.15">
      <c r="A56" s="8">
        <v>42</v>
      </c>
      <c r="B56" s="21">
        <v>74</v>
      </c>
      <c r="C56" s="6">
        <v>66</v>
      </c>
      <c r="D56" s="5">
        <v>140</v>
      </c>
    </row>
    <row r="57" spans="1:4" ht="18" customHeight="1" x14ac:dyDescent="0.15">
      <c r="A57" s="8">
        <v>43</v>
      </c>
      <c r="B57" s="21">
        <v>84</v>
      </c>
      <c r="C57" s="6">
        <v>74</v>
      </c>
      <c r="D57" s="5">
        <v>158</v>
      </c>
    </row>
    <row r="58" spans="1:4" ht="18" customHeight="1" x14ac:dyDescent="0.15">
      <c r="A58" s="8">
        <v>44</v>
      </c>
      <c r="B58" s="21">
        <v>70</v>
      </c>
      <c r="C58" s="6">
        <v>69</v>
      </c>
      <c r="D58" s="5">
        <v>139</v>
      </c>
    </row>
    <row r="59" spans="1:4" ht="18" customHeight="1" x14ac:dyDescent="0.15">
      <c r="A59" s="8" t="s">
        <v>16</v>
      </c>
      <c r="B59" s="21">
        <v>399</v>
      </c>
      <c r="C59" s="6">
        <v>376</v>
      </c>
      <c r="D59" s="5">
        <v>775</v>
      </c>
    </row>
    <row r="60" spans="1:4" ht="18" customHeight="1" x14ac:dyDescent="0.15">
      <c r="A60" s="8">
        <v>45</v>
      </c>
      <c r="B60" s="21">
        <v>78</v>
      </c>
      <c r="C60" s="6">
        <v>64</v>
      </c>
      <c r="D60" s="5">
        <v>142</v>
      </c>
    </row>
    <row r="61" spans="1:4" ht="18" customHeight="1" x14ac:dyDescent="0.15">
      <c r="A61" s="8">
        <v>46</v>
      </c>
      <c r="B61" s="21">
        <v>102</v>
      </c>
      <c r="C61" s="6">
        <v>75</v>
      </c>
      <c r="D61" s="5">
        <v>177</v>
      </c>
    </row>
    <row r="62" spans="1:4" ht="18" customHeight="1" x14ac:dyDescent="0.15">
      <c r="A62" s="8">
        <v>47</v>
      </c>
      <c r="B62" s="21">
        <v>102</v>
      </c>
      <c r="C62" s="6">
        <v>85</v>
      </c>
      <c r="D62" s="5">
        <v>187</v>
      </c>
    </row>
    <row r="63" spans="1:4" ht="18" customHeight="1" x14ac:dyDescent="0.15">
      <c r="A63" s="8">
        <v>48</v>
      </c>
      <c r="B63" s="21">
        <v>104</v>
      </c>
      <c r="C63" s="6">
        <v>98</v>
      </c>
      <c r="D63" s="5">
        <v>202</v>
      </c>
    </row>
    <row r="64" spans="1:4" ht="18" customHeight="1" x14ac:dyDescent="0.15">
      <c r="A64" s="8">
        <v>49</v>
      </c>
      <c r="B64" s="21">
        <v>85</v>
      </c>
      <c r="C64" s="6">
        <v>101</v>
      </c>
      <c r="D64" s="5">
        <v>186</v>
      </c>
    </row>
    <row r="65" spans="1:4" ht="18" customHeight="1" x14ac:dyDescent="0.15">
      <c r="A65" s="8" t="s">
        <v>15</v>
      </c>
      <c r="B65" s="21">
        <v>471</v>
      </c>
      <c r="C65" s="6">
        <v>423</v>
      </c>
      <c r="D65" s="5">
        <v>894</v>
      </c>
    </row>
    <row r="66" spans="1:4" ht="18" customHeight="1" x14ac:dyDescent="0.15">
      <c r="A66" s="8">
        <v>50</v>
      </c>
      <c r="B66" s="21">
        <v>103</v>
      </c>
      <c r="C66" s="6">
        <v>123</v>
      </c>
      <c r="D66" s="5">
        <v>226</v>
      </c>
    </row>
    <row r="67" spans="1:4" ht="18" customHeight="1" x14ac:dyDescent="0.15">
      <c r="A67" s="8">
        <v>51</v>
      </c>
      <c r="B67" s="21">
        <v>127</v>
      </c>
      <c r="C67" s="6">
        <v>104</v>
      </c>
      <c r="D67" s="5">
        <v>231</v>
      </c>
    </row>
    <row r="68" spans="1:4" ht="18" customHeight="1" x14ac:dyDescent="0.15">
      <c r="A68" s="8">
        <v>52</v>
      </c>
      <c r="B68" s="21">
        <v>110</v>
      </c>
      <c r="C68" s="6">
        <v>103</v>
      </c>
      <c r="D68" s="5">
        <v>213</v>
      </c>
    </row>
    <row r="69" spans="1:4" ht="18" customHeight="1" x14ac:dyDescent="0.15">
      <c r="A69" s="8">
        <v>53</v>
      </c>
      <c r="B69" s="21">
        <v>105</v>
      </c>
      <c r="C69" s="6">
        <v>86</v>
      </c>
      <c r="D69" s="5">
        <v>191</v>
      </c>
    </row>
    <row r="70" spans="1:4" ht="18" customHeight="1" x14ac:dyDescent="0.15">
      <c r="A70" s="8">
        <v>54</v>
      </c>
      <c r="B70" s="21">
        <v>118</v>
      </c>
      <c r="C70" s="6">
        <v>116</v>
      </c>
      <c r="D70" s="5">
        <v>234</v>
      </c>
    </row>
    <row r="71" spans="1:4" ht="18" customHeight="1" x14ac:dyDescent="0.15">
      <c r="A71" s="8" t="s">
        <v>14</v>
      </c>
      <c r="B71" s="21">
        <v>563</v>
      </c>
      <c r="C71" s="6">
        <v>532</v>
      </c>
      <c r="D71" s="5">
        <v>1095</v>
      </c>
    </row>
    <row r="72" spans="1:4" ht="18" customHeight="1" x14ac:dyDescent="0.15">
      <c r="A72" s="8">
        <v>55</v>
      </c>
      <c r="B72" s="21">
        <v>103</v>
      </c>
      <c r="C72" s="6">
        <v>109</v>
      </c>
      <c r="D72" s="5">
        <v>212</v>
      </c>
    </row>
    <row r="73" spans="1:4" ht="18" customHeight="1" x14ac:dyDescent="0.15">
      <c r="A73" s="8">
        <v>56</v>
      </c>
      <c r="B73" s="21">
        <v>95</v>
      </c>
      <c r="C73" s="6">
        <v>109</v>
      </c>
      <c r="D73" s="5">
        <v>204</v>
      </c>
    </row>
    <row r="74" spans="1:4" ht="18" customHeight="1" x14ac:dyDescent="0.15">
      <c r="A74" s="8">
        <v>57</v>
      </c>
      <c r="B74" s="21">
        <v>85</v>
      </c>
      <c r="C74" s="6">
        <v>94</v>
      </c>
      <c r="D74" s="5">
        <v>179</v>
      </c>
    </row>
    <row r="75" spans="1:4" ht="18" customHeight="1" x14ac:dyDescent="0.15">
      <c r="A75" s="8">
        <v>58</v>
      </c>
      <c r="B75" s="21">
        <v>76</v>
      </c>
      <c r="C75" s="6">
        <v>82</v>
      </c>
      <c r="D75" s="5">
        <v>158</v>
      </c>
    </row>
    <row r="76" spans="1:4" ht="18" customHeight="1" x14ac:dyDescent="0.15">
      <c r="A76" s="8">
        <v>59</v>
      </c>
      <c r="B76" s="21">
        <v>68</v>
      </c>
      <c r="C76" s="6">
        <v>67</v>
      </c>
      <c r="D76" s="5">
        <v>135</v>
      </c>
    </row>
    <row r="77" spans="1:4" ht="18" customHeight="1" x14ac:dyDescent="0.15">
      <c r="A77" s="8" t="s">
        <v>13</v>
      </c>
      <c r="B77" s="21">
        <v>427</v>
      </c>
      <c r="C77" s="6">
        <v>461</v>
      </c>
      <c r="D77" s="5">
        <v>888</v>
      </c>
    </row>
    <row r="78" spans="1:4" ht="18" customHeight="1" x14ac:dyDescent="0.15">
      <c r="A78" s="8">
        <v>60</v>
      </c>
      <c r="B78" s="21">
        <v>96</v>
      </c>
      <c r="C78" s="6">
        <v>65</v>
      </c>
      <c r="D78" s="5">
        <v>161</v>
      </c>
    </row>
    <row r="79" spans="1:4" ht="18" customHeight="1" x14ac:dyDescent="0.15">
      <c r="A79" s="8">
        <v>61</v>
      </c>
      <c r="B79" s="21">
        <v>71</v>
      </c>
      <c r="C79" s="6">
        <v>74</v>
      </c>
      <c r="D79" s="5">
        <v>145</v>
      </c>
    </row>
    <row r="80" spans="1:4" ht="18" customHeight="1" x14ac:dyDescent="0.15">
      <c r="A80" s="8">
        <v>62</v>
      </c>
      <c r="B80" s="21">
        <v>73</v>
      </c>
      <c r="C80" s="6">
        <v>62</v>
      </c>
      <c r="D80" s="5">
        <v>135</v>
      </c>
    </row>
    <row r="81" spans="1:4" ht="18" customHeight="1" x14ac:dyDescent="0.15">
      <c r="A81" s="8">
        <v>63</v>
      </c>
      <c r="B81" s="21">
        <v>65</v>
      </c>
      <c r="C81" s="6">
        <v>70</v>
      </c>
      <c r="D81" s="5">
        <v>135</v>
      </c>
    </row>
    <row r="82" spans="1:4" ht="18" customHeight="1" x14ac:dyDescent="0.15">
      <c r="A82" s="8">
        <v>64</v>
      </c>
      <c r="B82" s="21">
        <v>69</v>
      </c>
      <c r="C82" s="6">
        <v>74</v>
      </c>
      <c r="D82" s="5">
        <v>143</v>
      </c>
    </row>
    <row r="83" spans="1:4" ht="18" customHeight="1" x14ac:dyDescent="0.15">
      <c r="A83" s="8" t="s">
        <v>12</v>
      </c>
      <c r="B83" s="21">
        <v>374</v>
      </c>
      <c r="C83" s="6">
        <v>345</v>
      </c>
      <c r="D83" s="5">
        <v>719</v>
      </c>
    </row>
    <row r="84" spans="1:4" ht="18" customHeight="1" x14ac:dyDescent="0.15">
      <c r="A84" s="8" t="s">
        <v>11</v>
      </c>
      <c r="B84" s="21">
        <v>4149</v>
      </c>
      <c r="C84" s="6">
        <v>3749</v>
      </c>
      <c r="D84" s="5">
        <v>7898</v>
      </c>
    </row>
    <row r="85" spans="1:4" ht="18" customHeight="1" x14ac:dyDescent="0.15">
      <c r="A85" s="8">
        <v>65</v>
      </c>
      <c r="B85" s="21">
        <v>72</v>
      </c>
      <c r="C85" s="6">
        <v>77</v>
      </c>
      <c r="D85" s="5">
        <v>149</v>
      </c>
    </row>
    <row r="86" spans="1:4" ht="18" customHeight="1" x14ac:dyDescent="0.15">
      <c r="A86" s="8">
        <v>66</v>
      </c>
      <c r="B86" s="21">
        <v>46</v>
      </c>
      <c r="C86" s="6">
        <v>62</v>
      </c>
      <c r="D86" s="5">
        <v>108</v>
      </c>
    </row>
    <row r="87" spans="1:4" ht="18" customHeight="1" x14ac:dyDescent="0.15">
      <c r="A87" s="8">
        <v>67</v>
      </c>
      <c r="B87" s="21">
        <v>79</v>
      </c>
      <c r="C87" s="6">
        <v>72</v>
      </c>
      <c r="D87" s="5">
        <v>151</v>
      </c>
    </row>
    <row r="88" spans="1:4" ht="18" customHeight="1" x14ac:dyDescent="0.15">
      <c r="A88" s="8">
        <v>68</v>
      </c>
      <c r="B88" s="21">
        <v>61</v>
      </c>
      <c r="C88" s="6">
        <v>60</v>
      </c>
      <c r="D88" s="5">
        <v>121</v>
      </c>
    </row>
    <row r="89" spans="1:4" ht="18" customHeight="1" x14ac:dyDescent="0.15">
      <c r="A89" s="8">
        <v>69</v>
      </c>
      <c r="B89" s="21">
        <v>62</v>
      </c>
      <c r="C89" s="6">
        <v>64</v>
      </c>
      <c r="D89" s="5">
        <v>126</v>
      </c>
    </row>
    <row r="90" spans="1:4" ht="18" customHeight="1" x14ac:dyDescent="0.15">
      <c r="A90" s="8" t="s">
        <v>10</v>
      </c>
      <c r="B90" s="21">
        <v>320</v>
      </c>
      <c r="C90" s="6">
        <v>335</v>
      </c>
      <c r="D90" s="5">
        <v>655</v>
      </c>
    </row>
    <row r="91" spans="1:4" ht="18" customHeight="1" x14ac:dyDescent="0.15">
      <c r="A91" s="8">
        <v>70</v>
      </c>
      <c r="B91" s="21">
        <v>61</v>
      </c>
      <c r="C91" s="6">
        <v>73</v>
      </c>
      <c r="D91" s="5">
        <v>134</v>
      </c>
    </row>
    <row r="92" spans="1:4" ht="18" customHeight="1" x14ac:dyDescent="0.15">
      <c r="A92" s="8">
        <v>71</v>
      </c>
      <c r="B92" s="21">
        <v>78</v>
      </c>
      <c r="C92" s="6">
        <v>71</v>
      </c>
      <c r="D92" s="5">
        <v>149</v>
      </c>
    </row>
    <row r="93" spans="1:4" ht="18" customHeight="1" x14ac:dyDescent="0.15">
      <c r="A93" s="8">
        <v>72</v>
      </c>
      <c r="B93" s="21">
        <v>83</v>
      </c>
      <c r="C93" s="6">
        <v>70</v>
      </c>
      <c r="D93" s="5">
        <v>153</v>
      </c>
    </row>
    <row r="94" spans="1:4" ht="18" customHeight="1" x14ac:dyDescent="0.15">
      <c r="A94" s="8">
        <v>73</v>
      </c>
      <c r="B94" s="21">
        <v>73</v>
      </c>
      <c r="C94" s="6">
        <v>71</v>
      </c>
      <c r="D94" s="5">
        <v>144</v>
      </c>
    </row>
    <row r="95" spans="1:4" ht="18" customHeight="1" x14ac:dyDescent="0.15">
      <c r="A95" s="8">
        <v>74</v>
      </c>
      <c r="B95" s="21">
        <v>68</v>
      </c>
      <c r="C95" s="6">
        <v>77</v>
      </c>
      <c r="D95" s="5">
        <v>145</v>
      </c>
    </row>
    <row r="96" spans="1:4" ht="18" customHeight="1" x14ac:dyDescent="0.15">
      <c r="A96" s="8" t="s">
        <v>9</v>
      </c>
      <c r="B96" s="21">
        <v>363</v>
      </c>
      <c r="C96" s="6">
        <v>362</v>
      </c>
      <c r="D96" s="5">
        <v>725</v>
      </c>
    </row>
    <row r="97" spans="1:4" ht="18" customHeight="1" x14ac:dyDescent="0.15">
      <c r="A97" s="8">
        <v>75</v>
      </c>
      <c r="B97" s="21">
        <v>74</v>
      </c>
      <c r="C97" s="6">
        <v>105</v>
      </c>
      <c r="D97" s="5">
        <v>179</v>
      </c>
    </row>
    <row r="98" spans="1:4" ht="18" customHeight="1" x14ac:dyDescent="0.15">
      <c r="A98" s="8">
        <v>76</v>
      </c>
      <c r="B98" s="21">
        <v>83</v>
      </c>
      <c r="C98" s="6">
        <v>70</v>
      </c>
      <c r="D98" s="5">
        <v>153</v>
      </c>
    </row>
    <row r="99" spans="1:4" ht="18" customHeight="1" x14ac:dyDescent="0.15">
      <c r="A99" s="8">
        <v>77</v>
      </c>
      <c r="B99" s="21">
        <v>82</v>
      </c>
      <c r="C99" s="6">
        <v>119</v>
      </c>
      <c r="D99" s="5">
        <v>201</v>
      </c>
    </row>
    <row r="100" spans="1:4" ht="18" customHeight="1" x14ac:dyDescent="0.15">
      <c r="A100" s="8">
        <v>78</v>
      </c>
      <c r="B100" s="21">
        <v>72</v>
      </c>
      <c r="C100" s="6">
        <v>131</v>
      </c>
      <c r="D100" s="5">
        <v>203</v>
      </c>
    </row>
    <row r="101" spans="1:4" ht="18" customHeight="1" x14ac:dyDescent="0.15">
      <c r="A101" s="8">
        <v>79</v>
      </c>
      <c r="B101" s="21">
        <v>52</v>
      </c>
      <c r="C101" s="6">
        <v>56</v>
      </c>
      <c r="D101" s="5">
        <v>108</v>
      </c>
    </row>
    <row r="102" spans="1:4" ht="18" customHeight="1" x14ac:dyDescent="0.15">
      <c r="A102" s="8" t="s">
        <v>8</v>
      </c>
      <c r="B102" s="21">
        <v>363</v>
      </c>
      <c r="C102" s="6">
        <v>481</v>
      </c>
      <c r="D102" s="5">
        <v>844</v>
      </c>
    </row>
    <row r="103" spans="1:4" ht="18" customHeight="1" x14ac:dyDescent="0.15">
      <c r="A103" s="8">
        <v>80</v>
      </c>
      <c r="B103" s="21">
        <v>42</v>
      </c>
      <c r="C103" s="6">
        <v>55</v>
      </c>
      <c r="D103" s="5">
        <v>97</v>
      </c>
    </row>
    <row r="104" spans="1:4" ht="18" customHeight="1" x14ac:dyDescent="0.15">
      <c r="A104" s="8">
        <v>81</v>
      </c>
      <c r="B104" s="21">
        <v>50</v>
      </c>
      <c r="C104" s="6">
        <v>70</v>
      </c>
      <c r="D104" s="5">
        <v>120</v>
      </c>
    </row>
    <row r="105" spans="1:4" ht="18" customHeight="1" x14ac:dyDescent="0.15">
      <c r="A105" s="8">
        <v>82</v>
      </c>
      <c r="B105" s="21">
        <v>52</v>
      </c>
      <c r="C105" s="6">
        <v>60</v>
      </c>
      <c r="D105" s="5">
        <v>112</v>
      </c>
    </row>
    <row r="106" spans="1:4" ht="18" customHeight="1" x14ac:dyDescent="0.15">
      <c r="A106" s="8">
        <v>83</v>
      </c>
      <c r="B106" s="21">
        <v>65</v>
      </c>
      <c r="C106" s="6">
        <v>69</v>
      </c>
      <c r="D106" s="5">
        <v>134</v>
      </c>
    </row>
    <row r="107" spans="1:4" ht="18" customHeight="1" x14ac:dyDescent="0.15">
      <c r="A107" s="8">
        <v>84</v>
      </c>
      <c r="B107" s="21">
        <v>37</v>
      </c>
      <c r="C107" s="6">
        <v>51</v>
      </c>
      <c r="D107" s="5">
        <v>88</v>
      </c>
    </row>
    <row r="108" spans="1:4" ht="18" customHeight="1" x14ac:dyDescent="0.15">
      <c r="A108" s="8" t="s">
        <v>7</v>
      </c>
      <c r="B108" s="21">
        <v>246</v>
      </c>
      <c r="C108" s="6">
        <v>305</v>
      </c>
      <c r="D108" s="5">
        <v>551</v>
      </c>
    </row>
    <row r="109" spans="1:4" ht="18" customHeight="1" x14ac:dyDescent="0.15">
      <c r="A109" s="8">
        <v>85</v>
      </c>
      <c r="B109" s="21">
        <v>43</v>
      </c>
      <c r="C109" s="6">
        <v>56</v>
      </c>
      <c r="D109" s="5">
        <v>99</v>
      </c>
    </row>
    <row r="110" spans="1:4" ht="18" customHeight="1" x14ac:dyDescent="0.15">
      <c r="A110" s="8">
        <v>86</v>
      </c>
      <c r="B110" s="21">
        <v>25</v>
      </c>
      <c r="C110" s="6">
        <v>41</v>
      </c>
      <c r="D110" s="5">
        <v>66</v>
      </c>
    </row>
    <row r="111" spans="1:4" ht="18" customHeight="1" x14ac:dyDescent="0.15">
      <c r="A111" s="8">
        <v>87</v>
      </c>
      <c r="B111" s="21">
        <v>23</v>
      </c>
      <c r="C111" s="6">
        <v>38</v>
      </c>
      <c r="D111" s="5">
        <v>61</v>
      </c>
    </row>
    <row r="112" spans="1:4" ht="18" customHeight="1" x14ac:dyDescent="0.15">
      <c r="A112" s="8">
        <v>88</v>
      </c>
      <c r="B112" s="21">
        <v>19</v>
      </c>
      <c r="C112" s="6">
        <v>40</v>
      </c>
      <c r="D112" s="5">
        <v>59</v>
      </c>
    </row>
    <row r="113" spans="1:4" ht="18" customHeight="1" x14ac:dyDescent="0.15">
      <c r="A113" s="8">
        <v>89</v>
      </c>
      <c r="B113" s="21">
        <v>24</v>
      </c>
      <c r="C113" s="6">
        <v>42</v>
      </c>
      <c r="D113" s="5">
        <v>66</v>
      </c>
    </row>
    <row r="114" spans="1:4" ht="18" customHeight="1" x14ac:dyDescent="0.15">
      <c r="A114" s="8" t="s">
        <v>6</v>
      </c>
      <c r="B114" s="21">
        <v>134</v>
      </c>
      <c r="C114" s="6">
        <v>217</v>
      </c>
      <c r="D114" s="5">
        <v>351</v>
      </c>
    </row>
    <row r="115" spans="1:4" ht="18" customHeight="1" x14ac:dyDescent="0.15">
      <c r="A115" s="8">
        <v>90</v>
      </c>
      <c r="B115" s="21">
        <v>9</v>
      </c>
      <c r="C115" s="6">
        <v>23</v>
      </c>
      <c r="D115" s="5">
        <v>32</v>
      </c>
    </row>
    <row r="116" spans="1:4" ht="18" customHeight="1" x14ac:dyDescent="0.15">
      <c r="A116" s="8">
        <v>91</v>
      </c>
      <c r="B116" s="21">
        <v>14</v>
      </c>
      <c r="C116" s="6">
        <v>30</v>
      </c>
      <c r="D116" s="5">
        <v>44</v>
      </c>
    </row>
    <row r="117" spans="1:4" ht="18" customHeight="1" x14ac:dyDescent="0.15">
      <c r="A117" s="8">
        <v>92</v>
      </c>
      <c r="B117" s="21">
        <v>5</v>
      </c>
      <c r="C117" s="6">
        <v>16</v>
      </c>
      <c r="D117" s="5">
        <v>21</v>
      </c>
    </row>
    <row r="118" spans="1:4" ht="18" customHeight="1" x14ac:dyDescent="0.15">
      <c r="A118" s="8">
        <v>93</v>
      </c>
      <c r="B118" s="21">
        <v>5</v>
      </c>
      <c r="C118" s="6">
        <v>24</v>
      </c>
      <c r="D118" s="5">
        <v>29</v>
      </c>
    </row>
    <row r="119" spans="1:4" ht="18" customHeight="1" x14ac:dyDescent="0.15">
      <c r="A119" s="8">
        <v>94</v>
      </c>
      <c r="B119" s="21">
        <v>2</v>
      </c>
      <c r="C119" s="6">
        <v>15</v>
      </c>
      <c r="D119" s="5">
        <v>17</v>
      </c>
    </row>
    <row r="120" spans="1:4" ht="18" customHeight="1" x14ac:dyDescent="0.15">
      <c r="A120" s="8" t="s">
        <v>5</v>
      </c>
      <c r="B120" s="21">
        <v>35</v>
      </c>
      <c r="C120" s="6">
        <v>108</v>
      </c>
      <c r="D120" s="5">
        <v>143</v>
      </c>
    </row>
    <row r="121" spans="1:4" ht="18" customHeight="1" x14ac:dyDescent="0.15">
      <c r="A121" s="8">
        <v>95</v>
      </c>
      <c r="B121" s="21">
        <v>6</v>
      </c>
      <c r="C121" s="6">
        <v>7</v>
      </c>
      <c r="D121" s="5">
        <v>13</v>
      </c>
    </row>
    <row r="122" spans="1:4" ht="18" customHeight="1" x14ac:dyDescent="0.15">
      <c r="A122" s="8">
        <v>96</v>
      </c>
      <c r="B122" s="21">
        <v>2</v>
      </c>
      <c r="C122" s="6">
        <v>9</v>
      </c>
      <c r="D122" s="5">
        <v>11</v>
      </c>
    </row>
    <row r="123" spans="1:4" ht="18" customHeight="1" x14ac:dyDescent="0.15">
      <c r="A123" s="8">
        <v>97</v>
      </c>
      <c r="B123" s="21">
        <v>1</v>
      </c>
      <c r="C123" s="6">
        <v>14</v>
      </c>
      <c r="D123" s="5">
        <v>15</v>
      </c>
    </row>
    <row r="124" spans="1:4" ht="18" customHeight="1" x14ac:dyDescent="0.15">
      <c r="A124" s="8">
        <v>98</v>
      </c>
      <c r="B124" s="21">
        <v>1</v>
      </c>
      <c r="C124" s="6">
        <v>8</v>
      </c>
      <c r="D124" s="5">
        <v>9</v>
      </c>
    </row>
    <row r="125" spans="1:4" ht="18" customHeight="1" x14ac:dyDescent="0.15">
      <c r="A125" s="8">
        <v>99</v>
      </c>
      <c r="B125" s="21">
        <v>0</v>
      </c>
      <c r="C125" s="6">
        <v>5</v>
      </c>
      <c r="D125" s="5">
        <v>5</v>
      </c>
    </row>
    <row r="126" spans="1:4" ht="18" customHeight="1" x14ac:dyDescent="0.15">
      <c r="A126" s="8" t="s">
        <v>4</v>
      </c>
      <c r="B126" s="21">
        <v>10</v>
      </c>
      <c r="C126" s="6">
        <v>43</v>
      </c>
      <c r="D126" s="5">
        <v>53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1471</v>
      </c>
      <c r="C130" s="6">
        <v>1855</v>
      </c>
      <c r="D130" s="5">
        <v>3326</v>
      </c>
    </row>
    <row r="131" spans="1:4" ht="18" customHeight="1" x14ac:dyDescent="0.15">
      <c r="A131" s="4" t="s">
        <v>0</v>
      </c>
      <c r="B131" s="20">
        <v>6334</v>
      </c>
      <c r="C131" s="2">
        <v>6275</v>
      </c>
      <c r="D131" s="1">
        <v>1260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62477D-3DB3-4AEA-91E2-00E83B0BEC28}">
  <sheetPr codeName="Sheet6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939</v>
      </c>
      <c r="C5" s="31">
        <v>909</v>
      </c>
      <c r="D5" s="30">
        <v>1848</v>
      </c>
    </row>
    <row r="6" spans="1:4" ht="18" customHeight="1" x14ac:dyDescent="0.15">
      <c r="A6" s="8">
        <v>1</v>
      </c>
      <c r="B6" s="26">
        <v>955</v>
      </c>
      <c r="C6" s="6">
        <v>932</v>
      </c>
      <c r="D6" s="5">
        <v>1887</v>
      </c>
    </row>
    <row r="7" spans="1:4" ht="18" customHeight="1" x14ac:dyDescent="0.15">
      <c r="A7" s="8">
        <v>2</v>
      </c>
      <c r="B7" s="26">
        <v>1013</v>
      </c>
      <c r="C7" s="6">
        <v>976</v>
      </c>
      <c r="D7" s="5">
        <v>1989</v>
      </c>
    </row>
    <row r="8" spans="1:4" ht="18" customHeight="1" x14ac:dyDescent="0.15">
      <c r="A8" s="8">
        <v>3</v>
      </c>
      <c r="B8" s="26">
        <v>1070</v>
      </c>
      <c r="C8" s="6">
        <v>1028</v>
      </c>
      <c r="D8" s="5">
        <v>2098</v>
      </c>
    </row>
    <row r="9" spans="1:4" ht="18" customHeight="1" x14ac:dyDescent="0.15">
      <c r="A9" s="8">
        <v>4</v>
      </c>
      <c r="B9" s="29">
        <v>1082</v>
      </c>
      <c r="C9" s="28">
        <v>1014</v>
      </c>
      <c r="D9" s="27">
        <v>2096</v>
      </c>
    </row>
    <row r="10" spans="1:4" ht="18" customHeight="1" x14ac:dyDescent="0.15">
      <c r="A10" s="8" t="s">
        <v>25</v>
      </c>
      <c r="B10" s="21">
        <v>5059</v>
      </c>
      <c r="C10" s="6">
        <v>4859</v>
      </c>
      <c r="D10" s="5">
        <v>9918</v>
      </c>
    </row>
    <row r="11" spans="1:4" ht="18" customHeight="1" x14ac:dyDescent="0.15">
      <c r="A11" s="8">
        <v>5</v>
      </c>
      <c r="B11" s="26">
        <v>1125</v>
      </c>
      <c r="C11" s="6">
        <v>1085</v>
      </c>
      <c r="D11" s="5">
        <v>2210</v>
      </c>
    </row>
    <row r="12" spans="1:4" ht="18" customHeight="1" x14ac:dyDescent="0.15">
      <c r="A12" s="8">
        <v>6</v>
      </c>
      <c r="B12" s="26">
        <v>1163</v>
      </c>
      <c r="C12" s="6">
        <v>1144</v>
      </c>
      <c r="D12" s="5">
        <v>2307</v>
      </c>
    </row>
    <row r="13" spans="1:4" ht="18" customHeight="1" x14ac:dyDescent="0.15">
      <c r="A13" s="8">
        <v>7</v>
      </c>
      <c r="B13" s="26">
        <v>1200</v>
      </c>
      <c r="C13" s="6">
        <v>1115</v>
      </c>
      <c r="D13" s="5">
        <v>2315</v>
      </c>
    </row>
    <row r="14" spans="1:4" ht="18" customHeight="1" x14ac:dyDescent="0.15">
      <c r="A14" s="8">
        <v>8</v>
      </c>
      <c r="B14" s="26">
        <v>1223</v>
      </c>
      <c r="C14" s="6">
        <v>1182</v>
      </c>
      <c r="D14" s="5">
        <v>2405</v>
      </c>
    </row>
    <row r="15" spans="1:4" ht="18" customHeight="1" x14ac:dyDescent="0.15">
      <c r="A15" s="8">
        <v>9</v>
      </c>
      <c r="B15" s="26">
        <v>1261</v>
      </c>
      <c r="C15" s="6">
        <v>1240</v>
      </c>
      <c r="D15" s="5">
        <v>2501</v>
      </c>
    </row>
    <row r="16" spans="1:4" ht="18" customHeight="1" x14ac:dyDescent="0.15">
      <c r="A16" s="8" t="s">
        <v>24</v>
      </c>
      <c r="B16" s="21">
        <v>5972</v>
      </c>
      <c r="C16" s="6">
        <v>5766</v>
      </c>
      <c r="D16" s="5">
        <v>11738</v>
      </c>
    </row>
    <row r="17" spans="1:4" ht="18" customHeight="1" x14ac:dyDescent="0.15">
      <c r="A17" s="8">
        <v>10</v>
      </c>
      <c r="B17" s="21">
        <v>1232</v>
      </c>
      <c r="C17" s="6">
        <v>1197</v>
      </c>
      <c r="D17" s="5">
        <v>2429</v>
      </c>
    </row>
    <row r="18" spans="1:4" ht="18" customHeight="1" x14ac:dyDescent="0.15">
      <c r="A18" s="8">
        <v>11</v>
      </c>
      <c r="B18" s="21">
        <v>1256</v>
      </c>
      <c r="C18" s="6">
        <v>1235</v>
      </c>
      <c r="D18" s="5">
        <v>2491</v>
      </c>
    </row>
    <row r="19" spans="1:4" ht="18" customHeight="1" x14ac:dyDescent="0.15">
      <c r="A19" s="8">
        <v>12</v>
      </c>
      <c r="B19" s="21">
        <v>1280</v>
      </c>
      <c r="C19" s="6">
        <v>1220</v>
      </c>
      <c r="D19" s="5">
        <v>2500</v>
      </c>
    </row>
    <row r="20" spans="1:4" ht="18" customHeight="1" x14ac:dyDescent="0.15">
      <c r="A20" s="8">
        <v>13</v>
      </c>
      <c r="B20" s="21">
        <v>1338</v>
      </c>
      <c r="C20" s="6">
        <v>1268</v>
      </c>
      <c r="D20" s="5">
        <v>2606</v>
      </c>
    </row>
    <row r="21" spans="1:4" ht="18" customHeight="1" x14ac:dyDescent="0.15">
      <c r="A21" s="8">
        <v>14</v>
      </c>
      <c r="B21" s="21">
        <v>1297</v>
      </c>
      <c r="C21" s="6">
        <v>1280</v>
      </c>
      <c r="D21" s="5">
        <v>2577</v>
      </c>
    </row>
    <row r="22" spans="1:4" ht="18" customHeight="1" x14ac:dyDescent="0.15">
      <c r="A22" s="8" t="s">
        <v>23</v>
      </c>
      <c r="B22" s="21">
        <v>6403</v>
      </c>
      <c r="C22" s="6">
        <v>6200</v>
      </c>
      <c r="D22" s="5">
        <v>12603</v>
      </c>
    </row>
    <row r="23" spans="1:4" ht="18" customHeight="1" x14ac:dyDescent="0.15">
      <c r="A23" s="8" t="s">
        <v>22</v>
      </c>
      <c r="B23" s="21">
        <v>17434</v>
      </c>
      <c r="C23" s="6">
        <v>16825</v>
      </c>
      <c r="D23" s="5">
        <v>34259</v>
      </c>
    </row>
    <row r="24" spans="1:4" ht="18" customHeight="1" x14ac:dyDescent="0.15">
      <c r="A24" s="8">
        <v>15</v>
      </c>
      <c r="B24" s="21">
        <v>1385</v>
      </c>
      <c r="C24" s="6">
        <v>1223</v>
      </c>
      <c r="D24" s="5">
        <v>2608</v>
      </c>
    </row>
    <row r="25" spans="1:4" ht="18" customHeight="1" x14ac:dyDescent="0.15">
      <c r="A25" s="8">
        <v>16</v>
      </c>
      <c r="B25" s="21">
        <v>1315</v>
      </c>
      <c r="C25" s="6">
        <v>1292</v>
      </c>
      <c r="D25" s="5">
        <v>2607</v>
      </c>
    </row>
    <row r="26" spans="1:4" ht="18" customHeight="1" x14ac:dyDescent="0.15">
      <c r="A26" s="8">
        <v>17</v>
      </c>
      <c r="B26" s="21">
        <v>1389</v>
      </c>
      <c r="C26" s="6">
        <v>1363</v>
      </c>
      <c r="D26" s="5">
        <v>2752</v>
      </c>
    </row>
    <row r="27" spans="1:4" ht="18" customHeight="1" x14ac:dyDescent="0.15">
      <c r="A27" s="8">
        <v>18</v>
      </c>
      <c r="B27" s="21">
        <v>1388</v>
      </c>
      <c r="C27" s="6">
        <v>1325</v>
      </c>
      <c r="D27" s="5">
        <v>2713</v>
      </c>
    </row>
    <row r="28" spans="1:4" ht="18" customHeight="1" x14ac:dyDescent="0.15">
      <c r="A28" s="8">
        <v>19</v>
      </c>
      <c r="B28" s="21">
        <v>1501</v>
      </c>
      <c r="C28" s="6">
        <v>1389</v>
      </c>
      <c r="D28" s="5">
        <v>2890</v>
      </c>
    </row>
    <row r="29" spans="1:4" ht="18" customHeight="1" x14ac:dyDescent="0.15">
      <c r="A29" s="8" t="s">
        <v>21</v>
      </c>
      <c r="B29" s="21">
        <v>6978</v>
      </c>
      <c r="C29" s="6">
        <v>6592</v>
      </c>
      <c r="D29" s="5">
        <v>13570</v>
      </c>
    </row>
    <row r="30" spans="1:4" ht="18" customHeight="1" x14ac:dyDescent="0.15">
      <c r="A30" s="8">
        <v>20</v>
      </c>
      <c r="B30" s="21">
        <v>1508</v>
      </c>
      <c r="C30" s="6">
        <v>1372</v>
      </c>
      <c r="D30" s="5">
        <v>2880</v>
      </c>
    </row>
    <row r="31" spans="1:4" ht="18" customHeight="1" x14ac:dyDescent="0.15">
      <c r="A31" s="8">
        <v>21</v>
      </c>
      <c r="B31" s="21">
        <v>1603</v>
      </c>
      <c r="C31" s="6">
        <v>1522</v>
      </c>
      <c r="D31" s="5">
        <v>3125</v>
      </c>
    </row>
    <row r="32" spans="1:4" ht="18" customHeight="1" x14ac:dyDescent="0.15">
      <c r="A32" s="8">
        <v>22</v>
      </c>
      <c r="B32" s="21">
        <v>1616</v>
      </c>
      <c r="C32" s="6">
        <v>1445</v>
      </c>
      <c r="D32" s="5">
        <v>3061</v>
      </c>
    </row>
    <row r="33" spans="1:4" ht="18" customHeight="1" x14ac:dyDescent="0.15">
      <c r="A33" s="8">
        <v>23</v>
      </c>
      <c r="B33" s="21">
        <v>1771</v>
      </c>
      <c r="C33" s="6">
        <v>1487</v>
      </c>
      <c r="D33" s="5">
        <v>3258</v>
      </c>
    </row>
    <row r="34" spans="1:4" ht="18" customHeight="1" x14ac:dyDescent="0.15">
      <c r="A34" s="8">
        <v>24</v>
      </c>
      <c r="B34" s="21">
        <v>1738</v>
      </c>
      <c r="C34" s="6">
        <v>1444</v>
      </c>
      <c r="D34" s="5">
        <v>3182</v>
      </c>
    </row>
    <row r="35" spans="1:4" ht="18" customHeight="1" x14ac:dyDescent="0.15">
      <c r="A35" s="8" t="s">
        <v>20</v>
      </c>
      <c r="B35" s="21">
        <v>8236</v>
      </c>
      <c r="C35" s="6">
        <v>7270</v>
      </c>
      <c r="D35" s="5">
        <v>15506</v>
      </c>
    </row>
    <row r="36" spans="1:4" ht="18" customHeight="1" x14ac:dyDescent="0.15">
      <c r="A36" s="8">
        <v>25</v>
      </c>
      <c r="B36" s="21">
        <v>1788</v>
      </c>
      <c r="C36" s="6">
        <v>1498</v>
      </c>
      <c r="D36" s="5">
        <v>3286</v>
      </c>
    </row>
    <row r="37" spans="1:4" ht="18" customHeight="1" x14ac:dyDescent="0.15">
      <c r="A37" s="8">
        <v>26</v>
      </c>
      <c r="B37" s="21">
        <v>1678</v>
      </c>
      <c r="C37" s="6">
        <v>1537</v>
      </c>
      <c r="D37" s="5">
        <v>3215</v>
      </c>
    </row>
    <row r="38" spans="1:4" ht="18" customHeight="1" x14ac:dyDescent="0.15">
      <c r="A38" s="8">
        <v>27</v>
      </c>
      <c r="B38" s="21">
        <v>1700</v>
      </c>
      <c r="C38" s="6">
        <v>1470</v>
      </c>
      <c r="D38" s="5">
        <v>3170</v>
      </c>
    </row>
    <row r="39" spans="1:4" ht="18" customHeight="1" x14ac:dyDescent="0.15">
      <c r="A39" s="8">
        <v>28</v>
      </c>
      <c r="B39" s="21">
        <v>1755</v>
      </c>
      <c r="C39" s="6">
        <v>1503</v>
      </c>
      <c r="D39" s="5">
        <v>3258</v>
      </c>
    </row>
    <row r="40" spans="1:4" ht="18" customHeight="1" x14ac:dyDescent="0.15">
      <c r="A40" s="8">
        <v>29</v>
      </c>
      <c r="B40" s="21">
        <v>1734</v>
      </c>
      <c r="C40" s="6">
        <v>1592</v>
      </c>
      <c r="D40" s="5">
        <v>3326</v>
      </c>
    </row>
    <row r="41" spans="1:4" ht="18" customHeight="1" x14ac:dyDescent="0.15">
      <c r="A41" s="8" t="s">
        <v>19</v>
      </c>
      <c r="B41" s="21">
        <v>8655</v>
      </c>
      <c r="C41" s="6">
        <v>7600</v>
      </c>
      <c r="D41" s="5">
        <v>16255</v>
      </c>
    </row>
    <row r="42" spans="1:4" ht="18" customHeight="1" x14ac:dyDescent="0.15">
      <c r="A42" s="8">
        <v>30</v>
      </c>
      <c r="B42" s="21">
        <v>1806</v>
      </c>
      <c r="C42" s="6">
        <v>1485</v>
      </c>
      <c r="D42" s="5">
        <v>3291</v>
      </c>
    </row>
    <row r="43" spans="1:4" ht="18" customHeight="1" x14ac:dyDescent="0.15">
      <c r="A43" s="8">
        <v>31</v>
      </c>
      <c r="B43" s="21">
        <v>1700</v>
      </c>
      <c r="C43" s="6">
        <v>1509</v>
      </c>
      <c r="D43" s="5">
        <v>3209</v>
      </c>
    </row>
    <row r="44" spans="1:4" ht="18" customHeight="1" x14ac:dyDescent="0.15">
      <c r="A44" s="8">
        <v>32</v>
      </c>
      <c r="B44" s="21">
        <v>1633</v>
      </c>
      <c r="C44" s="6">
        <v>1452</v>
      </c>
      <c r="D44" s="5">
        <v>3085</v>
      </c>
    </row>
    <row r="45" spans="1:4" ht="18" customHeight="1" x14ac:dyDescent="0.15">
      <c r="A45" s="8">
        <v>33</v>
      </c>
      <c r="B45" s="21">
        <v>1592</v>
      </c>
      <c r="C45" s="6">
        <v>1476</v>
      </c>
      <c r="D45" s="5">
        <v>3068</v>
      </c>
    </row>
    <row r="46" spans="1:4" ht="18" customHeight="1" x14ac:dyDescent="0.15">
      <c r="A46" s="8">
        <v>34</v>
      </c>
      <c r="B46" s="21">
        <v>1626</v>
      </c>
      <c r="C46" s="6">
        <v>1464</v>
      </c>
      <c r="D46" s="5">
        <v>3090</v>
      </c>
    </row>
    <row r="47" spans="1:4" ht="18" customHeight="1" x14ac:dyDescent="0.15">
      <c r="A47" s="8" t="s">
        <v>18</v>
      </c>
      <c r="B47" s="21">
        <v>8357</v>
      </c>
      <c r="C47" s="6">
        <v>7386</v>
      </c>
      <c r="D47" s="5">
        <v>15743</v>
      </c>
    </row>
    <row r="48" spans="1:4" ht="18" customHeight="1" x14ac:dyDescent="0.15">
      <c r="A48" s="8">
        <v>35</v>
      </c>
      <c r="B48" s="21">
        <v>1646</v>
      </c>
      <c r="C48" s="6">
        <v>1470</v>
      </c>
      <c r="D48" s="5">
        <v>3116</v>
      </c>
    </row>
    <row r="49" spans="1:4" ht="18" customHeight="1" x14ac:dyDescent="0.15">
      <c r="A49" s="8">
        <v>36</v>
      </c>
      <c r="B49" s="21">
        <v>1681</v>
      </c>
      <c r="C49" s="6">
        <v>1494</v>
      </c>
      <c r="D49" s="5">
        <v>3175</v>
      </c>
    </row>
    <row r="50" spans="1:4" ht="18" customHeight="1" x14ac:dyDescent="0.15">
      <c r="A50" s="8">
        <v>37</v>
      </c>
      <c r="B50" s="21">
        <v>1745</v>
      </c>
      <c r="C50" s="6">
        <v>1531</v>
      </c>
      <c r="D50" s="5">
        <v>3276</v>
      </c>
    </row>
    <row r="51" spans="1:4" ht="18" customHeight="1" x14ac:dyDescent="0.15">
      <c r="A51" s="8">
        <v>38</v>
      </c>
      <c r="B51" s="21">
        <v>1647</v>
      </c>
      <c r="C51" s="6">
        <v>1596</v>
      </c>
      <c r="D51" s="5">
        <v>3243</v>
      </c>
    </row>
    <row r="52" spans="1:4" ht="18" customHeight="1" x14ac:dyDescent="0.15">
      <c r="A52" s="8">
        <v>39</v>
      </c>
      <c r="B52" s="21">
        <v>1833</v>
      </c>
      <c r="C52" s="6">
        <v>1662</v>
      </c>
      <c r="D52" s="5">
        <v>3495</v>
      </c>
    </row>
    <row r="53" spans="1:4" ht="18" customHeight="1" x14ac:dyDescent="0.15">
      <c r="A53" s="8" t="s">
        <v>17</v>
      </c>
      <c r="B53" s="21">
        <v>8552</v>
      </c>
      <c r="C53" s="6">
        <v>7753</v>
      </c>
      <c r="D53" s="5">
        <v>16305</v>
      </c>
    </row>
    <row r="54" spans="1:4" ht="18" customHeight="1" x14ac:dyDescent="0.15">
      <c r="A54" s="8">
        <v>40</v>
      </c>
      <c r="B54" s="21">
        <v>1878</v>
      </c>
      <c r="C54" s="6">
        <v>1760</v>
      </c>
      <c r="D54" s="5">
        <v>3638</v>
      </c>
    </row>
    <row r="55" spans="1:4" ht="18" customHeight="1" x14ac:dyDescent="0.15">
      <c r="A55" s="8">
        <v>41</v>
      </c>
      <c r="B55" s="21">
        <v>1948</v>
      </c>
      <c r="C55" s="6">
        <v>1757</v>
      </c>
      <c r="D55" s="5">
        <v>3705</v>
      </c>
    </row>
    <row r="56" spans="1:4" ht="18" customHeight="1" x14ac:dyDescent="0.15">
      <c r="A56" s="8">
        <v>42</v>
      </c>
      <c r="B56" s="21">
        <v>1916</v>
      </c>
      <c r="C56" s="6">
        <v>1673</v>
      </c>
      <c r="D56" s="5">
        <v>3589</v>
      </c>
    </row>
    <row r="57" spans="1:4" ht="18" customHeight="1" x14ac:dyDescent="0.15">
      <c r="A57" s="8">
        <v>43</v>
      </c>
      <c r="B57" s="21">
        <v>1961</v>
      </c>
      <c r="C57" s="6">
        <v>1787</v>
      </c>
      <c r="D57" s="5">
        <v>3748</v>
      </c>
    </row>
    <row r="58" spans="1:4" ht="18" customHeight="1" x14ac:dyDescent="0.15">
      <c r="A58" s="8">
        <v>44</v>
      </c>
      <c r="B58" s="21">
        <v>1870</v>
      </c>
      <c r="C58" s="6">
        <v>1879</v>
      </c>
      <c r="D58" s="5">
        <v>3749</v>
      </c>
    </row>
    <row r="59" spans="1:4" ht="18" customHeight="1" x14ac:dyDescent="0.15">
      <c r="A59" s="8" t="s">
        <v>16</v>
      </c>
      <c r="B59" s="21">
        <v>9573</v>
      </c>
      <c r="C59" s="6">
        <v>8856</v>
      </c>
      <c r="D59" s="5">
        <v>18429</v>
      </c>
    </row>
    <row r="60" spans="1:4" ht="18" customHeight="1" x14ac:dyDescent="0.15">
      <c r="A60" s="8">
        <v>45</v>
      </c>
      <c r="B60" s="21">
        <v>1977</v>
      </c>
      <c r="C60" s="6">
        <v>1868</v>
      </c>
      <c r="D60" s="5">
        <v>3845</v>
      </c>
    </row>
    <row r="61" spans="1:4" ht="18" customHeight="1" x14ac:dyDescent="0.15">
      <c r="A61" s="8">
        <v>46</v>
      </c>
      <c r="B61" s="21">
        <v>2073</v>
      </c>
      <c r="C61" s="6">
        <v>1987</v>
      </c>
      <c r="D61" s="5">
        <v>4060</v>
      </c>
    </row>
    <row r="62" spans="1:4" ht="18" customHeight="1" x14ac:dyDescent="0.15">
      <c r="A62" s="8">
        <v>47</v>
      </c>
      <c r="B62" s="21">
        <v>2243</v>
      </c>
      <c r="C62" s="6">
        <v>2086</v>
      </c>
      <c r="D62" s="5">
        <v>4329</v>
      </c>
    </row>
    <row r="63" spans="1:4" ht="18" customHeight="1" x14ac:dyDescent="0.15">
      <c r="A63" s="8">
        <v>48</v>
      </c>
      <c r="B63" s="21">
        <v>2297</v>
      </c>
      <c r="C63" s="6">
        <v>2138</v>
      </c>
      <c r="D63" s="5">
        <v>4435</v>
      </c>
    </row>
    <row r="64" spans="1:4" ht="18" customHeight="1" x14ac:dyDescent="0.15">
      <c r="A64" s="8">
        <v>49</v>
      </c>
      <c r="B64" s="21">
        <v>2423</v>
      </c>
      <c r="C64" s="6">
        <v>2218</v>
      </c>
      <c r="D64" s="5">
        <v>4641</v>
      </c>
    </row>
    <row r="65" spans="1:4" ht="18" customHeight="1" x14ac:dyDescent="0.15">
      <c r="A65" s="8" t="s">
        <v>15</v>
      </c>
      <c r="B65" s="21">
        <v>11013</v>
      </c>
      <c r="C65" s="6">
        <v>10297</v>
      </c>
      <c r="D65" s="5">
        <v>21310</v>
      </c>
    </row>
    <row r="66" spans="1:4" ht="18" customHeight="1" x14ac:dyDescent="0.15">
      <c r="A66" s="8">
        <v>50</v>
      </c>
      <c r="B66" s="21">
        <v>2608</v>
      </c>
      <c r="C66" s="6">
        <v>2481</v>
      </c>
      <c r="D66" s="5">
        <v>5089</v>
      </c>
    </row>
    <row r="67" spans="1:4" ht="18" customHeight="1" x14ac:dyDescent="0.15">
      <c r="A67" s="8">
        <v>51</v>
      </c>
      <c r="B67" s="21">
        <v>2713</v>
      </c>
      <c r="C67" s="6">
        <v>2667</v>
      </c>
      <c r="D67" s="5">
        <v>5380</v>
      </c>
    </row>
    <row r="68" spans="1:4" ht="18" customHeight="1" x14ac:dyDescent="0.15">
      <c r="A68" s="8">
        <v>52</v>
      </c>
      <c r="B68" s="21">
        <v>2737</v>
      </c>
      <c r="C68" s="6">
        <v>2665</v>
      </c>
      <c r="D68" s="5">
        <v>5402</v>
      </c>
    </row>
    <row r="69" spans="1:4" ht="18" customHeight="1" x14ac:dyDescent="0.15">
      <c r="A69" s="8">
        <v>53</v>
      </c>
      <c r="B69" s="21">
        <v>2733</v>
      </c>
      <c r="C69" s="6">
        <v>2628</v>
      </c>
      <c r="D69" s="5">
        <v>5361</v>
      </c>
    </row>
    <row r="70" spans="1:4" ht="18" customHeight="1" x14ac:dyDescent="0.15">
      <c r="A70" s="8">
        <v>54</v>
      </c>
      <c r="B70" s="21">
        <v>2586</v>
      </c>
      <c r="C70" s="6">
        <v>2499</v>
      </c>
      <c r="D70" s="5">
        <v>5085</v>
      </c>
    </row>
    <row r="71" spans="1:4" ht="18" customHeight="1" x14ac:dyDescent="0.15">
      <c r="A71" s="8" t="s">
        <v>14</v>
      </c>
      <c r="B71" s="21">
        <v>13377</v>
      </c>
      <c r="C71" s="6">
        <v>12940</v>
      </c>
      <c r="D71" s="5">
        <v>26317</v>
      </c>
    </row>
    <row r="72" spans="1:4" ht="18" customHeight="1" x14ac:dyDescent="0.15">
      <c r="A72" s="8">
        <v>55</v>
      </c>
      <c r="B72" s="21">
        <v>2527</v>
      </c>
      <c r="C72" s="6">
        <v>2332</v>
      </c>
      <c r="D72" s="5">
        <v>4859</v>
      </c>
    </row>
    <row r="73" spans="1:4" ht="18" customHeight="1" x14ac:dyDescent="0.15">
      <c r="A73" s="8">
        <v>56</v>
      </c>
      <c r="B73" s="21">
        <v>2400</v>
      </c>
      <c r="C73" s="6">
        <v>2280</v>
      </c>
      <c r="D73" s="5">
        <v>4680</v>
      </c>
    </row>
    <row r="74" spans="1:4" ht="18" customHeight="1" x14ac:dyDescent="0.15">
      <c r="A74" s="8">
        <v>57</v>
      </c>
      <c r="B74" s="21">
        <v>2268</v>
      </c>
      <c r="C74" s="6">
        <v>2217</v>
      </c>
      <c r="D74" s="5">
        <v>4485</v>
      </c>
    </row>
    <row r="75" spans="1:4" ht="18" customHeight="1" x14ac:dyDescent="0.15">
      <c r="A75" s="8">
        <v>58</v>
      </c>
      <c r="B75" s="21">
        <v>2315</v>
      </c>
      <c r="C75" s="6">
        <v>2229</v>
      </c>
      <c r="D75" s="5">
        <v>4544</v>
      </c>
    </row>
    <row r="76" spans="1:4" ht="18" customHeight="1" x14ac:dyDescent="0.15">
      <c r="A76" s="8">
        <v>59</v>
      </c>
      <c r="B76" s="21">
        <v>1590</v>
      </c>
      <c r="C76" s="6">
        <v>1665</v>
      </c>
      <c r="D76" s="5">
        <v>3255</v>
      </c>
    </row>
    <row r="77" spans="1:4" ht="18" customHeight="1" x14ac:dyDescent="0.15">
      <c r="A77" s="8" t="s">
        <v>13</v>
      </c>
      <c r="B77" s="21">
        <v>11100</v>
      </c>
      <c r="C77" s="6">
        <v>10723</v>
      </c>
      <c r="D77" s="5">
        <v>21823</v>
      </c>
    </row>
    <row r="78" spans="1:4" ht="18" customHeight="1" x14ac:dyDescent="0.15">
      <c r="A78" s="8">
        <v>60</v>
      </c>
      <c r="B78" s="21">
        <v>2065</v>
      </c>
      <c r="C78" s="6">
        <v>2132</v>
      </c>
      <c r="D78" s="5">
        <v>4197</v>
      </c>
    </row>
    <row r="79" spans="1:4" ht="18" customHeight="1" x14ac:dyDescent="0.15">
      <c r="A79" s="8">
        <v>61</v>
      </c>
      <c r="B79" s="21">
        <v>1926</v>
      </c>
      <c r="C79" s="6">
        <v>1984</v>
      </c>
      <c r="D79" s="5">
        <v>3910</v>
      </c>
    </row>
    <row r="80" spans="1:4" ht="18" customHeight="1" x14ac:dyDescent="0.15">
      <c r="A80" s="8">
        <v>62</v>
      </c>
      <c r="B80" s="21">
        <v>1927</v>
      </c>
      <c r="C80" s="6">
        <v>1897</v>
      </c>
      <c r="D80" s="5">
        <v>3824</v>
      </c>
    </row>
    <row r="81" spans="1:4" ht="18" customHeight="1" x14ac:dyDescent="0.15">
      <c r="A81" s="8">
        <v>63</v>
      </c>
      <c r="B81" s="21">
        <v>1722</v>
      </c>
      <c r="C81" s="6">
        <v>1772</v>
      </c>
      <c r="D81" s="5">
        <v>3494</v>
      </c>
    </row>
    <row r="82" spans="1:4" ht="18" customHeight="1" x14ac:dyDescent="0.15">
      <c r="A82" s="8">
        <v>64</v>
      </c>
      <c r="B82" s="21">
        <v>1737</v>
      </c>
      <c r="C82" s="6">
        <v>1829</v>
      </c>
      <c r="D82" s="5">
        <v>3566</v>
      </c>
    </row>
    <row r="83" spans="1:4" ht="18" customHeight="1" x14ac:dyDescent="0.15">
      <c r="A83" s="8" t="s">
        <v>12</v>
      </c>
      <c r="B83" s="21">
        <v>9377</v>
      </c>
      <c r="C83" s="6">
        <v>9614</v>
      </c>
      <c r="D83" s="5">
        <v>18991</v>
      </c>
    </row>
    <row r="84" spans="1:4" ht="18" customHeight="1" x14ac:dyDescent="0.15">
      <c r="A84" s="8" t="s">
        <v>11</v>
      </c>
      <c r="B84" s="21">
        <v>95218</v>
      </c>
      <c r="C84" s="6">
        <v>89031</v>
      </c>
      <c r="D84" s="5">
        <v>184249</v>
      </c>
    </row>
    <row r="85" spans="1:4" ht="18" customHeight="1" x14ac:dyDescent="0.15">
      <c r="A85" s="8">
        <v>65</v>
      </c>
      <c r="B85" s="21">
        <v>1763</v>
      </c>
      <c r="C85" s="6">
        <v>1842</v>
      </c>
      <c r="D85" s="5">
        <v>3605</v>
      </c>
    </row>
    <row r="86" spans="1:4" ht="18" customHeight="1" x14ac:dyDescent="0.15">
      <c r="A86" s="8">
        <v>66</v>
      </c>
      <c r="B86" s="21">
        <v>1669</v>
      </c>
      <c r="C86" s="6">
        <v>1857</v>
      </c>
      <c r="D86" s="5">
        <v>3526</v>
      </c>
    </row>
    <row r="87" spans="1:4" ht="18" customHeight="1" x14ac:dyDescent="0.15">
      <c r="A87" s="8">
        <v>67</v>
      </c>
      <c r="B87" s="21">
        <v>1636</v>
      </c>
      <c r="C87" s="6">
        <v>1789</v>
      </c>
      <c r="D87" s="5">
        <v>3425</v>
      </c>
    </row>
    <row r="88" spans="1:4" ht="18" customHeight="1" x14ac:dyDescent="0.15">
      <c r="A88" s="8">
        <v>68</v>
      </c>
      <c r="B88" s="21">
        <v>1617</v>
      </c>
      <c r="C88" s="6">
        <v>1657</v>
      </c>
      <c r="D88" s="5">
        <v>3274</v>
      </c>
    </row>
    <row r="89" spans="1:4" ht="18" customHeight="1" x14ac:dyDescent="0.15">
      <c r="A89" s="8">
        <v>69</v>
      </c>
      <c r="B89" s="21">
        <v>1601</v>
      </c>
      <c r="C89" s="6">
        <v>1812</v>
      </c>
      <c r="D89" s="5">
        <v>3413</v>
      </c>
    </row>
    <row r="90" spans="1:4" ht="18" customHeight="1" x14ac:dyDescent="0.15">
      <c r="A90" s="8" t="s">
        <v>10</v>
      </c>
      <c r="B90" s="21">
        <v>8286</v>
      </c>
      <c r="C90" s="6">
        <v>8957</v>
      </c>
      <c r="D90" s="5">
        <v>17243</v>
      </c>
    </row>
    <row r="91" spans="1:4" ht="18" customHeight="1" x14ac:dyDescent="0.15">
      <c r="A91" s="8">
        <v>70</v>
      </c>
      <c r="B91" s="21">
        <v>1771</v>
      </c>
      <c r="C91" s="6">
        <v>1924</v>
      </c>
      <c r="D91" s="5">
        <v>3695</v>
      </c>
    </row>
    <row r="92" spans="1:4" ht="18" customHeight="1" x14ac:dyDescent="0.15">
      <c r="A92" s="8">
        <v>71</v>
      </c>
      <c r="B92" s="21">
        <v>1658</v>
      </c>
      <c r="C92" s="6">
        <v>1890</v>
      </c>
      <c r="D92" s="5">
        <v>3548</v>
      </c>
    </row>
    <row r="93" spans="1:4" ht="18" customHeight="1" x14ac:dyDescent="0.15">
      <c r="A93" s="8">
        <v>72</v>
      </c>
      <c r="B93" s="21">
        <v>1815</v>
      </c>
      <c r="C93" s="6">
        <v>2073</v>
      </c>
      <c r="D93" s="5">
        <v>3888</v>
      </c>
    </row>
    <row r="94" spans="1:4" ht="18" customHeight="1" x14ac:dyDescent="0.15">
      <c r="A94" s="8">
        <v>73</v>
      </c>
      <c r="B94" s="21">
        <v>1837</v>
      </c>
      <c r="C94" s="6">
        <v>2102</v>
      </c>
      <c r="D94" s="5">
        <v>3939</v>
      </c>
    </row>
    <row r="95" spans="1:4" ht="18" customHeight="1" x14ac:dyDescent="0.15">
      <c r="A95" s="8">
        <v>74</v>
      </c>
      <c r="B95" s="21">
        <v>1818</v>
      </c>
      <c r="C95" s="6">
        <v>2169</v>
      </c>
      <c r="D95" s="5">
        <v>3987</v>
      </c>
    </row>
    <row r="96" spans="1:4" ht="18" customHeight="1" x14ac:dyDescent="0.15">
      <c r="A96" s="8" t="s">
        <v>9</v>
      </c>
      <c r="B96" s="21">
        <v>8899</v>
      </c>
      <c r="C96" s="6">
        <v>10158</v>
      </c>
      <c r="D96" s="5">
        <v>19057</v>
      </c>
    </row>
    <row r="97" spans="1:4" ht="18" customHeight="1" x14ac:dyDescent="0.15">
      <c r="A97" s="8">
        <v>75</v>
      </c>
      <c r="B97" s="21">
        <v>2026</v>
      </c>
      <c r="C97" s="6">
        <v>2553</v>
      </c>
      <c r="D97" s="5">
        <v>4579</v>
      </c>
    </row>
    <row r="98" spans="1:4" ht="18" customHeight="1" x14ac:dyDescent="0.15">
      <c r="A98" s="8">
        <v>76</v>
      </c>
      <c r="B98" s="21">
        <v>2349</v>
      </c>
      <c r="C98" s="6">
        <v>2766</v>
      </c>
      <c r="D98" s="5">
        <v>5115</v>
      </c>
    </row>
    <row r="99" spans="1:4" ht="18" customHeight="1" x14ac:dyDescent="0.15">
      <c r="A99" s="8">
        <v>77</v>
      </c>
      <c r="B99" s="21">
        <v>2252</v>
      </c>
      <c r="C99" s="6">
        <v>2846</v>
      </c>
      <c r="D99" s="5">
        <v>5098</v>
      </c>
    </row>
    <row r="100" spans="1:4" ht="18" customHeight="1" x14ac:dyDescent="0.15">
      <c r="A100" s="8">
        <v>78</v>
      </c>
      <c r="B100" s="21">
        <v>2348</v>
      </c>
      <c r="C100" s="6">
        <v>3072</v>
      </c>
      <c r="D100" s="5">
        <v>5420</v>
      </c>
    </row>
    <row r="101" spans="1:4" ht="18" customHeight="1" x14ac:dyDescent="0.15">
      <c r="A101" s="8">
        <v>79</v>
      </c>
      <c r="B101" s="21">
        <v>1251</v>
      </c>
      <c r="C101" s="6">
        <v>1611</v>
      </c>
      <c r="D101" s="5">
        <v>2862</v>
      </c>
    </row>
    <row r="102" spans="1:4" ht="18" customHeight="1" x14ac:dyDescent="0.15">
      <c r="A102" s="8" t="s">
        <v>8</v>
      </c>
      <c r="B102" s="21">
        <v>10226</v>
      </c>
      <c r="C102" s="6">
        <v>12848</v>
      </c>
      <c r="D102" s="5">
        <v>23074</v>
      </c>
    </row>
    <row r="103" spans="1:4" ht="18" customHeight="1" x14ac:dyDescent="0.15">
      <c r="A103" s="8">
        <v>80</v>
      </c>
      <c r="B103" s="21">
        <v>1230</v>
      </c>
      <c r="C103" s="6">
        <v>1663</v>
      </c>
      <c r="D103" s="5">
        <v>2893</v>
      </c>
    </row>
    <row r="104" spans="1:4" ht="18" customHeight="1" x14ac:dyDescent="0.15">
      <c r="A104" s="8">
        <v>81</v>
      </c>
      <c r="B104" s="21">
        <v>1538</v>
      </c>
      <c r="C104" s="6">
        <v>2221</v>
      </c>
      <c r="D104" s="5">
        <v>3759</v>
      </c>
    </row>
    <row r="105" spans="1:4" ht="18" customHeight="1" x14ac:dyDescent="0.15">
      <c r="A105" s="8">
        <v>82</v>
      </c>
      <c r="B105" s="21">
        <v>1374</v>
      </c>
      <c r="C105" s="6">
        <v>2006</v>
      </c>
      <c r="D105" s="5">
        <v>3380</v>
      </c>
    </row>
    <row r="106" spans="1:4" ht="18" customHeight="1" x14ac:dyDescent="0.15">
      <c r="A106" s="8">
        <v>83</v>
      </c>
      <c r="B106" s="21">
        <v>1394</v>
      </c>
      <c r="C106" s="6">
        <v>2087</v>
      </c>
      <c r="D106" s="5">
        <v>3481</v>
      </c>
    </row>
    <row r="107" spans="1:4" ht="18" customHeight="1" x14ac:dyDescent="0.15">
      <c r="A107" s="8">
        <v>84</v>
      </c>
      <c r="B107" s="21">
        <v>1194</v>
      </c>
      <c r="C107" s="6">
        <v>1854</v>
      </c>
      <c r="D107" s="5">
        <v>3048</v>
      </c>
    </row>
    <row r="108" spans="1:4" ht="18" customHeight="1" x14ac:dyDescent="0.15">
      <c r="A108" s="8" t="s">
        <v>7</v>
      </c>
      <c r="B108" s="21">
        <v>6730</v>
      </c>
      <c r="C108" s="6">
        <v>9831</v>
      </c>
      <c r="D108" s="5">
        <v>16561</v>
      </c>
    </row>
    <row r="109" spans="1:4" ht="18" customHeight="1" x14ac:dyDescent="0.15">
      <c r="A109" s="8">
        <v>85</v>
      </c>
      <c r="B109" s="21">
        <v>1092</v>
      </c>
      <c r="C109" s="6">
        <v>1579</v>
      </c>
      <c r="D109" s="5">
        <v>2671</v>
      </c>
    </row>
    <row r="110" spans="1:4" ht="18" customHeight="1" x14ac:dyDescent="0.15">
      <c r="A110" s="8">
        <v>86</v>
      </c>
      <c r="B110" s="21">
        <v>775</v>
      </c>
      <c r="C110" s="6">
        <v>1278</v>
      </c>
      <c r="D110" s="5">
        <v>2053</v>
      </c>
    </row>
    <row r="111" spans="1:4" ht="18" customHeight="1" x14ac:dyDescent="0.15">
      <c r="A111" s="8">
        <v>87</v>
      </c>
      <c r="B111" s="21">
        <v>664</v>
      </c>
      <c r="C111" s="6">
        <v>1192</v>
      </c>
      <c r="D111" s="5">
        <v>1856</v>
      </c>
    </row>
    <row r="112" spans="1:4" ht="18" customHeight="1" x14ac:dyDescent="0.15">
      <c r="A112" s="8">
        <v>88</v>
      </c>
      <c r="B112" s="21">
        <v>696</v>
      </c>
      <c r="C112" s="6">
        <v>1277</v>
      </c>
      <c r="D112" s="5">
        <v>1973</v>
      </c>
    </row>
    <row r="113" spans="1:4" ht="18" customHeight="1" x14ac:dyDescent="0.15">
      <c r="A113" s="8">
        <v>89</v>
      </c>
      <c r="B113" s="21">
        <v>574</v>
      </c>
      <c r="C113" s="6">
        <v>1292</v>
      </c>
      <c r="D113" s="5">
        <v>1866</v>
      </c>
    </row>
    <row r="114" spans="1:4" ht="18" customHeight="1" x14ac:dyDescent="0.15">
      <c r="A114" s="8" t="s">
        <v>6</v>
      </c>
      <c r="B114" s="21">
        <v>3801</v>
      </c>
      <c r="C114" s="6">
        <v>6618</v>
      </c>
      <c r="D114" s="5">
        <v>10419</v>
      </c>
    </row>
    <row r="115" spans="1:4" ht="18" customHeight="1" x14ac:dyDescent="0.15">
      <c r="A115" s="8">
        <v>90</v>
      </c>
      <c r="B115" s="21">
        <v>442</v>
      </c>
      <c r="C115" s="6">
        <v>956</v>
      </c>
      <c r="D115" s="5">
        <v>1398</v>
      </c>
    </row>
    <row r="116" spans="1:4" ht="18" customHeight="1" x14ac:dyDescent="0.15">
      <c r="A116" s="8">
        <v>91</v>
      </c>
      <c r="B116" s="21">
        <v>362</v>
      </c>
      <c r="C116" s="6">
        <v>912</v>
      </c>
      <c r="D116" s="5">
        <v>1274</v>
      </c>
    </row>
    <row r="117" spans="1:4" ht="18" customHeight="1" x14ac:dyDescent="0.15">
      <c r="A117" s="8">
        <v>92</v>
      </c>
      <c r="B117" s="21">
        <v>284</v>
      </c>
      <c r="C117" s="6">
        <v>883</v>
      </c>
      <c r="D117" s="5">
        <v>1167</v>
      </c>
    </row>
    <row r="118" spans="1:4" ht="18" customHeight="1" x14ac:dyDescent="0.15">
      <c r="A118" s="8">
        <v>93</v>
      </c>
      <c r="B118" s="21">
        <v>209</v>
      </c>
      <c r="C118" s="6">
        <v>748</v>
      </c>
      <c r="D118" s="5">
        <v>957</v>
      </c>
    </row>
    <row r="119" spans="1:4" ht="18" customHeight="1" x14ac:dyDescent="0.15">
      <c r="A119" s="8">
        <v>94</v>
      </c>
      <c r="B119" s="21">
        <v>167</v>
      </c>
      <c r="C119" s="6">
        <v>576</v>
      </c>
      <c r="D119" s="5">
        <v>743</v>
      </c>
    </row>
    <row r="120" spans="1:4" ht="18" customHeight="1" x14ac:dyDescent="0.15">
      <c r="A120" s="8" t="s">
        <v>5</v>
      </c>
      <c r="B120" s="21">
        <v>1464</v>
      </c>
      <c r="C120" s="6">
        <v>4075</v>
      </c>
      <c r="D120" s="5">
        <v>5539</v>
      </c>
    </row>
    <row r="121" spans="1:4" ht="18" customHeight="1" x14ac:dyDescent="0.15">
      <c r="A121" s="8">
        <v>95</v>
      </c>
      <c r="B121" s="21">
        <v>98</v>
      </c>
      <c r="C121" s="6">
        <v>406</v>
      </c>
      <c r="D121" s="5">
        <v>504</v>
      </c>
    </row>
    <row r="122" spans="1:4" ht="18" customHeight="1" x14ac:dyDescent="0.15">
      <c r="A122" s="8">
        <v>96</v>
      </c>
      <c r="B122" s="21">
        <v>77</v>
      </c>
      <c r="C122" s="6">
        <v>333</v>
      </c>
      <c r="D122" s="5">
        <v>410</v>
      </c>
    </row>
    <row r="123" spans="1:4" ht="18" customHeight="1" x14ac:dyDescent="0.15">
      <c r="A123" s="8">
        <v>97</v>
      </c>
      <c r="B123" s="21">
        <v>63</v>
      </c>
      <c r="C123" s="6">
        <v>258</v>
      </c>
      <c r="D123" s="5">
        <v>321</v>
      </c>
    </row>
    <row r="124" spans="1:4" ht="18" customHeight="1" x14ac:dyDescent="0.15">
      <c r="A124" s="8">
        <v>98</v>
      </c>
      <c r="B124" s="21">
        <v>34</v>
      </c>
      <c r="C124" s="6">
        <v>201</v>
      </c>
      <c r="D124" s="5">
        <v>235</v>
      </c>
    </row>
    <row r="125" spans="1:4" ht="18" customHeight="1" x14ac:dyDescent="0.15">
      <c r="A125" s="8">
        <v>99</v>
      </c>
      <c r="B125" s="21">
        <v>24</v>
      </c>
      <c r="C125" s="6">
        <v>132</v>
      </c>
      <c r="D125" s="5">
        <v>156</v>
      </c>
    </row>
    <row r="126" spans="1:4" ht="18" customHeight="1" x14ac:dyDescent="0.15">
      <c r="A126" s="8" t="s">
        <v>4</v>
      </c>
      <c r="B126" s="21">
        <v>296</v>
      </c>
      <c r="C126" s="6">
        <v>1330</v>
      </c>
      <c r="D126" s="5">
        <v>1626</v>
      </c>
    </row>
    <row r="127" spans="1:4" ht="18" customHeight="1" x14ac:dyDescent="0.15">
      <c r="A127" s="8">
        <v>100</v>
      </c>
      <c r="B127" s="21">
        <v>9</v>
      </c>
      <c r="C127" s="6">
        <v>116</v>
      </c>
      <c r="D127" s="5">
        <v>125</v>
      </c>
    </row>
    <row r="128" spans="1:4" ht="18" customHeight="1" x14ac:dyDescent="0.15">
      <c r="A128" s="9" t="s">
        <v>3</v>
      </c>
      <c r="B128" s="21">
        <v>12</v>
      </c>
      <c r="C128" s="6">
        <v>153</v>
      </c>
      <c r="D128" s="5">
        <v>165</v>
      </c>
    </row>
    <row r="129" spans="1:4" ht="18" customHeight="1" x14ac:dyDescent="0.15">
      <c r="A129" s="8" t="s">
        <v>2</v>
      </c>
      <c r="B129" s="21">
        <v>21</v>
      </c>
      <c r="C129" s="6">
        <v>269</v>
      </c>
      <c r="D129" s="5">
        <v>290</v>
      </c>
    </row>
    <row r="130" spans="1:4" ht="18" customHeight="1" x14ac:dyDescent="0.15">
      <c r="A130" s="8" t="s">
        <v>1</v>
      </c>
      <c r="B130" s="21">
        <v>39723</v>
      </c>
      <c r="C130" s="6">
        <v>54086</v>
      </c>
      <c r="D130" s="5">
        <v>93809</v>
      </c>
    </row>
    <row r="131" spans="1:4" ht="18" customHeight="1" x14ac:dyDescent="0.15">
      <c r="A131" s="4" t="s">
        <v>0</v>
      </c>
      <c r="B131" s="20">
        <v>152375</v>
      </c>
      <c r="C131" s="2">
        <v>159942</v>
      </c>
      <c r="D131" s="1">
        <v>3123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C588C5-1A48-4B7E-88A4-E3C8E65CA9CB}">
  <sheetPr codeName="Sheet6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1</v>
      </c>
      <c r="C10" s="6">
        <v>0</v>
      </c>
      <c r="D10" s="5">
        <v>1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1</v>
      </c>
      <c r="C13" s="6">
        <v>0</v>
      </c>
      <c r="D13" s="5">
        <v>1</v>
      </c>
    </row>
    <row r="14" spans="1:4" ht="18" customHeight="1" x14ac:dyDescent="0.15">
      <c r="A14" s="8">
        <v>8</v>
      </c>
      <c r="B14" s="26">
        <v>2</v>
      </c>
      <c r="C14" s="6">
        <v>1</v>
      </c>
      <c r="D14" s="5">
        <v>3</v>
      </c>
    </row>
    <row r="15" spans="1:4" ht="18" customHeight="1" x14ac:dyDescent="0.15">
      <c r="A15" s="8">
        <v>9</v>
      </c>
      <c r="B15" s="26">
        <v>0</v>
      </c>
      <c r="C15" s="6">
        <v>0</v>
      </c>
      <c r="D15" s="5">
        <v>0</v>
      </c>
    </row>
    <row r="16" spans="1:4" ht="18" customHeight="1" x14ac:dyDescent="0.15">
      <c r="A16" s="8" t="s">
        <v>24</v>
      </c>
      <c r="B16" s="21">
        <v>3</v>
      </c>
      <c r="C16" s="6">
        <v>1</v>
      </c>
      <c r="D16" s="5">
        <v>4</v>
      </c>
    </row>
    <row r="17" spans="1:4" ht="18" customHeight="1" x14ac:dyDescent="0.15">
      <c r="A17" s="8">
        <v>10</v>
      </c>
      <c r="B17" s="21">
        <v>3</v>
      </c>
      <c r="C17" s="6">
        <v>0</v>
      </c>
      <c r="D17" s="5">
        <v>3</v>
      </c>
    </row>
    <row r="18" spans="1:4" ht="18" customHeight="1" x14ac:dyDescent="0.15">
      <c r="A18" s="8">
        <v>11</v>
      </c>
      <c r="B18" s="21">
        <v>2</v>
      </c>
      <c r="C18" s="6">
        <v>1</v>
      </c>
      <c r="D18" s="5">
        <v>3</v>
      </c>
    </row>
    <row r="19" spans="1:4" ht="18" customHeight="1" x14ac:dyDescent="0.15">
      <c r="A19" s="8">
        <v>12</v>
      </c>
      <c r="B19" s="21">
        <v>1</v>
      </c>
      <c r="C19" s="6">
        <v>1</v>
      </c>
      <c r="D19" s="5">
        <v>2</v>
      </c>
    </row>
    <row r="20" spans="1:4" ht="18" customHeight="1" x14ac:dyDescent="0.15">
      <c r="A20" s="8">
        <v>13</v>
      </c>
      <c r="B20" s="21">
        <v>0</v>
      </c>
      <c r="C20" s="6">
        <v>1</v>
      </c>
      <c r="D20" s="5">
        <v>1</v>
      </c>
    </row>
    <row r="21" spans="1:4" ht="18" customHeight="1" x14ac:dyDescent="0.15">
      <c r="A21" s="8">
        <v>14</v>
      </c>
      <c r="B21" s="21">
        <v>2</v>
      </c>
      <c r="C21" s="6">
        <v>0</v>
      </c>
      <c r="D21" s="5">
        <v>2</v>
      </c>
    </row>
    <row r="22" spans="1:4" ht="18" customHeight="1" x14ac:dyDescent="0.15">
      <c r="A22" s="8" t="s">
        <v>23</v>
      </c>
      <c r="B22" s="21">
        <v>8</v>
      </c>
      <c r="C22" s="6">
        <v>3</v>
      </c>
      <c r="D22" s="5">
        <v>11</v>
      </c>
    </row>
    <row r="23" spans="1:4" ht="18" customHeight="1" x14ac:dyDescent="0.15">
      <c r="A23" s="8" t="s">
        <v>22</v>
      </c>
      <c r="B23" s="21">
        <v>12</v>
      </c>
      <c r="C23" s="6">
        <v>4</v>
      </c>
      <c r="D23" s="5">
        <v>16</v>
      </c>
    </row>
    <row r="24" spans="1:4" ht="18" customHeight="1" x14ac:dyDescent="0.15">
      <c r="A24" s="8">
        <v>15</v>
      </c>
      <c r="B24" s="21">
        <v>2</v>
      </c>
      <c r="C24" s="6">
        <v>0</v>
      </c>
      <c r="D24" s="5">
        <v>2</v>
      </c>
    </row>
    <row r="25" spans="1:4" ht="18" customHeight="1" x14ac:dyDescent="0.15">
      <c r="A25" s="8">
        <v>16</v>
      </c>
      <c r="B25" s="21">
        <v>1</v>
      </c>
      <c r="C25" s="6">
        <v>2</v>
      </c>
      <c r="D25" s="5">
        <v>3</v>
      </c>
    </row>
    <row r="26" spans="1:4" ht="18" customHeight="1" x14ac:dyDescent="0.15">
      <c r="A26" s="8">
        <v>17</v>
      </c>
      <c r="B26" s="21">
        <v>0</v>
      </c>
      <c r="C26" s="6">
        <v>0</v>
      </c>
      <c r="D26" s="5">
        <v>0</v>
      </c>
    </row>
    <row r="27" spans="1:4" ht="18" customHeight="1" x14ac:dyDescent="0.15">
      <c r="A27" s="8">
        <v>18</v>
      </c>
      <c r="B27" s="21">
        <v>0</v>
      </c>
      <c r="C27" s="6">
        <v>0</v>
      </c>
      <c r="D27" s="5">
        <v>0</v>
      </c>
    </row>
    <row r="28" spans="1:4" ht="18" customHeight="1" x14ac:dyDescent="0.15">
      <c r="A28" s="8">
        <v>19</v>
      </c>
      <c r="B28" s="21">
        <v>0</v>
      </c>
      <c r="C28" s="6">
        <v>1</v>
      </c>
      <c r="D28" s="5">
        <v>1</v>
      </c>
    </row>
    <row r="29" spans="1:4" ht="18" customHeight="1" x14ac:dyDescent="0.15">
      <c r="A29" s="8" t="s">
        <v>21</v>
      </c>
      <c r="B29" s="21">
        <v>3</v>
      </c>
      <c r="C29" s="6">
        <v>3</v>
      </c>
      <c r="D29" s="5">
        <v>6</v>
      </c>
    </row>
    <row r="30" spans="1:4" ht="18" customHeight="1" x14ac:dyDescent="0.15">
      <c r="A30" s="8">
        <v>20</v>
      </c>
      <c r="B30" s="21">
        <v>0</v>
      </c>
      <c r="C30" s="6">
        <v>1</v>
      </c>
      <c r="D30" s="5">
        <v>1</v>
      </c>
    </row>
    <row r="31" spans="1:4" ht="18" customHeight="1" x14ac:dyDescent="0.15">
      <c r="A31" s="8">
        <v>21</v>
      </c>
      <c r="B31" s="21">
        <v>1</v>
      </c>
      <c r="C31" s="6">
        <v>0</v>
      </c>
      <c r="D31" s="5">
        <v>1</v>
      </c>
    </row>
    <row r="32" spans="1:4" ht="18" customHeight="1" x14ac:dyDescent="0.15">
      <c r="A32" s="8">
        <v>22</v>
      </c>
      <c r="B32" s="21">
        <v>1</v>
      </c>
      <c r="C32" s="6">
        <v>3</v>
      </c>
      <c r="D32" s="5">
        <v>4</v>
      </c>
    </row>
    <row r="33" spans="1:4" ht="18" customHeight="1" x14ac:dyDescent="0.15">
      <c r="A33" s="8">
        <v>23</v>
      </c>
      <c r="B33" s="21">
        <v>1</v>
      </c>
      <c r="C33" s="6">
        <v>0</v>
      </c>
      <c r="D33" s="5">
        <v>1</v>
      </c>
    </row>
    <row r="34" spans="1:4" ht="18" customHeight="1" x14ac:dyDescent="0.15">
      <c r="A34" s="8">
        <v>24</v>
      </c>
      <c r="B34" s="21">
        <v>3</v>
      </c>
      <c r="C34" s="6">
        <v>1</v>
      </c>
      <c r="D34" s="5">
        <v>4</v>
      </c>
    </row>
    <row r="35" spans="1:4" ht="18" customHeight="1" x14ac:dyDescent="0.15">
      <c r="A35" s="8" t="s">
        <v>20</v>
      </c>
      <c r="B35" s="21">
        <v>6</v>
      </c>
      <c r="C35" s="6">
        <v>5</v>
      </c>
      <c r="D35" s="5">
        <v>11</v>
      </c>
    </row>
    <row r="36" spans="1:4" ht="18" customHeight="1" x14ac:dyDescent="0.15">
      <c r="A36" s="8">
        <v>25</v>
      </c>
      <c r="B36" s="21">
        <v>0</v>
      </c>
      <c r="C36" s="6">
        <v>0</v>
      </c>
      <c r="D36" s="5">
        <v>0</v>
      </c>
    </row>
    <row r="37" spans="1:4" ht="18" customHeight="1" x14ac:dyDescent="0.15">
      <c r="A37" s="8">
        <v>26</v>
      </c>
      <c r="B37" s="21">
        <v>0</v>
      </c>
      <c r="C37" s="6">
        <v>2</v>
      </c>
      <c r="D37" s="5">
        <v>2</v>
      </c>
    </row>
    <row r="38" spans="1:4" ht="18" customHeight="1" x14ac:dyDescent="0.15">
      <c r="A38" s="8">
        <v>27</v>
      </c>
      <c r="B38" s="21">
        <v>1</v>
      </c>
      <c r="C38" s="6">
        <v>0</v>
      </c>
      <c r="D38" s="5">
        <v>1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2</v>
      </c>
      <c r="C40" s="6">
        <v>0</v>
      </c>
      <c r="D40" s="5">
        <v>2</v>
      </c>
    </row>
    <row r="41" spans="1:4" ht="18" customHeight="1" x14ac:dyDescent="0.15">
      <c r="A41" s="8" t="s">
        <v>19</v>
      </c>
      <c r="B41" s="21">
        <v>3</v>
      </c>
      <c r="C41" s="6">
        <v>2</v>
      </c>
      <c r="D41" s="5">
        <v>5</v>
      </c>
    </row>
    <row r="42" spans="1:4" ht="18" customHeight="1" x14ac:dyDescent="0.15">
      <c r="A42" s="8">
        <v>30</v>
      </c>
      <c r="B42" s="21">
        <v>1</v>
      </c>
      <c r="C42" s="6">
        <v>0</v>
      </c>
      <c r="D42" s="5">
        <v>1</v>
      </c>
    </row>
    <row r="43" spans="1:4" ht="18" customHeight="1" x14ac:dyDescent="0.15">
      <c r="A43" s="8">
        <v>31</v>
      </c>
      <c r="B43" s="21">
        <v>0</v>
      </c>
      <c r="C43" s="6">
        <v>1</v>
      </c>
      <c r="D43" s="5">
        <v>1</v>
      </c>
    </row>
    <row r="44" spans="1:4" ht="18" customHeight="1" x14ac:dyDescent="0.15">
      <c r="A44" s="8">
        <v>32</v>
      </c>
      <c r="B44" s="21">
        <v>1</v>
      </c>
      <c r="C44" s="6">
        <v>1</v>
      </c>
      <c r="D44" s="5">
        <v>2</v>
      </c>
    </row>
    <row r="45" spans="1:4" ht="18" customHeight="1" x14ac:dyDescent="0.15">
      <c r="A45" s="8">
        <v>33</v>
      </c>
      <c r="B45" s="21">
        <v>1</v>
      </c>
      <c r="C45" s="6">
        <v>0</v>
      </c>
      <c r="D45" s="5">
        <v>1</v>
      </c>
    </row>
    <row r="46" spans="1:4" ht="18" customHeight="1" x14ac:dyDescent="0.15">
      <c r="A46" s="8">
        <v>34</v>
      </c>
      <c r="B46" s="21">
        <v>1</v>
      </c>
      <c r="C46" s="6">
        <v>0</v>
      </c>
      <c r="D46" s="5">
        <v>1</v>
      </c>
    </row>
    <row r="47" spans="1:4" ht="18" customHeight="1" x14ac:dyDescent="0.15">
      <c r="A47" s="8" t="s">
        <v>18</v>
      </c>
      <c r="B47" s="21">
        <v>4</v>
      </c>
      <c r="C47" s="6">
        <v>2</v>
      </c>
      <c r="D47" s="5">
        <v>6</v>
      </c>
    </row>
    <row r="48" spans="1:4" ht="18" customHeight="1" x14ac:dyDescent="0.15">
      <c r="A48" s="8">
        <v>35</v>
      </c>
      <c r="B48" s="21">
        <v>1</v>
      </c>
      <c r="C48" s="6">
        <v>0</v>
      </c>
      <c r="D48" s="5">
        <v>1</v>
      </c>
    </row>
    <row r="49" spans="1:4" ht="18" customHeight="1" x14ac:dyDescent="0.15">
      <c r="A49" s="8">
        <v>36</v>
      </c>
      <c r="B49" s="21">
        <v>0</v>
      </c>
      <c r="C49" s="6">
        <v>0</v>
      </c>
      <c r="D49" s="5">
        <v>0</v>
      </c>
    </row>
    <row r="50" spans="1:4" ht="18" customHeight="1" x14ac:dyDescent="0.15">
      <c r="A50" s="8">
        <v>37</v>
      </c>
      <c r="B50" s="21">
        <v>0</v>
      </c>
      <c r="C50" s="6">
        <v>0</v>
      </c>
      <c r="D50" s="5">
        <v>0</v>
      </c>
    </row>
    <row r="51" spans="1:4" ht="18" customHeight="1" x14ac:dyDescent="0.15">
      <c r="A51" s="8">
        <v>38</v>
      </c>
      <c r="B51" s="21">
        <v>0</v>
      </c>
      <c r="C51" s="6">
        <v>1</v>
      </c>
      <c r="D51" s="5">
        <v>1</v>
      </c>
    </row>
    <row r="52" spans="1:4" ht="18" customHeight="1" x14ac:dyDescent="0.15">
      <c r="A52" s="8">
        <v>39</v>
      </c>
      <c r="B52" s="21">
        <v>1</v>
      </c>
      <c r="C52" s="6">
        <v>1</v>
      </c>
      <c r="D52" s="5">
        <v>2</v>
      </c>
    </row>
    <row r="53" spans="1:4" ht="18" customHeight="1" x14ac:dyDescent="0.15">
      <c r="A53" s="8" t="s">
        <v>17</v>
      </c>
      <c r="B53" s="21">
        <v>2</v>
      </c>
      <c r="C53" s="6">
        <v>2</v>
      </c>
      <c r="D53" s="5">
        <v>4</v>
      </c>
    </row>
    <row r="54" spans="1:4" ht="18" customHeight="1" x14ac:dyDescent="0.15">
      <c r="A54" s="8">
        <v>40</v>
      </c>
      <c r="B54" s="21">
        <v>1</v>
      </c>
      <c r="C54" s="6">
        <v>1</v>
      </c>
      <c r="D54" s="5">
        <v>2</v>
      </c>
    </row>
    <row r="55" spans="1:4" ht="18" customHeight="1" x14ac:dyDescent="0.15">
      <c r="A55" s="8">
        <v>41</v>
      </c>
      <c r="B55" s="21">
        <v>3</v>
      </c>
      <c r="C55" s="6">
        <v>0</v>
      </c>
      <c r="D55" s="5">
        <v>3</v>
      </c>
    </row>
    <row r="56" spans="1:4" ht="18" customHeight="1" x14ac:dyDescent="0.15">
      <c r="A56" s="8">
        <v>42</v>
      </c>
      <c r="B56" s="21">
        <v>1</v>
      </c>
      <c r="C56" s="6">
        <v>0</v>
      </c>
      <c r="D56" s="5">
        <v>1</v>
      </c>
    </row>
    <row r="57" spans="1:4" ht="18" customHeight="1" x14ac:dyDescent="0.15">
      <c r="A57" s="8">
        <v>43</v>
      </c>
      <c r="B57" s="21">
        <v>2</v>
      </c>
      <c r="C57" s="6">
        <v>1</v>
      </c>
      <c r="D57" s="5">
        <v>3</v>
      </c>
    </row>
    <row r="58" spans="1:4" ht="18" customHeight="1" x14ac:dyDescent="0.15">
      <c r="A58" s="8">
        <v>44</v>
      </c>
      <c r="B58" s="21">
        <v>1</v>
      </c>
      <c r="C58" s="6">
        <v>2</v>
      </c>
      <c r="D58" s="5">
        <v>3</v>
      </c>
    </row>
    <row r="59" spans="1:4" ht="18" customHeight="1" x14ac:dyDescent="0.15">
      <c r="A59" s="8" t="s">
        <v>16</v>
      </c>
      <c r="B59" s="21">
        <v>8</v>
      </c>
      <c r="C59" s="6">
        <v>4</v>
      </c>
      <c r="D59" s="5">
        <v>12</v>
      </c>
    </row>
    <row r="60" spans="1:4" ht="18" customHeight="1" x14ac:dyDescent="0.15">
      <c r="A60" s="8">
        <v>45</v>
      </c>
      <c r="B60" s="21">
        <v>0</v>
      </c>
      <c r="C60" s="6">
        <v>1</v>
      </c>
      <c r="D60" s="5">
        <v>1</v>
      </c>
    </row>
    <row r="61" spans="1:4" ht="18" customHeight="1" x14ac:dyDescent="0.15">
      <c r="A61" s="8">
        <v>46</v>
      </c>
      <c r="B61" s="21">
        <v>2</v>
      </c>
      <c r="C61" s="6">
        <v>1</v>
      </c>
      <c r="D61" s="5">
        <v>3</v>
      </c>
    </row>
    <row r="62" spans="1:4" ht="18" customHeight="1" x14ac:dyDescent="0.15">
      <c r="A62" s="8">
        <v>47</v>
      </c>
      <c r="B62" s="21">
        <v>1</v>
      </c>
      <c r="C62" s="6">
        <v>2</v>
      </c>
      <c r="D62" s="5">
        <v>3</v>
      </c>
    </row>
    <row r="63" spans="1:4" ht="18" customHeight="1" x14ac:dyDescent="0.15">
      <c r="A63" s="8">
        <v>48</v>
      </c>
      <c r="B63" s="21">
        <v>2</v>
      </c>
      <c r="C63" s="6">
        <v>1</v>
      </c>
      <c r="D63" s="5">
        <v>3</v>
      </c>
    </row>
    <row r="64" spans="1:4" ht="18" customHeight="1" x14ac:dyDescent="0.15">
      <c r="A64" s="8">
        <v>49</v>
      </c>
      <c r="B64" s="21">
        <v>2</v>
      </c>
      <c r="C64" s="6">
        <v>4</v>
      </c>
      <c r="D64" s="5">
        <v>6</v>
      </c>
    </row>
    <row r="65" spans="1:4" ht="18" customHeight="1" x14ac:dyDescent="0.15">
      <c r="A65" s="8" t="s">
        <v>15</v>
      </c>
      <c r="B65" s="21">
        <v>7</v>
      </c>
      <c r="C65" s="6">
        <v>9</v>
      </c>
      <c r="D65" s="5">
        <v>16</v>
      </c>
    </row>
    <row r="66" spans="1:4" ht="18" customHeight="1" x14ac:dyDescent="0.15">
      <c r="A66" s="8">
        <v>50</v>
      </c>
      <c r="B66" s="21">
        <v>2</v>
      </c>
      <c r="C66" s="6">
        <v>1</v>
      </c>
      <c r="D66" s="5">
        <v>3</v>
      </c>
    </row>
    <row r="67" spans="1:4" ht="18" customHeight="1" x14ac:dyDescent="0.15">
      <c r="A67" s="8">
        <v>51</v>
      </c>
      <c r="B67" s="21">
        <v>3</v>
      </c>
      <c r="C67" s="6">
        <v>1</v>
      </c>
      <c r="D67" s="5">
        <v>4</v>
      </c>
    </row>
    <row r="68" spans="1:4" ht="18" customHeight="1" x14ac:dyDescent="0.15">
      <c r="A68" s="8">
        <v>52</v>
      </c>
      <c r="B68" s="21">
        <v>1</v>
      </c>
      <c r="C68" s="6">
        <v>0</v>
      </c>
      <c r="D68" s="5">
        <v>1</v>
      </c>
    </row>
    <row r="69" spans="1:4" ht="18" customHeight="1" x14ac:dyDescent="0.15">
      <c r="A69" s="8">
        <v>53</v>
      </c>
      <c r="B69" s="21">
        <v>1</v>
      </c>
      <c r="C69" s="6">
        <v>0</v>
      </c>
      <c r="D69" s="5">
        <v>1</v>
      </c>
    </row>
    <row r="70" spans="1:4" ht="18" customHeight="1" x14ac:dyDescent="0.15">
      <c r="A70" s="8">
        <v>54</v>
      </c>
      <c r="B70" s="21">
        <v>1</v>
      </c>
      <c r="C70" s="6">
        <v>1</v>
      </c>
      <c r="D70" s="5">
        <v>2</v>
      </c>
    </row>
    <row r="71" spans="1:4" ht="18" customHeight="1" x14ac:dyDescent="0.15">
      <c r="A71" s="8" t="s">
        <v>14</v>
      </c>
      <c r="B71" s="21">
        <v>8</v>
      </c>
      <c r="C71" s="6">
        <v>3</v>
      </c>
      <c r="D71" s="5">
        <v>11</v>
      </c>
    </row>
    <row r="72" spans="1:4" ht="18" customHeight="1" x14ac:dyDescent="0.15">
      <c r="A72" s="8">
        <v>55</v>
      </c>
      <c r="B72" s="21">
        <v>0</v>
      </c>
      <c r="C72" s="6">
        <v>0</v>
      </c>
      <c r="D72" s="5">
        <v>0</v>
      </c>
    </row>
    <row r="73" spans="1:4" ht="18" customHeight="1" x14ac:dyDescent="0.15">
      <c r="A73" s="8">
        <v>56</v>
      </c>
      <c r="B73" s="21">
        <v>2</v>
      </c>
      <c r="C73" s="6">
        <v>2</v>
      </c>
      <c r="D73" s="5">
        <v>4</v>
      </c>
    </row>
    <row r="74" spans="1:4" ht="18" customHeight="1" x14ac:dyDescent="0.15">
      <c r="A74" s="8">
        <v>57</v>
      </c>
      <c r="B74" s="21">
        <v>2</v>
      </c>
      <c r="C74" s="6">
        <v>2</v>
      </c>
      <c r="D74" s="5">
        <v>4</v>
      </c>
    </row>
    <row r="75" spans="1:4" ht="18" customHeight="1" x14ac:dyDescent="0.15">
      <c r="A75" s="8">
        <v>58</v>
      </c>
      <c r="B75" s="21">
        <v>2</v>
      </c>
      <c r="C75" s="6">
        <v>0</v>
      </c>
      <c r="D75" s="5">
        <v>2</v>
      </c>
    </row>
    <row r="76" spans="1:4" ht="18" customHeight="1" x14ac:dyDescent="0.15">
      <c r="A76" s="8">
        <v>59</v>
      </c>
      <c r="B76" s="21">
        <v>1</v>
      </c>
      <c r="C76" s="6">
        <v>1</v>
      </c>
      <c r="D76" s="5">
        <v>2</v>
      </c>
    </row>
    <row r="77" spans="1:4" ht="18" customHeight="1" x14ac:dyDescent="0.15">
      <c r="A77" s="8" t="s">
        <v>13</v>
      </c>
      <c r="B77" s="21">
        <v>7</v>
      </c>
      <c r="C77" s="6">
        <v>5</v>
      </c>
      <c r="D77" s="5">
        <v>12</v>
      </c>
    </row>
    <row r="78" spans="1:4" ht="18" customHeight="1" x14ac:dyDescent="0.15">
      <c r="A78" s="8">
        <v>60</v>
      </c>
      <c r="B78" s="21">
        <v>2</v>
      </c>
      <c r="C78" s="6">
        <v>2</v>
      </c>
      <c r="D78" s="5">
        <v>4</v>
      </c>
    </row>
    <row r="79" spans="1:4" ht="18" customHeight="1" x14ac:dyDescent="0.15">
      <c r="A79" s="8">
        <v>61</v>
      </c>
      <c r="B79" s="21">
        <v>0</v>
      </c>
      <c r="C79" s="6">
        <v>1</v>
      </c>
      <c r="D79" s="5">
        <v>1</v>
      </c>
    </row>
    <row r="80" spans="1:4" ht="18" customHeight="1" x14ac:dyDescent="0.15">
      <c r="A80" s="8">
        <v>62</v>
      </c>
      <c r="B80" s="21">
        <v>2</v>
      </c>
      <c r="C80" s="6">
        <v>1</v>
      </c>
      <c r="D80" s="5">
        <v>3</v>
      </c>
    </row>
    <row r="81" spans="1:4" ht="18" customHeight="1" x14ac:dyDescent="0.15">
      <c r="A81" s="8">
        <v>63</v>
      </c>
      <c r="B81" s="21">
        <v>5</v>
      </c>
      <c r="C81" s="6">
        <v>2</v>
      </c>
      <c r="D81" s="5">
        <v>7</v>
      </c>
    </row>
    <row r="82" spans="1:4" ht="18" customHeight="1" x14ac:dyDescent="0.15">
      <c r="A82" s="8">
        <v>64</v>
      </c>
      <c r="B82" s="21">
        <v>3</v>
      </c>
      <c r="C82" s="6">
        <v>3</v>
      </c>
      <c r="D82" s="5">
        <v>6</v>
      </c>
    </row>
    <row r="83" spans="1:4" ht="18" customHeight="1" x14ac:dyDescent="0.15">
      <c r="A83" s="8" t="s">
        <v>12</v>
      </c>
      <c r="B83" s="21">
        <v>12</v>
      </c>
      <c r="C83" s="6">
        <v>9</v>
      </c>
      <c r="D83" s="5">
        <v>21</v>
      </c>
    </row>
    <row r="84" spans="1:4" ht="18" customHeight="1" x14ac:dyDescent="0.15">
      <c r="A84" s="8" t="s">
        <v>11</v>
      </c>
      <c r="B84" s="21">
        <v>60</v>
      </c>
      <c r="C84" s="6">
        <v>44</v>
      </c>
      <c r="D84" s="5">
        <v>104</v>
      </c>
    </row>
    <row r="85" spans="1:4" ht="18" customHeight="1" x14ac:dyDescent="0.15">
      <c r="A85" s="8">
        <v>65</v>
      </c>
      <c r="B85" s="21">
        <v>2</v>
      </c>
      <c r="C85" s="6">
        <v>1</v>
      </c>
      <c r="D85" s="5">
        <v>3</v>
      </c>
    </row>
    <row r="86" spans="1:4" ht="18" customHeight="1" x14ac:dyDescent="0.15">
      <c r="A86" s="8">
        <v>66</v>
      </c>
      <c r="B86" s="21">
        <v>2</v>
      </c>
      <c r="C86" s="6">
        <v>1</v>
      </c>
      <c r="D86" s="5">
        <v>3</v>
      </c>
    </row>
    <row r="87" spans="1:4" ht="18" customHeight="1" x14ac:dyDescent="0.15">
      <c r="A87" s="8">
        <v>67</v>
      </c>
      <c r="B87" s="21">
        <v>1</v>
      </c>
      <c r="C87" s="6">
        <v>1</v>
      </c>
      <c r="D87" s="5">
        <v>2</v>
      </c>
    </row>
    <row r="88" spans="1:4" ht="18" customHeight="1" x14ac:dyDescent="0.15">
      <c r="A88" s="8">
        <v>68</v>
      </c>
      <c r="B88" s="21">
        <v>1</v>
      </c>
      <c r="C88" s="6">
        <v>0</v>
      </c>
      <c r="D88" s="5">
        <v>1</v>
      </c>
    </row>
    <row r="89" spans="1:4" ht="18" customHeight="1" x14ac:dyDescent="0.15">
      <c r="A89" s="8">
        <v>69</v>
      </c>
      <c r="B89" s="21">
        <v>0</v>
      </c>
      <c r="C89" s="6">
        <v>3</v>
      </c>
      <c r="D89" s="5">
        <v>3</v>
      </c>
    </row>
    <row r="90" spans="1:4" ht="18" customHeight="1" x14ac:dyDescent="0.15">
      <c r="A90" s="8" t="s">
        <v>10</v>
      </c>
      <c r="B90" s="21">
        <v>6</v>
      </c>
      <c r="C90" s="6">
        <v>6</v>
      </c>
      <c r="D90" s="5">
        <v>12</v>
      </c>
    </row>
    <row r="91" spans="1:4" ht="18" customHeight="1" x14ac:dyDescent="0.15">
      <c r="A91" s="8">
        <v>70</v>
      </c>
      <c r="B91" s="21">
        <v>3</v>
      </c>
      <c r="C91" s="6">
        <v>2</v>
      </c>
      <c r="D91" s="5">
        <v>5</v>
      </c>
    </row>
    <row r="92" spans="1:4" ht="18" customHeight="1" x14ac:dyDescent="0.15">
      <c r="A92" s="8">
        <v>71</v>
      </c>
      <c r="B92" s="21">
        <v>2</v>
      </c>
      <c r="C92" s="6">
        <v>3</v>
      </c>
      <c r="D92" s="5">
        <v>5</v>
      </c>
    </row>
    <row r="93" spans="1:4" ht="18" customHeight="1" x14ac:dyDescent="0.15">
      <c r="A93" s="8">
        <v>72</v>
      </c>
      <c r="B93" s="21">
        <v>3</v>
      </c>
      <c r="C93" s="6">
        <v>3</v>
      </c>
      <c r="D93" s="5">
        <v>6</v>
      </c>
    </row>
    <row r="94" spans="1:4" ht="18" customHeight="1" x14ac:dyDescent="0.15">
      <c r="A94" s="8">
        <v>73</v>
      </c>
      <c r="B94" s="21">
        <v>3</v>
      </c>
      <c r="C94" s="6">
        <v>4</v>
      </c>
      <c r="D94" s="5">
        <v>7</v>
      </c>
    </row>
    <row r="95" spans="1:4" ht="18" customHeight="1" x14ac:dyDescent="0.15">
      <c r="A95" s="8">
        <v>74</v>
      </c>
      <c r="B95" s="21">
        <v>2</v>
      </c>
      <c r="C95" s="6">
        <v>2</v>
      </c>
      <c r="D95" s="5">
        <v>4</v>
      </c>
    </row>
    <row r="96" spans="1:4" ht="18" customHeight="1" x14ac:dyDescent="0.15">
      <c r="A96" s="8" t="s">
        <v>9</v>
      </c>
      <c r="B96" s="21">
        <v>13</v>
      </c>
      <c r="C96" s="6">
        <v>14</v>
      </c>
      <c r="D96" s="5">
        <v>27</v>
      </c>
    </row>
    <row r="97" spans="1:4" ht="18" customHeight="1" x14ac:dyDescent="0.15">
      <c r="A97" s="8">
        <v>75</v>
      </c>
      <c r="B97" s="21">
        <v>3</v>
      </c>
      <c r="C97" s="6">
        <v>3</v>
      </c>
      <c r="D97" s="5">
        <v>6</v>
      </c>
    </row>
    <row r="98" spans="1:4" ht="18" customHeight="1" x14ac:dyDescent="0.15">
      <c r="A98" s="8">
        <v>76</v>
      </c>
      <c r="B98" s="21">
        <v>5</v>
      </c>
      <c r="C98" s="6">
        <v>3</v>
      </c>
      <c r="D98" s="5">
        <v>8</v>
      </c>
    </row>
    <row r="99" spans="1:4" ht="18" customHeight="1" x14ac:dyDescent="0.15">
      <c r="A99" s="8">
        <v>77</v>
      </c>
      <c r="B99" s="21">
        <v>2</v>
      </c>
      <c r="C99" s="6">
        <v>6</v>
      </c>
      <c r="D99" s="5">
        <v>8</v>
      </c>
    </row>
    <row r="100" spans="1:4" ht="18" customHeight="1" x14ac:dyDescent="0.15">
      <c r="A100" s="8">
        <v>78</v>
      </c>
      <c r="B100" s="21">
        <v>6</v>
      </c>
      <c r="C100" s="6">
        <v>4</v>
      </c>
      <c r="D100" s="5">
        <v>10</v>
      </c>
    </row>
    <row r="101" spans="1:4" ht="18" customHeight="1" x14ac:dyDescent="0.15">
      <c r="A101" s="8">
        <v>79</v>
      </c>
      <c r="B101" s="21">
        <v>2</v>
      </c>
      <c r="C101" s="6">
        <v>2</v>
      </c>
      <c r="D101" s="5">
        <v>4</v>
      </c>
    </row>
    <row r="102" spans="1:4" ht="18" customHeight="1" x14ac:dyDescent="0.15">
      <c r="A102" s="8" t="s">
        <v>8</v>
      </c>
      <c r="B102" s="21">
        <v>18</v>
      </c>
      <c r="C102" s="6">
        <v>18</v>
      </c>
      <c r="D102" s="5">
        <v>36</v>
      </c>
    </row>
    <row r="103" spans="1:4" ht="18" customHeight="1" x14ac:dyDescent="0.15">
      <c r="A103" s="8">
        <v>80</v>
      </c>
      <c r="B103" s="21">
        <v>1</v>
      </c>
      <c r="C103" s="6">
        <v>2</v>
      </c>
      <c r="D103" s="5">
        <v>3</v>
      </c>
    </row>
    <row r="104" spans="1:4" ht="18" customHeight="1" x14ac:dyDescent="0.15">
      <c r="A104" s="8">
        <v>81</v>
      </c>
      <c r="B104" s="21">
        <v>2</v>
      </c>
      <c r="C104" s="6">
        <v>3</v>
      </c>
      <c r="D104" s="5">
        <v>5</v>
      </c>
    </row>
    <row r="105" spans="1:4" ht="18" customHeight="1" x14ac:dyDescent="0.15">
      <c r="A105" s="8">
        <v>82</v>
      </c>
      <c r="B105" s="21">
        <v>0</v>
      </c>
      <c r="C105" s="6">
        <v>2</v>
      </c>
      <c r="D105" s="5">
        <v>2</v>
      </c>
    </row>
    <row r="106" spans="1:4" ht="18" customHeight="1" x14ac:dyDescent="0.15">
      <c r="A106" s="8">
        <v>83</v>
      </c>
      <c r="B106" s="21">
        <v>3</v>
      </c>
      <c r="C106" s="6">
        <v>2</v>
      </c>
      <c r="D106" s="5">
        <v>5</v>
      </c>
    </row>
    <row r="107" spans="1:4" ht="18" customHeight="1" x14ac:dyDescent="0.15">
      <c r="A107" s="8">
        <v>84</v>
      </c>
      <c r="B107" s="21">
        <v>2</v>
      </c>
      <c r="C107" s="6">
        <v>3</v>
      </c>
      <c r="D107" s="5">
        <v>5</v>
      </c>
    </row>
    <row r="108" spans="1:4" ht="18" customHeight="1" x14ac:dyDescent="0.15">
      <c r="A108" s="8" t="s">
        <v>7</v>
      </c>
      <c r="B108" s="21">
        <v>8</v>
      </c>
      <c r="C108" s="6">
        <v>12</v>
      </c>
      <c r="D108" s="5">
        <v>20</v>
      </c>
    </row>
    <row r="109" spans="1:4" ht="18" customHeight="1" x14ac:dyDescent="0.15">
      <c r="A109" s="8">
        <v>85</v>
      </c>
      <c r="B109" s="21">
        <v>0</v>
      </c>
      <c r="C109" s="6">
        <v>2</v>
      </c>
      <c r="D109" s="5">
        <v>2</v>
      </c>
    </row>
    <row r="110" spans="1:4" ht="18" customHeight="1" x14ac:dyDescent="0.15">
      <c r="A110" s="8">
        <v>86</v>
      </c>
      <c r="B110" s="21">
        <v>3</v>
      </c>
      <c r="C110" s="6">
        <v>0</v>
      </c>
      <c r="D110" s="5">
        <v>3</v>
      </c>
    </row>
    <row r="111" spans="1:4" ht="18" customHeight="1" x14ac:dyDescent="0.15">
      <c r="A111" s="8">
        <v>87</v>
      </c>
      <c r="B111" s="21">
        <v>0</v>
      </c>
      <c r="C111" s="6">
        <v>1</v>
      </c>
      <c r="D111" s="5">
        <v>1</v>
      </c>
    </row>
    <row r="112" spans="1:4" ht="18" customHeight="1" x14ac:dyDescent="0.15">
      <c r="A112" s="8">
        <v>88</v>
      </c>
      <c r="B112" s="21">
        <v>1</v>
      </c>
      <c r="C112" s="6">
        <v>6</v>
      </c>
      <c r="D112" s="5">
        <v>7</v>
      </c>
    </row>
    <row r="113" spans="1:4" ht="18" customHeight="1" x14ac:dyDescent="0.15">
      <c r="A113" s="8">
        <v>89</v>
      </c>
      <c r="B113" s="21">
        <v>1</v>
      </c>
      <c r="C113" s="6">
        <v>6</v>
      </c>
      <c r="D113" s="5">
        <v>7</v>
      </c>
    </row>
    <row r="114" spans="1:4" ht="18" customHeight="1" x14ac:dyDescent="0.15">
      <c r="A114" s="8" t="s">
        <v>6</v>
      </c>
      <c r="B114" s="21">
        <v>5</v>
      </c>
      <c r="C114" s="6">
        <v>15</v>
      </c>
      <c r="D114" s="5">
        <v>20</v>
      </c>
    </row>
    <row r="115" spans="1:4" ht="18" customHeight="1" x14ac:dyDescent="0.15">
      <c r="A115" s="8">
        <v>90</v>
      </c>
      <c r="B115" s="21">
        <v>0</v>
      </c>
      <c r="C115" s="6">
        <v>1</v>
      </c>
      <c r="D115" s="5">
        <v>1</v>
      </c>
    </row>
    <row r="116" spans="1:4" ht="18" customHeight="1" x14ac:dyDescent="0.15">
      <c r="A116" s="8">
        <v>91</v>
      </c>
      <c r="B116" s="21">
        <v>1</v>
      </c>
      <c r="C116" s="6">
        <v>4</v>
      </c>
      <c r="D116" s="5">
        <v>5</v>
      </c>
    </row>
    <row r="117" spans="1:4" ht="18" customHeight="1" x14ac:dyDescent="0.15">
      <c r="A117" s="8">
        <v>92</v>
      </c>
      <c r="B117" s="21">
        <v>1</v>
      </c>
      <c r="C117" s="6">
        <v>2</v>
      </c>
      <c r="D117" s="5">
        <v>3</v>
      </c>
    </row>
    <row r="118" spans="1:4" ht="18" customHeight="1" x14ac:dyDescent="0.15">
      <c r="A118" s="8">
        <v>93</v>
      </c>
      <c r="B118" s="21">
        <v>0</v>
      </c>
      <c r="C118" s="6">
        <v>2</v>
      </c>
      <c r="D118" s="5">
        <v>2</v>
      </c>
    </row>
    <row r="119" spans="1:4" ht="18" customHeight="1" x14ac:dyDescent="0.15">
      <c r="A119" s="8">
        <v>94</v>
      </c>
      <c r="B119" s="21">
        <v>0</v>
      </c>
      <c r="C119" s="6">
        <v>1</v>
      </c>
      <c r="D119" s="5">
        <v>1</v>
      </c>
    </row>
    <row r="120" spans="1:4" ht="18" customHeight="1" x14ac:dyDescent="0.15">
      <c r="A120" s="8" t="s">
        <v>5</v>
      </c>
      <c r="B120" s="21">
        <v>2</v>
      </c>
      <c r="C120" s="6">
        <v>10</v>
      </c>
      <c r="D120" s="5">
        <v>12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3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5</v>
      </c>
      <c r="D126" s="5">
        <v>5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52</v>
      </c>
      <c r="C130" s="6">
        <v>80</v>
      </c>
      <c r="D130" s="5">
        <v>132</v>
      </c>
    </row>
    <row r="131" spans="1:4" ht="18" customHeight="1" x14ac:dyDescent="0.15">
      <c r="A131" s="4" t="s">
        <v>0</v>
      </c>
      <c r="B131" s="20">
        <v>124</v>
      </c>
      <c r="C131" s="2">
        <v>128</v>
      </c>
      <c r="D131" s="1">
        <v>25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458C45-A77C-487D-B7E1-0556F9BD277C}">
  <sheetPr codeName="Sheet6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1</v>
      </c>
      <c r="D5" s="30">
        <v>1</v>
      </c>
    </row>
    <row r="6" spans="1:4" ht="18" customHeight="1" x14ac:dyDescent="0.15">
      <c r="A6" s="8">
        <v>1</v>
      </c>
      <c r="B6" s="26">
        <v>2</v>
      </c>
      <c r="C6" s="6">
        <v>0</v>
      </c>
      <c r="D6" s="5">
        <v>2</v>
      </c>
    </row>
    <row r="7" spans="1:4" ht="18" customHeight="1" x14ac:dyDescent="0.15">
      <c r="A7" s="8">
        <v>2</v>
      </c>
      <c r="B7" s="26">
        <v>0</v>
      </c>
      <c r="C7" s="6">
        <v>1</v>
      </c>
      <c r="D7" s="5">
        <v>1</v>
      </c>
    </row>
    <row r="8" spans="1:4" ht="18" customHeight="1" x14ac:dyDescent="0.15">
      <c r="A8" s="8">
        <v>3</v>
      </c>
      <c r="B8" s="26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9">
        <v>1</v>
      </c>
      <c r="C9" s="28">
        <v>1</v>
      </c>
      <c r="D9" s="27">
        <v>2</v>
      </c>
    </row>
    <row r="10" spans="1:4" ht="18" customHeight="1" x14ac:dyDescent="0.15">
      <c r="A10" s="8" t="s">
        <v>25</v>
      </c>
      <c r="B10" s="21">
        <v>4</v>
      </c>
      <c r="C10" s="6">
        <v>3</v>
      </c>
      <c r="D10" s="5">
        <v>7</v>
      </c>
    </row>
    <row r="11" spans="1:4" ht="18" customHeight="1" x14ac:dyDescent="0.15">
      <c r="A11" s="8">
        <v>5</v>
      </c>
      <c r="B11" s="26">
        <v>1</v>
      </c>
      <c r="C11" s="6">
        <v>0</v>
      </c>
      <c r="D11" s="5">
        <v>1</v>
      </c>
    </row>
    <row r="12" spans="1:4" ht="18" customHeight="1" x14ac:dyDescent="0.15">
      <c r="A12" s="8">
        <v>6</v>
      </c>
      <c r="B12" s="26">
        <v>3</v>
      </c>
      <c r="C12" s="6">
        <v>1</v>
      </c>
      <c r="D12" s="5">
        <v>4</v>
      </c>
    </row>
    <row r="13" spans="1:4" ht="18" customHeight="1" x14ac:dyDescent="0.15">
      <c r="A13" s="8">
        <v>7</v>
      </c>
      <c r="B13" s="26">
        <v>0</v>
      </c>
      <c r="C13" s="6">
        <v>1</v>
      </c>
      <c r="D13" s="5">
        <v>1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5</v>
      </c>
      <c r="C16" s="6">
        <v>3</v>
      </c>
      <c r="D16" s="5">
        <v>8</v>
      </c>
    </row>
    <row r="17" spans="1:4" ht="18" customHeight="1" x14ac:dyDescent="0.15">
      <c r="A17" s="8">
        <v>10</v>
      </c>
      <c r="B17" s="21">
        <v>1</v>
      </c>
      <c r="C17" s="6">
        <v>1</v>
      </c>
      <c r="D17" s="5">
        <v>2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1</v>
      </c>
      <c r="C19" s="6">
        <v>1</v>
      </c>
      <c r="D19" s="5">
        <v>2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1</v>
      </c>
      <c r="C21" s="6">
        <v>1</v>
      </c>
      <c r="D21" s="5">
        <v>2</v>
      </c>
    </row>
    <row r="22" spans="1:4" ht="18" customHeight="1" x14ac:dyDescent="0.15">
      <c r="A22" s="8" t="s">
        <v>23</v>
      </c>
      <c r="B22" s="21">
        <v>3</v>
      </c>
      <c r="C22" s="6">
        <v>3</v>
      </c>
      <c r="D22" s="5">
        <v>6</v>
      </c>
    </row>
    <row r="23" spans="1:4" ht="18" customHeight="1" x14ac:dyDescent="0.15">
      <c r="A23" s="8" t="s">
        <v>22</v>
      </c>
      <c r="B23" s="21">
        <v>12</v>
      </c>
      <c r="C23" s="6">
        <v>9</v>
      </c>
      <c r="D23" s="5">
        <v>21</v>
      </c>
    </row>
    <row r="24" spans="1:4" ht="18" customHeight="1" x14ac:dyDescent="0.15">
      <c r="A24" s="8">
        <v>15</v>
      </c>
      <c r="B24" s="21">
        <v>1</v>
      </c>
      <c r="C24" s="6">
        <v>0</v>
      </c>
      <c r="D24" s="5">
        <v>1</v>
      </c>
    </row>
    <row r="25" spans="1:4" ht="18" customHeight="1" x14ac:dyDescent="0.15">
      <c r="A25" s="8">
        <v>16</v>
      </c>
      <c r="B25" s="21">
        <v>2</v>
      </c>
      <c r="C25" s="6">
        <v>0</v>
      </c>
      <c r="D25" s="5">
        <v>2</v>
      </c>
    </row>
    <row r="26" spans="1:4" ht="18" customHeight="1" x14ac:dyDescent="0.15">
      <c r="A26" s="8">
        <v>17</v>
      </c>
      <c r="B26" s="21">
        <v>0</v>
      </c>
      <c r="C26" s="6">
        <v>2</v>
      </c>
      <c r="D26" s="5">
        <v>2</v>
      </c>
    </row>
    <row r="27" spans="1:4" ht="18" customHeight="1" x14ac:dyDescent="0.15">
      <c r="A27" s="8">
        <v>18</v>
      </c>
      <c r="B27" s="21">
        <v>1</v>
      </c>
      <c r="C27" s="6">
        <v>3</v>
      </c>
      <c r="D27" s="5">
        <v>4</v>
      </c>
    </row>
    <row r="28" spans="1:4" ht="18" customHeight="1" x14ac:dyDescent="0.15">
      <c r="A28" s="8">
        <v>19</v>
      </c>
      <c r="B28" s="21">
        <v>0</v>
      </c>
      <c r="C28" s="6">
        <v>0</v>
      </c>
      <c r="D28" s="5">
        <v>0</v>
      </c>
    </row>
    <row r="29" spans="1:4" ht="18" customHeight="1" x14ac:dyDescent="0.15">
      <c r="A29" s="8" t="s">
        <v>21</v>
      </c>
      <c r="B29" s="21">
        <v>4</v>
      </c>
      <c r="C29" s="6">
        <v>5</v>
      </c>
      <c r="D29" s="5">
        <v>9</v>
      </c>
    </row>
    <row r="30" spans="1:4" ht="18" customHeight="1" x14ac:dyDescent="0.15">
      <c r="A30" s="8">
        <v>20</v>
      </c>
      <c r="B30" s="21">
        <v>2</v>
      </c>
      <c r="C30" s="6">
        <v>0</v>
      </c>
      <c r="D30" s="5">
        <v>2</v>
      </c>
    </row>
    <row r="31" spans="1:4" ht="18" customHeight="1" x14ac:dyDescent="0.15">
      <c r="A31" s="8">
        <v>21</v>
      </c>
      <c r="B31" s="21">
        <v>0</v>
      </c>
      <c r="C31" s="6">
        <v>1</v>
      </c>
      <c r="D31" s="5">
        <v>1</v>
      </c>
    </row>
    <row r="32" spans="1:4" ht="18" customHeight="1" x14ac:dyDescent="0.15">
      <c r="A32" s="8">
        <v>22</v>
      </c>
      <c r="B32" s="21">
        <v>0</v>
      </c>
      <c r="C32" s="6">
        <v>0</v>
      </c>
      <c r="D32" s="5">
        <v>0</v>
      </c>
    </row>
    <row r="33" spans="1:4" ht="18" customHeight="1" x14ac:dyDescent="0.15">
      <c r="A33" s="8">
        <v>23</v>
      </c>
      <c r="B33" s="21">
        <v>0</v>
      </c>
      <c r="C33" s="6">
        <v>1</v>
      </c>
      <c r="D33" s="5">
        <v>1</v>
      </c>
    </row>
    <row r="34" spans="1:4" ht="18" customHeight="1" x14ac:dyDescent="0.15">
      <c r="A34" s="8">
        <v>24</v>
      </c>
      <c r="B34" s="21">
        <v>0</v>
      </c>
      <c r="C34" s="6">
        <v>1</v>
      </c>
      <c r="D34" s="5">
        <v>1</v>
      </c>
    </row>
    <row r="35" spans="1:4" ht="18" customHeight="1" x14ac:dyDescent="0.15">
      <c r="A35" s="8" t="s">
        <v>20</v>
      </c>
      <c r="B35" s="21">
        <v>2</v>
      </c>
      <c r="C35" s="6">
        <v>3</v>
      </c>
      <c r="D35" s="5">
        <v>5</v>
      </c>
    </row>
    <row r="36" spans="1:4" ht="18" customHeight="1" x14ac:dyDescent="0.15">
      <c r="A36" s="8">
        <v>25</v>
      </c>
      <c r="B36" s="21">
        <v>1</v>
      </c>
      <c r="C36" s="6">
        <v>0</v>
      </c>
      <c r="D36" s="5">
        <v>1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1</v>
      </c>
      <c r="C39" s="6">
        <v>0</v>
      </c>
      <c r="D39" s="5">
        <v>1</v>
      </c>
    </row>
    <row r="40" spans="1:4" ht="18" customHeight="1" x14ac:dyDescent="0.15">
      <c r="A40" s="8">
        <v>29</v>
      </c>
      <c r="B40" s="21">
        <v>1</v>
      </c>
      <c r="C40" s="6">
        <v>0</v>
      </c>
      <c r="D40" s="5">
        <v>1</v>
      </c>
    </row>
    <row r="41" spans="1:4" ht="18" customHeight="1" x14ac:dyDescent="0.15">
      <c r="A41" s="8" t="s">
        <v>19</v>
      </c>
      <c r="B41" s="21">
        <v>3</v>
      </c>
      <c r="C41" s="6">
        <v>0</v>
      </c>
      <c r="D41" s="5">
        <v>3</v>
      </c>
    </row>
    <row r="42" spans="1:4" ht="18" customHeight="1" x14ac:dyDescent="0.15">
      <c r="A42" s="8">
        <v>30</v>
      </c>
      <c r="B42" s="21">
        <v>5</v>
      </c>
      <c r="C42" s="6">
        <v>0</v>
      </c>
      <c r="D42" s="5">
        <v>5</v>
      </c>
    </row>
    <row r="43" spans="1:4" ht="18" customHeight="1" x14ac:dyDescent="0.15">
      <c r="A43" s="8">
        <v>31</v>
      </c>
      <c r="B43" s="21">
        <v>1</v>
      </c>
      <c r="C43" s="6">
        <v>0</v>
      </c>
      <c r="D43" s="5">
        <v>1</v>
      </c>
    </row>
    <row r="44" spans="1:4" ht="18" customHeight="1" x14ac:dyDescent="0.15">
      <c r="A44" s="8">
        <v>32</v>
      </c>
      <c r="B44" s="21">
        <v>1</v>
      </c>
      <c r="C44" s="6">
        <v>0</v>
      </c>
      <c r="D44" s="5">
        <v>1</v>
      </c>
    </row>
    <row r="45" spans="1:4" ht="18" customHeight="1" x14ac:dyDescent="0.15">
      <c r="A45" s="8">
        <v>33</v>
      </c>
      <c r="B45" s="21">
        <v>1</v>
      </c>
      <c r="C45" s="6">
        <v>1</v>
      </c>
      <c r="D45" s="5">
        <v>2</v>
      </c>
    </row>
    <row r="46" spans="1:4" ht="18" customHeight="1" x14ac:dyDescent="0.15">
      <c r="A46" s="8">
        <v>34</v>
      </c>
      <c r="B46" s="21">
        <v>0</v>
      </c>
      <c r="C46" s="6">
        <v>0</v>
      </c>
      <c r="D46" s="5">
        <v>0</v>
      </c>
    </row>
    <row r="47" spans="1:4" ht="18" customHeight="1" x14ac:dyDescent="0.15">
      <c r="A47" s="8" t="s">
        <v>18</v>
      </c>
      <c r="B47" s="21">
        <v>8</v>
      </c>
      <c r="C47" s="6">
        <v>1</v>
      </c>
      <c r="D47" s="5">
        <v>9</v>
      </c>
    </row>
    <row r="48" spans="1:4" ht="18" customHeight="1" x14ac:dyDescent="0.15">
      <c r="A48" s="8">
        <v>35</v>
      </c>
      <c r="B48" s="21">
        <v>0</v>
      </c>
      <c r="C48" s="6">
        <v>0</v>
      </c>
      <c r="D48" s="5">
        <v>0</v>
      </c>
    </row>
    <row r="49" spans="1:4" ht="18" customHeight="1" x14ac:dyDescent="0.15">
      <c r="A49" s="8">
        <v>36</v>
      </c>
      <c r="B49" s="21">
        <v>0</v>
      </c>
      <c r="C49" s="6">
        <v>2</v>
      </c>
      <c r="D49" s="5">
        <v>2</v>
      </c>
    </row>
    <row r="50" spans="1:4" ht="18" customHeight="1" x14ac:dyDescent="0.15">
      <c r="A50" s="8">
        <v>37</v>
      </c>
      <c r="B50" s="21">
        <v>5</v>
      </c>
      <c r="C50" s="6">
        <v>2</v>
      </c>
      <c r="D50" s="5">
        <v>7</v>
      </c>
    </row>
    <row r="51" spans="1:4" ht="18" customHeight="1" x14ac:dyDescent="0.15">
      <c r="A51" s="8">
        <v>38</v>
      </c>
      <c r="B51" s="21">
        <v>2</v>
      </c>
      <c r="C51" s="6">
        <v>1</v>
      </c>
      <c r="D51" s="5">
        <v>3</v>
      </c>
    </row>
    <row r="52" spans="1:4" ht="18" customHeight="1" x14ac:dyDescent="0.15">
      <c r="A52" s="8">
        <v>39</v>
      </c>
      <c r="B52" s="21">
        <v>3</v>
      </c>
      <c r="C52" s="6">
        <v>2</v>
      </c>
      <c r="D52" s="5">
        <v>5</v>
      </c>
    </row>
    <row r="53" spans="1:4" ht="18" customHeight="1" x14ac:dyDescent="0.15">
      <c r="A53" s="8" t="s">
        <v>17</v>
      </c>
      <c r="B53" s="21">
        <v>10</v>
      </c>
      <c r="C53" s="6">
        <v>7</v>
      </c>
      <c r="D53" s="5">
        <v>17</v>
      </c>
    </row>
    <row r="54" spans="1:4" ht="18" customHeight="1" x14ac:dyDescent="0.15">
      <c r="A54" s="8">
        <v>40</v>
      </c>
      <c r="B54" s="21">
        <v>0</v>
      </c>
      <c r="C54" s="6">
        <v>2</v>
      </c>
      <c r="D54" s="5">
        <v>2</v>
      </c>
    </row>
    <row r="55" spans="1:4" ht="18" customHeight="1" x14ac:dyDescent="0.15">
      <c r="A55" s="8">
        <v>41</v>
      </c>
      <c r="B55" s="21">
        <v>2</v>
      </c>
      <c r="C55" s="6">
        <v>1</v>
      </c>
      <c r="D55" s="5">
        <v>3</v>
      </c>
    </row>
    <row r="56" spans="1:4" ht="18" customHeight="1" x14ac:dyDescent="0.15">
      <c r="A56" s="8">
        <v>42</v>
      </c>
      <c r="B56" s="21">
        <v>0</v>
      </c>
      <c r="C56" s="6">
        <v>4</v>
      </c>
      <c r="D56" s="5">
        <v>4</v>
      </c>
    </row>
    <row r="57" spans="1:4" ht="18" customHeight="1" x14ac:dyDescent="0.15">
      <c r="A57" s="8">
        <v>43</v>
      </c>
      <c r="B57" s="21">
        <v>2</v>
      </c>
      <c r="C57" s="6">
        <v>0</v>
      </c>
      <c r="D57" s="5">
        <v>2</v>
      </c>
    </row>
    <row r="58" spans="1:4" ht="18" customHeight="1" x14ac:dyDescent="0.15">
      <c r="A58" s="8">
        <v>44</v>
      </c>
      <c r="B58" s="21">
        <v>0</v>
      </c>
      <c r="C58" s="6">
        <v>0</v>
      </c>
      <c r="D58" s="5">
        <v>0</v>
      </c>
    </row>
    <row r="59" spans="1:4" ht="18" customHeight="1" x14ac:dyDescent="0.15">
      <c r="A59" s="8" t="s">
        <v>16</v>
      </c>
      <c r="B59" s="21">
        <v>4</v>
      </c>
      <c r="C59" s="6">
        <v>7</v>
      </c>
      <c r="D59" s="5">
        <v>11</v>
      </c>
    </row>
    <row r="60" spans="1:4" ht="18" customHeight="1" x14ac:dyDescent="0.15">
      <c r="A60" s="8">
        <v>45</v>
      </c>
      <c r="B60" s="21">
        <v>3</v>
      </c>
      <c r="C60" s="6">
        <v>0</v>
      </c>
      <c r="D60" s="5">
        <v>3</v>
      </c>
    </row>
    <row r="61" spans="1:4" ht="18" customHeight="1" x14ac:dyDescent="0.15">
      <c r="A61" s="8">
        <v>46</v>
      </c>
      <c r="B61" s="21">
        <v>2</v>
      </c>
      <c r="C61" s="6">
        <v>1</v>
      </c>
      <c r="D61" s="5">
        <v>3</v>
      </c>
    </row>
    <row r="62" spans="1:4" ht="18" customHeight="1" x14ac:dyDescent="0.15">
      <c r="A62" s="8">
        <v>47</v>
      </c>
      <c r="B62" s="21">
        <v>1</v>
      </c>
      <c r="C62" s="6">
        <v>1</v>
      </c>
      <c r="D62" s="5">
        <v>2</v>
      </c>
    </row>
    <row r="63" spans="1:4" ht="18" customHeight="1" x14ac:dyDescent="0.15">
      <c r="A63" s="8">
        <v>48</v>
      </c>
      <c r="B63" s="21">
        <v>1</v>
      </c>
      <c r="C63" s="6">
        <v>2</v>
      </c>
      <c r="D63" s="5">
        <v>3</v>
      </c>
    </row>
    <row r="64" spans="1:4" ht="18" customHeight="1" x14ac:dyDescent="0.15">
      <c r="A64" s="8">
        <v>49</v>
      </c>
      <c r="B64" s="21">
        <v>1</v>
      </c>
      <c r="C64" s="6">
        <v>0</v>
      </c>
      <c r="D64" s="5">
        <v>1</v>
      </c>
    </row>
    <row r="65" spans="1:4" ht="18" customHeight="1" x14ac:dyDescent="0.15">
      <c r="A65" s="8" t="s">
        <v>15</v>
      </c>
      <c r="B65" s="21">
        <v>8</v>
      </c>
      <c r="C65" s="6">
        <v>4</v>
      </c>
      <c r="D65" s="5">
        <v>12</v>
      </c>
    </row>
    <row r="66" spans="1:4" ht="18" customHeight="1" x14ac:dyDescent="0.15">
      <c r="A66" s="8">
        <v>50</v>
      </c>
      <c r="B66" s="21">
        <v>1</v>
      </c>
      <c r="C66" s="6">
        <v>1</v>
      </c>
      <c r="D66" s="5">
        <v>2</v>
      </c>
    </row>
    <row r="67" spans="1:4" ht="18" customHeight="1" x14ac:dyDescent="0.15">
      <c r="A67" s="8">
        <v>51</v>
      </c>
      <c r="B67" s="21">
        <v>2</v>
      </c>
      <c r="C67" s="6">
        <v>1</v>
      </c>
      <c r="D67" s="5">
        <v>3</v>
      </c>
    </row>
    <row r="68" spans="1:4" ht="18" customHeight="1" x14ac:dyDescent="0.15">
      <c r="A68" s="8">
        <v>52</v>
      </c>
      <c r="B68" s="21">
        <v>1</v>
      </c>
      <c r="C68" s="6">
        <v>1</v>
      </c>
      <c r="D68" s="5">
        <v>2</v>
      </c>
    </row>
    <row r="69" spans="1:4" ht="18" customHeight="1" x14ac:dyDescent="0.15">
      <c r="A69" s="8">
        <v>53</v>
      </c>
      <c r="B69" s="21">
        <v>0</v>
      </c>
      <c r="C69" s="6">
        <v>2</v>
      </c>
      <c r="D69" s="5">
        <v>2</v>
      </c>
    </row>
    <row r="70" spans="1:4" ht="18" customHeight="1" x14ac:dyDescent="0.15">
      <c r="A70" s="8">
        <v>54</v>
      </c>
      <c r="B70" s="21">
        <v>2</v>
      </c>
      <c r="C70" s="6">
        <v>1</v>
      </c>
      <c r="D70" s="5">
        <v>3</v>
      </c>
    </row>
    <row r="71" spans="1:4" ht="18" customHeight="1" x14ac:dyDescent="0.15">
      <c r="A71" s="8" t="s">
        <v>14</v>
      </c>
      <c r="B71" s="21">
        <v>6</v>
      </c>
      <c r="C71" s="6">
        <v>6</v>
      </c>
      <c r="D71" s="5">
        <v>12</v>
      </c>
    </row>
    <row r="72" spans="1:4" ht="18" customHeight="1" x14ac:dyDescent="0.15">
      <c r="A72" s="8">
        <v>55</v>
      </c>
      <c r="B72" s="21">
        <v>1</v>
      </c>
      <c r="C72" s="6">
        <v>1</v>
      </c>
      <c r="D72" s="5">
        <v>2</v>
      </c>
    </row>
    <row r="73" spans="1:4" ht="18" customHeight="1" x14ac:dyDescent="0.15">
      <c r="A73" s="8">
        <v>56</v>
      </c>
      <c r="B73" s="21">
        <v>1</v>
      </c>
      <c r="C73" s="6">
        <v>1</v>
      </c>
      <c r="D73" s="5">
        <v>2</v>
      </c>
    </row>
    <row r="74" spans="1:4" ht="18" customHeight="1" x14ac:dyDescent="0.15">
      <c r="A74" s="8">
        <v>57</v>
      </c>
      <c r="B74" s="21">
        <v>0</v>
      </c>
      <c r="C74" s="6">
        <v>3</v>
      </c>
      <c r="D74" s="5">
        <v>3</v>
      </c>
    </row>
    <row r="75" spans="1:4" ht="18" customHeight="1" x14ac:dyDescent="0.15">
      <c r="A75" s="8">
        <v>58</v>
      </c>
      <c r="B75" s="21">
        <v>0</v>
      </c>
      <c r="C75" s="6">
        <v>0</v>
      </c>
      <c r="D75" s="5">
        <v>0</v>
      </c>
    </row>
    <row r="76" spans="1:4" ht="18" customHeight="1" x14ac:dyDescent="0.15">
      <c r="A76" s="8">
        <v>59</v>
      </c>
      <c r="B76" s="21">
        <v>0</v>
      </c>
      <c r="C76" s="6">
        <v>1</v>
      </c>
      <c r="D76" s="5">
        <v>1</v>
      </c>
    </row>
    <row r="77" spans="1:4" ht="18" customHeight="1" x14ac:dyDescent="0.15">
      <c r="A77" s="8" t="s">
        <v>13</v>
      </c>
      <c r="B77" s="21">
        <v>2</v>
      </c>
      <c r="C77" s="6">
        <v>6</v>
      </c>
      <c r="D77" s="5">
        <v>8</v>
      </c>
    </row>
    <row r="78" spans="1:4" ht="18" customHeight="1" x14ac:dyDescent="0.15">
      <c r="A78" s="8">
        <v>60</v>
      </c>
      <c r="B78" s="21">
        <v>1</v>
      </c>
      <c r="C78" s="6">
        <v>1</v>
      </c>
      <c r="D78" s="5">
        <v>2</v>
      </c>
    </row>
    <row r="79" spans="1:4" ht="18" customHeight="1" x14ac:dyDescent="0.15">
      <c r="A79" s="8">
        <v>61</v>
      </c>
      <c r="B79" s="21">
        <v>1</v>
      </c>
      <c r="C79" s="6">
        <v>1</v>
      </c>
      <c r="D79" s="5">
        <v>2</v>
      </c>
    </row>
    <row r="80" spans="1:4" ht="18" customHeight="1" x14ac:dyDescent="0.15">
      <c r="A80" s="8">
        <v>62</v>
      </c>
      <c r="B80" s="21">
        <v>1</v>
      </c>
      <c r="C80" s="6">
        <v>1</v>
      </c>
      <c r="D80" s="5">
        <v>2</v>
      </c>
    </row>
    <row r="81" spans="1:4" ht="18" customHeight="1" x14ac:dyDescent="0.15">
      <c r="A81" s="8">
        <v>63</v>
      </c>
      <c r="B81" s="21">
        <v>4</v>
      </c>
      <c r="C81" s="6">
        <v>3</v>
      </c>
      <c r="D81" s="5">
        <v>7</v>
      </c>
    </row>
    <row r="82" spans="1:4" ht="18" customHeight="1" x14ac:dyDescent="0.15">
      <c r="A82" s="8">
        <v>64</v>
      </c>
      <c r="B82" s="21">
        <v>3</v>
      </c>
      <c r="C82" s="6">
        <v>3</v>
      </c>
      <c r="D82" s="5">
        <v>6</v>
      </c>
    </row>
    <row r="83" spans="1:4" ht="18" customHeight="1" x14ac:dyDescent="0.15">
      <c r="A83" s="8" t="s">
        <v>12</v>
      </c>
      <c r="B83" s="21">
        <v>10</v>
      </c>
      <c r="C83" s="6">
        <v>9</v>
      </c>
      <c r="D83" s="5">
        <v>19</v>
      </c>
    </row>
    <row r="84" spans="1:4" ht="18" customHeight="1" x14ac:dyDescent="0.15">
      <c r="A84" s="8" t="s">
        <v>11</v>
      </c>
      <c r="B84" s="21">
        <v>57</v>
      </c>
      <c r="C84" s="6">
        <v>48</v>
      </c>
      <c r="D84" s="5">
        <v>105</v>
      </c>
    </row>
    <row r="85" spans="1:4" ht="18" customHeight="1" x14ac:dyDescent="0.15">
      <c r="A85" s="8">
        <v>65</v>
      </c>
      <c r="B85" s="21">
        <v>2</v>
      </c>
      <c r="C85" s="6">
        <v>2</v>
      </c>
      <c r="D85" s="5">
        <v>4</v>
      </c>
    </row>
    <row r="86" spans="1:4" ht="18" customHeight="1" x14ac:dyDescent="0.15">
      <c r="A86" s="8">
        <v>66</v>
      </c>
      <c r="B86" s="21">
        <v>4</v>
      </c>
      <c r="C86" s="6">
        <v>4</v>
      </c>
      <c r="D86" s="5">
        <v>8</v>
      </c>
    </row>
    <row r="87" spans="1:4" ht="18" customHeight="1" x14ac:dyDescent="0.15">
      <c r="A87" s="8">
        <v>67</v>
      </c>
      <c r="B87" s="21">
        <v>2</v>
      </c>
      <c r="C87" s="6">
        <v>1</v>
      </c>
      <c r="D87" s="5">
        <v>3</v>
      </c>
    </row>
    <row r="88" spans="1:4" ht="18" customHeight="1" x14ac:dyDescent="0.15">
      <c r="A88" s="8">
        <v>68</v>
      </c>
      <c r="B88" s="21">
        <v>4</v>
      </c>
      <c r="C88" s="6">
        <v>0</v>
      </c>
      <c r="D88" s="5">
        <v>4</v>
      </c>
    </row>
    <row r="89" spans="1:4" ht="18" customHeight="1" x14ac:dyDescent="0.15">
      <c r="A89" s="8">
        <v>69</v>
      </c>
      <c r="B89" s="21">
        <v>0</v>
      </c>
      <c r="C89" s="6">
        <v>1</v>
      </c>
      <c r="D89" s="5">
        <v>1</v>
      </c>
    </row>
    <row r="90" spans="1:4" ht="18" customHeight="1" x14ac:dyDescent="0.15">
      <c r="A90" s="8" t="s">
        <v>10</v>
      </c>
      <c r="B90" s="21">
        <v>12</v>
      </c>
      <c r="C90" s="6">
        <v>8</v>
      </c>
      <c r="D90" s="5">
        <v>20</v>
      </c>
    </row>
    <row r="91" spans="1:4" ht="18" customHeight="1" x14ac:dyDescent="0.15">
      <c r="A91" s="8">
        <v>70</v>
      </c>
      <c r="B91" s="21">
        <v>0</v>
      </c>
      <c r="C91" s="6">
        <v>5</v>
      </c>
      <c r="D91" s="5">
        <v>5</v>
      </c>
    </row>
    <row r="92" spans="1:4" ht="18" customHeight="1" x14ac:dyDescent="0.15">
      <c r="A92" s="8">
        <v>71</v>
      </c>
      <c r="B92" s="21">
        <v>3</v>
      </c>
      <c r="C92" s="6">
        <v>1</v>
      </c>
      <c r="D92" s="5">
        <v>4</v>
      </c>
    </row>
    <row r="93" spans="1:4" ht="18" customHeight="1" x14ac:dyDescent="0.15">
      <c r="A93" s="8">
        <v>72</v>
      </c>
      <c r="B93" s="21">
        <v>3</v>
      </c>
      <c r="C93" s="6">
        <v>1</v>
      </c>
      <c r="D93" s="5">
        <v>4</v>
      </c>
    </row>
    <row r="94" spans="1:4" ht="18" customHeight="1" x14ac:dyDescent="0.15">
      <c r="A94" s="8">
        <v>73</v>
      </c>
      <c r="B94" s="21">
        <v>1</v>
      </c>
      <c r="C94" s="6">
        <v>1</v>
      </c>
      <c r="D94" s="5">
        <v>2</v>
      </c>
    </row>
    <row r="95" spans="1:4" ht="18" customHeight="1" x14ac:dyDescent="0.15">
      <c r="A95" s="8">
        <v>74</v>
      </c>
      <c r="B95" s="21">
        <v>2</v>
      </c>
      <c r="C95" s="6">
        <v>2</v>
      </c>
      <c r="D95" s="5">
        <v>4</v>
      </c>
    </row>
    <row r="96" spans="1:4" ht="18" customHeight="1" x14ac:dyDescent="0.15">
      <c r="A96" s="8" t="s">
        <v>9</v>
      </c>
      <c r="B96" s="21">
        <v>9</v>
      </c>
      <c r="C96" s="6">
        <v>10</v>
      </c>
      <c r="D96" s="5">
        <v>19</v>
      </c>
    </row>
    <row r="97" spans="1:4" ht="18" customHeight="1" x14ac:dyDescent="0.15">
      <c r="A97" s="8">
        <v>75</v>
      </c>
      <c r="B97" s="21">
        <v>4</v>
      </c>
      <c r="C97" s="6">
        <v>2</v>
      </c>
      <c r="D97" s="5">
        <v>6</v>
      </c>
    </row>
    <row r="98" spans="1:4" ht="18" customHeight="1" x14ac:dyDescent="0.15">
      <c r="A98" s="8">
        <v>76</v>
      </c>
      <c r="B98" s="21">
        <v>4</v>
      </c>
      <c r="C98" s="6">
        <v>2</v>
      </c>
      <c r="D98" s="5">
        <v>6</v>
      </c>
    </row>
    <row r="99" spans="1:4" ht="18" customHeight="1" x14ac:dyDescent="0.15">
      <c r="A99" s="8">
        <v>77</v>
      </c>
      <c r="B99" s="21">
        <v>3</v>
      </c>
      <c r="C99" s="6">
        <v>1</v>
      </c>
      <c r="D99" s="5">
        <v>4</v>
      </c>
    </row>
    <row r="100" spans="1:4" ht="18" customHeight="1" x14ac:dyDescent="0.15">
      <c r="A100" s="8">
        <v>78</v>
      </c>
      <c r="B100" s="21">
        <v>4</v>
      </c>
      <c r="C100" s="6">
        <v>2</v>
      </c>
      <c r="D100" s="5">
        <v>6</v>
      </c>
    </row>
    <row r="101" spans="1:4" ht="18" customHeight="1" x14ac:dyDescent="0.15">
      <c r="A101" s="8">
        <v>79</v>
      </c>
      <c r="B101" s="21">
        <v>0</v>
      </c>
      <c r="C101" s="6">
        <v>1</v>
      </c>
      <c r="D101" s="5">
        <v>1</v>
      </c>
    </row>
    <row r="102" spans="1:4" ht="18" customHeight="1" x14ac:dyDescent="0.15">
      <c r="A102" s="8" t="s">
        <v>8</v>
      </c>
      <c r="B102" s="21">
        <v>15</v>
      </c>
      <c r="C102" s="6">
        <v>8</v>
      </c>
      <c r="D102" s="5">
        <v>23</v>
      </c>
    </row>
    <row r="103" spans="1:4" ht="18" customHeight="1" x14ac:dyDescent="0.15">
      <c r="A103" s="8">
        <v>80</v>
      </c>
      <c r="B103" s="21">
        <v>1</v>
      </c>
      <c r="C103" s="6">
        <v>2</v>
      </c>
      <c r="D103" s="5">
        <v>3</v>
      </c>
    </row>
    <row r="104" spans="1:4" ht="18" customHeight="1" x14ac:dyDescent="0.15">
      <c r="A104" s="8">
        <v>81</v>
      </c>
      <c r="B104" s="21">
        <v>1</v>
      </c>
      <c r="C104" s="6">
        <v>1</v>
      </c>
      <c r="D104" s="5">
        <v>2</v>
      </c>
    </row>
    <row r="105" spans="1:4" ht="18" customHeight="1" x14ac:dyDescent="0.15">
      <c r="A105" s="8">
        <v>82</v>
      </c>
      <c r="B105" s="21">
        <v>1</v>
      </c>
      <c r="C105" s="6">
        <v>5</v>
      </c>
      <c r="D105" s="5">
        <v>6</v>
      </c>
    </row>
    <row r="106" spans="1:4" ht="18" customHeight="1" x14ac:dyDescent="0.15">
      <c r="A106" s="8">
        <v>83</v>
      </c>
      <c r="B106" s="21">
        <v>2</v>
      </c>
      <c r="C106" s="6">
        <v>1</v>
      </c>
      <c r="D106" s="5">
        <v>3</v>
      </c>
    </row>
    <row r="107" spans="1:4" ht="18" customHeight="1" x14ac:dyDescent="0.15">
      <c r="A107" s="8">
        <v>84</v>
      </c>
      <c r="B107" s="21">
        <v>1</v>
      </c>
      <c r="C107" s="6">
        <v>1</v>
      </c>
      <c r="D107" s="5">
        <v>2</v>
      </c>
    </row>
    <row r="108" spans="1:4" ht="18" customHeight="1" x14ac:dyDescent="0.15">
      <c r="A108" s="8" t="s">
        <v>7</v>
      </c>
      <c r="B108" s="21">
        <v>6</v>
      </c>
      <c r="C108" s="6">
        <v>10</v>
      </c>
      <c r="D108" s="5">
        <v>16</v>
      </c>
    </row>
    <row r="109" spans="1:4" ht="18" customHeight="1" x14ac:dyDescent="0.15">
      <c r="A109" s="8">
        <v>85</v>
      </c>
      <c r="B109" s="21">
        <v>0</v>
      </c>
      <c r="C109" s="6">
        <v>0</v>
      </c>
      <c r="D109" s="5">
        <v>0</v>
      </c>
    </row>
    <row r="110" spans="1:4" ht="18" customHeight="1" x14ac:dyDescent="0.15">
      <c r="A110" s="8">
        <v>86</v>
      </c>
      <c r="B110" s="21">
        <v>0</v>
      </c>
      <c r="C110" s="6">
        <v>2</v>
      </c>
      <c r="D110" s="5">
        <v>2</v>
      </c>
    </row>
    <row r="111" spans="1:4" ht="18" customHeight="1" x14ac:dyDescent="0.15">
      <c r="A111" s="8">
        <v>87</v>
      </c>
      <c r="B111" s="21">
        <v>1</v>
      </c>
      <c r="C111" s="6">
        <v>3</v>
      </c>
      <c r="D111" s="5">
        <v>4</v>
      </c>
    </row>
    <row r="112" spans="1:4" ht="18" customHeight="1" x14ac:dyDescent="0.15">
      <c r="A112" s="8">
        <v>88</v>
      </c>
      <c r="B112" s="21">
        <v>1</v>
      </c>
      <c r="C112" s="6">
        <v>2</v>
      </c>
      <c r="D112" s="5">
        <v>3</v>
      </c>
    </row>
    <row r="113" spans="1:4" ht="18" customHeight="1" x14ac:dyDescent="0.15">
      <c r="A113" s="8">
        <v>89</v>
      </c>
      <c r="B113" s="21">
        <v>1</v>
      </c>
      <c r="C113" s="6">
        <v>1</v>
      </c>
      <c r="D113" s="5">
        <v>2</v>
      </c>
    </row>
    <row r="114" spans="1:4" ht="18" customHeight="1" x14ac:dyDescent="0.15">
      <c r="A114" s="8" t="s">
        <v>6</v>
      </c>
      <c r="B114" s="21">
        <v>3</v>
      </c>
      <c r="C114" s="6">
        <v>8</v>
      </c>
      <c r="D114" s="5">
        <v>11</v>
      </c>
    </row>
    <row r="115" spans="1:4" ht="18" customHeight="1" x14ac:dyDescent="0.15">
      <c r="A115" s="8">
        <v>90</v>
      </c>
      <c r="B115" s="21">
        <v>0</v>
      </c>
      <c r="C115" s="6">
        <v>0</v>
      </c>
      <c r="D115" s="5">
        <v>0</v>
      </c>
    </row>
    <row r="116" spans="1:4" ht="18" customHeight="1" x14ac:dyDescent="0.15">
      <c r="A116" s="8">
        <v>91</v>
      </c>
      <c r="B116" s="21">
        <v>0</v>
      </c>
      <c r="C116" s="6">
        <v>1</v>
      </c>
      <c r="D116" s="5">
        <v>1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0</v>
      </c>
      <c r="C118" s="6">
        <v>0</v>
      </c>
      <c r="D118" s="5">
        <v>0</v>
      </c>
    </row>
    <row r="119" spans="1:4" ht="18" customHeight="1" x14ac:dyDescent="0.15">
      <c r="A119" s="8">
        <v>94</v>
      </c>
      <c r="B119" s="21">
        <v>1</v>
      </c>
      <c r="C119" s="6">
        <v>0</v>
      </c>
      <c r="D119" s="5">
        <v>1</v>
      </c>
    </row>
    <row r="120" spans="1:4" ht="18" customHeight="1" x14ac:dyDescent="0.15">
      <c r="A120" s="8" t="s">
        <v>5</v>
      </c>
      <c r="B120" s="21">
        <v>1</v>
      </c>
      <c r="C120" s="6">
        <v>1</v>
      </c>
      <c r="D120" s="5">
        <v>2</v>
      </c>
    </row>
    <row r="121" spans="1:4" ht="18" customHeight="1" x14ac:dyDescent="0.15">
      <c r="A121" s="8">
        <v>95</v>
      </c>
      <c r="B121" s="21">
        <v>1</v>
      </c>
      <c r="C121" s="6">
        <v>3</v>
      </c>
      <c r="D121" s="5">
        <v>4</v>
      </c>
    </row>
    <row r="122" spans="1:4" ht="18" customHeight="1" x14ac:dyDescent="0.15">
      <c r="A122" s="8">
        <v>96</v>
      </c>
      <c r="B122" s="21">
        <v>0</v>
      </c>
      <c r="C122" s="6">
        <v>1</v>
      </c>
      <c r="D122" s="5">
        <v>1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5</v>
      </c>
      <c r="D126" s="5">
        <v>6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47</v>
      </c>
      <c r="C130" s="6">
        <v>51</v>
      </c>
      <c r="D130" s="5">
        <v>98</v>
      </c>
    </row>
    <row r="131" spans="1:4" ht="18" customHeight="1" x14ac:dyDescent="0.15">
      <c r="A131" s="4" t="s">
        <v>0</v>
      </c>
      <c r="B131" s="20">
        <v>116</v>
      </c>
      <c r="C131" s="2">
        <v>108</v>
      </c>
      <c r="D131" s="1">
        <v>22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D51F63-1B0A-40DD-A43F-7A3F2943757C}">
  <sheetPr codeName="Sheet6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2</v>
      </c>
      <c r="D5" s="30">
        <v>3</v>
      </c>
    </row>
    <row r="6" spans="1:4" ht="18" customHeight="1" x14ac:dyDescent="0.15">
      <c r="A6" s="8">
        <v>1</v>
      </c>
      <c r="B6" s="26">
        <v>3</v>
      </c>
      <c r="C6" s="6">
        <v>2</v>
      </c>
      <c r="D6" s="5">
        <v>5</v>
      </c>
    </row>
    <row r="7" spans="1:4" ht="18" customHeight="1" x14ac:dyDescent="0.15">
      <c r="A7" s="8">
        <v>2</v>
      </c>
      <c r="B7" s="26">
        <v>4</v>
      </c>
      <c r="C7" s="6">
        <v>2</v>
      </c>
      <c r="D7" s="5">
        <v>6</v>
      </c>
    </row>
    <row r="8" spans="1:4" ht="18" customHeight="1" x14ac:dyDescent="0.15">
      <c r="A8" s="8">
        <v>3</v>
      </c>
      <c r="B8" s="26">
        <v>2</v>
      </c>
      <c r="C8" s="6">
        <v>3</v>
      </c>
      <c r="D8" s="5">
        <v>5</v>
      </c>
    </row>
    <row r="9" spans="1:4" ht="18" customHeight="1" x14ac:dyDescent="0.15">
      <c r="A9" s="8">
        <v>4</v>
      </c>
      <c r="B9" s="29">
        <v>3</v>
      </c>
      <c r="C9" s="28">
        <v>2</v>
      </c>
      <c r="D9" s="27">
        <v>5</v>
      </c>
    </row>
    <row r="10" spans="1:4" ht="18" customHeight="1" x14ac:dyDescent="0.15">
      <c r="A10" s="8" t="s">
        <v>25</v>
      </c>
      <c r="B10" s="21">
        <v>13</v>
      </c>
      <c r="C10" s="6">
        <v>11</v>
      </c>
      <c r="D10" s="5">
        <v>24</v>
      </c>
    </row>
    <row r="11" spans="1:4" ht="18" customHeight="1" x14ac:dyDescent="0.15">
      <c r="A11" s="8">
        <v>5</v>
      </c>
      <c r="B11" s="26">
        <v>3</v>
      </c>
      <c r="C11" s="6">
        <v>3</v>
      </c>
      <c r="D11" s="5">
        <v>6</v>
      </c>
    </row>
    <row r="12" spans="1:4" ht="18" customHeight="1" x14ac:dyDescent="0.15">
      <c r="A12" s="8">
        <v>6</v>
      </c>
      <c r="B12" s="26">
        <v>3</v>
      </c>
      <c r="C12" s="6">
        <v>5</v>
      </c>
      <c r="D12" s="5">
        <v>8</v>
      </c>
    </row>
    <row r="13" spans="1:4" ht="18" customHeight="1" x14ac:dyDescent="0.15">
      <c r="A13" s="8">
        <v>7</v>
      </c>
      <c r="B13" s="26">
        <v>3</v>
      </c>
      <c r="C13" s="6">
        <v>3</v>
      </c>
      <c r="D13" s="5">
        <v>6</v>
      </c>
    </row>
    <row r="14" spans="1:4" ht="18" customHeight="1" x14ac:dyDescent="0.15">
      <c r="A14" s="8">
        <v>8</v>
      </c>
      <c r="B14" s="26">
        <v>5</v>
      </c>
      <c r="C14" s="6">
        <v>3</v>
      </c>
      <c r="D14" s="5">
        <v>8</v>
      </c>
    </row>
    <row r="15" spans="1:4" ht="18" customHeight="1" x14ac:dyDescent="0.15">
      <c r="A15" s="8">
        <v>9</v>
      </c>
      <c r="B15" s="26">
        <v>6</v>
      </c>
      <c r="C15" s="6">
        <v>4</v>
      </c>
      <c r="D15" s="5">
        <v>10</v>
      </c>
    </row>
    <row r="16" spans="1:4" ht="18" customHeight="1" x14ac:dyDescent="0.15">
      <c r="A16" s="8" t="s">
        <v>24</v>
      </c>
      <c r="B16" s="21">
        <v>20</v>
      </c>
      <c r="C16" s="6">
        <v>18</v>
      </c>
      <c r="D16" s="5">
        <v>38</v>
      </c>
    </row>
    <row r="17" spans="1:4" ht="18" customHeight="1" x14ac:dyDescent="0.15">
      <c r="A17" s="8">
        <v>10</v>
      </c>
      <c r="B17" s="21">
        <v>9</v>
      </c>
      <c r="C17" s="6">
        <v>2</v>
      </c>
      <c r="D17" s="5">
        <v>11</v>
      </c>
    </row>
    <row r="18" spans="1:4" ht="18" customHeight="1" x14ac:dyDescent="0.15">
      <c r="A18" s="8">
        <v>11</v>
      </c>
      <c r="B18" s="21">
        <v>2</v>
      </c>
      <c r="C18" s="6">
        <v>4</v>
      </c>
      <c r="D18" s="5">
        <v>6</v>
      </c>
    </row>
    <row r="19" spans="1:4" ht="18" customHeight="1" x14ac:dyDescent="0.15">
      <c r="A19" s="8">
        <v>12</v>
      </c>
      <c r="B19" s="21">
        <v>1</v>
      </c>
      <c r="C19" s="6">
        <v>7</v>
      </c>
      <c r="D19" s="5">
        <v>8</v>
      </c>
    </row>
    <row r="20" spans="1:4" ht="18" customHeight="1" x14ac:dyDescent="0.15">
      <c r="A20" s="8">
        <v>13</v>
      </c>
      <c r="B20" s="21">
        <v>6</v>
      </c>
      <c r="C20" s="6">
        <v>4</v>
      </c>
      <c r="D20" s="5">
        <v>10</v>
      </c>
    </row>
    <row r="21" spans="1:4" ht="18" customHeight="1" x14ac:dyDescent="0.15">
      <c r="A21" s="8">
        <v>14</v>
      </c>
      <c r="B21" s="21">
        <v>3</v>
      </c>
      <c r="C21" s="6">
        <v>2</v>
      </c>
      <c r="D21" s="5">
        <v>5</v>
      </c>
    </row>
    <row r="22" spans="1:4" ht="18" customHeight="1" x14ac:dyDescent="0.15">
      <c r="A22" s="8" t="s">
        <v>23</v>
      </c>
      <c r="B22" s="21">
        <v>21</v>
      </c>
      <c r="C22" s="6">
        <v>19</v>
      </c>
      <c r="D22" s="5">
        <v>40</v>
      </c>
    </row>
    <row r="23" spans="1:4" ht="18" customHeight="1" x14ac:dyDescent="0.15">
      <c r="A23" s="8" t="s">
        <v>22</v>
      </c>
      <c r="B23" s="21">
        <v>54</v>
      </c>
      <c r="C23" s="6">
        <v>48</v>
      </c>
      <c r="D23" s="5">
        <v>102</v>
      </c>
    </row>
    <row r="24" spans="1:4" ht="18" customHeight="1" x14ac:dyDescent="0.15">
      <c r="A24" s="8">
        <v>15</v>
      </c>
      <c r="B24" s="21">
        <v>6</v>
      </c>
      <c r="C24" s="6">
        <v>4</v>
      </c>
      <c r="D24" s="5">
        <v>10</v>
      </c>
    </row>
    <row r="25" spans="1:4" ht="18" customHeight="1" x14ac:dyDescent="0.15">
      <c r="A25" s="8">
        <v>16</v>
      </c>
      <c r="B25" s="21">
        <v>7</v>
      </c>
      <c r="C25" s="6">
        <v>5</v>
      </c>
      <c r="D25" s="5">
        <v>12</v>
      </c>
    </row>
    <row r="26" spans="1:4" ht="18" customHeight="1" x14ac:dyDescent="0.15">
      <c r="A26" s="8">
        <v>17</v>
      </c>
      <c r="B26" s="21">
        <v>6</v>
      </c>
      <c r="C26" s="6">
        <v>7</v>
      </c>
      <c r="D26" s="5">
        <v>13</v>
      </c>
    </row>
    <row r="27" spans="1:4" ht="18" customHeight="1" x14ac:dyDescent="0.15">
      <c r="A27" s="8">
        <v>18</v>
      </c>
      <c r="B27" s="21">
        <v>5</v>
      </c>
      <c r="C27" s="6">
        <v>6</v>
      </c>
      <c r="D27" s="5">
        <v>11</v>
      </c>
    </row>
    <row r="28" spans="1:4" ht="18" customHeight="1" x14ac:dyDescent="0.15">
      <c r="A28" s="8">
        <v>19</v>
      </c>
      <c r="B28" s="21">
        <v>7</v>
      </c>
      <c r="C28" s="6">
        <v>10</v>
      </c>
      <c r="D28" s="5">
        <v>17</v>
      </c>
    </row>
    <row r="29" spans="1:4" ht="18" customHeight="1" x14ac:dyDescent="0.15">
      <c r="A29" s="8" t="s">
        <v>21</v>
      </c>
      <c r="B29" s="21">
        <v>31</v>
      </c>
      <c r="C29" s="6">
        <v>32</v>
      </c>
      <c r="D29" s="5">
        <v>63</v>
      </c>
    </row>
    <row r="30" spans="1:4" ht="18" customHeight="1" x14ac:dyDescent="0.15">
      <c r="A30" s="8">
        <v>20</v>
      </c>
      <c r="B30" s="21">
        <v>7</v>
      </c>
      <c r="C30" s="6">
        <v>2</v>
      </c>
      <c r="D30" s="5">
        <v>9</v>
      </c>
    </row>
    <row r="31" spans="1:4" ht="18" customHeight="1" x14ac:dyDescent="0.15">
      <c r="A31" s="8">
        <v>21</v>
      </c>
      <c r="B31" s="21">
        <v>11</v>
      </c>
      <c r="C31" s="6">
        <v>9</v>
      </c>
      <c r="D31" s="5">
        <v>20</v>
      </c>
    </row>
    <row r="32" spans="1:4" ht="18" customHeight="1" x14ac:dyDescent="0.15">
      <c r="A32" s="8">
        <v>22</v>
      </c>
      <c r="B32" s="21">
        <v>3</v>
      </c>
      <c r="C32" s="6">
        <v>9</v>
      </c>
      <c r="D32" s="5">
        <v>12</v>
      </c>
    </row>
    <row r="33" spans="1:4" ht="18" customHeight="1" x14ac:dyDescent="0.15">
      <c r="A33" s="8">
        <v>23</v>
      </c>
      <c r="B33" s="21">
        <v>8</v>
      </c>
      <c r="C33" s="6">
        <v>0</v>
      </c>
      <c r="D33" s="5">
        <v>8</v>
      </c>
    </row>
    <row r="34" spans="1:4" ht="18" customHeight="1" x14ac:dyDescent="0.15">
      <c r="A34" s="8">
        <v>24</v>
      </c>
      <c r="B34" s="21">
        <v>7</v>
      </c>
      <c r="C34" s="6">
        <v>7</v>
      </c>
      <c r="D34" s="5">
        <v>14</v>
      </c>
    </row>
    <row r="35" spans="1:4" ht="18" customHeight="1" x14ac:dyDescent="0.15">
      <c r="A35" s="8" t="s">
        <v>20</v>
      </c>
      <c r="B35" s="21">
        <v>36</v>
      </c>
      <c r="C35" s="6">
        <v>27</v>
      </c>
      <c r="D35" s="5">
        <v>63</v>
      </c>
    </row>
    <row r="36" spans="1:4" ht="18" customHeight="1" x14ac:dyDescent="0.15">
      <c r="A36" s="8">
        <v>25</v>
      </c>
      <c r="B36" s="21">
        <v>6</v>
      </c>
      <c r="C36" s="6">
        <v>5</v>
      </c>
      <c r="D36" s="5">
        <v>11</v>
      </c>
    </row>
    <row r="37" spans="1:4" ht="18" customHeight="1" x14ac:dyDescent="0.15">
      <c r="A37" s="8">
        <v>26</v>
      </c>
      <c r="B37" s="21">
        <v>4</v>
      </c>
      <c r="C37" s="6">
        <v>7</v>
      </c>
      <c r="D37" s="5">
        <v>11</v>
      </c>
    </row>
    <row r="38" spans="1:4" ht="18" customHeight="1" x14ac:dyDescent="0.15">
      <c r="A38" s="8">
        <v>27</v>
      </c>
      <c r="B38" s="21">
        <v>4</v>
      </c>
      <c r="C38" s="6">
        <v>4</v>
      </c>
      <c r="D38" s="5">
        <v>8</v>
      </c>
    </row>
    <row r="39" spans="1:4" ht="18" customHeight="1" x14ac:dyDescent="0.15">
      <c r="A39" s="8">
        <v>28</v>
      </c>
      <c r="B39" s="21">
        <v>6</v>
      </c>
      <c r="C39" s="6">
        <v>4</v>
      </c>
      <c r="D39" s="5">
        <v>10</v>
      </c>
    </row>
    <row r="40" spans="1:4" ht="18" customHeight="1" x14ac:dyDescent="0.15">
      <c r="A40" s="8">
        <v>29</v>
      </c>
      <c r="B40" s="21">
        <v>7</v>
      </c>
      <c r="C40" s="6">
        <v>2</v>
      </c>
      <c r="D40" s="5">
        <v>9</v>
      </c>
    </row>
    <row r="41" spans="1:4" ht="18" customHeight="1" x14ac:dyDescent="0.15">
      <c r="A41" s="8" t="s">
        <v>19</v>
      </c>
      <c r="B41" s="21">
        <v>27</v>
      </c>
      <c r="C41" s="6">
        <v>22</v>
      </c>
      <c r="D41" s="5">
        <v>49</v>
      </c>
    </row>
    <row r="42" spans="1:4" ht="18" customHeight="1" x14ac:dyDescent="0.15">
      <c r="A42" s="8">
        <v>30</v>
      </c>
      <c r="B42" s="21">
        <v>5</v>
      </c>
      <c r="C42" s="6">
        <v>3</v>
      </c>
      <c r="D42" s="5">
        <v>8</v>
      </c>
    </row>
    <row r="43" spans="1:4" ht="18" customHeight="1" x14ac:dyDescent="0.15">
      <c r="A43" s="8">
        <v>31</v>
      </c>
      <c r="B43" s="21">
        <v>8</v>
      </c>
      <c r="C43" s="6">
        <v>2</v>
      </c>
      <c r="D43" s="5">
        <v>10</v>
      </c>
    </row>
    <row r="44" spans="1:4" ht="18" customHeight="1" x14ac:dyDescent="0.15">
      <c r="A44" s="8">
        <v>32</v>
      </c>
      <c r="B44" s="21">
        <v>7</v>
      </c>
      <c r="C44" s="6">
        <v>5</v>
      </c>
      <c r="D44" s="5">
        <v>12</v>
      </c>
    </row>
    <row r="45" spans="1:4" ht="18" customHeight="1" x14ac:dyDescent="0.15">
      <c r="A45" s="8">
        <v>33</v>
      </c>
      <c r="B45" s="21">
        <v>12</v>
      </c>
      <c r="C45" s="6">
        <v>6</v>
      </c>
      <c r="D45" s="5">
        <v>18</v>
      </c>
    </row>
    <row r="46" spans="1:4" ht="18" customHeight="1" x14ac:dyDescent="0.15">
      <c r="A46" s="8">
        <v>34</v>
      </c>
      <c r="B46" s="21">
        <v>6</v>
      </c>
      <c r="C46" s="6">
        <v>4</v>
      </c>
      <c r="D46" s="5">
        <v>10</v>
      </c>
    </row>
    <row r="47" spans="1:4" ht="18" customHeight="1" x14ac:dyDescent="0.15">
      <c r="A47" s="8" t="s">
        <v>18</v>
      </c>
      <c r="B47" s="21">
        <v>38</v>
      </c>
      <c r="C47" s="6">
        <v>20</v>
      </c>
      <c r="D47" s="5">
        <v>58</v>
      </c>
    </row>
    <row r="48" spans="1:4" ht="18" customHeight="1" x14ac:dyDescent="0.15">
      <c r="A48" s="8">
        <v>35</v>
      </c>
      <c r="B48" s="21">
        <v>13</v>
      </c>
      <c r="C48" s="6">
        <v>8</v>
      </c>
      <c r="D48" s="5">
        <v>21</v>
      </c>
    </row>
    <row r="49" spans="1:4" ht="18" customHeight="1" x14ac:dyDescent="0.15">
      <c r="A49" s="8">
        <v>36</v>
      </c>
      <c r="B49" s="21">
        <v>9</v>
      </c>
      <c r="C49" s="6">
        <v>12</v>
      </c>
      <c r="D49" s="5">
        <v>21</v>
      </c>
    </row>
    <row r="50" spans="1:4" ht="18" customHeight="1" x14ac:dyDescent="0.15">
      <c r="A50" s="8">
        <v>37</v>
      </c>
      <c r="B50" s="21">
        <v>8</v>
      </c>
      <c r="C50" s="6">
        <v>9</v>
      </c>
      <c r="D50" s="5">
        <v>17</v>
      </c>
    </row>
    <row r="51" spans="1:4" ht="18" customHeight="1" x14ac:dyDescent="0.15">
      <c r="A51" s="8">
        <v>38</v>
      </c>
      <c r="B51" s="21">
        <v>8</v>
      </c>
      <c r="C51" s="6">
        <v>7</v>
      </c>
      <c r="D51" s="5">
        <v>15</v>
      </c>
    </row>
    <row r="52" spans="1:4" ht="18" customHeight="1" x14ac:dyDescent="0.15">
      <c r="A52" s="8">
        <v>39</v>
      </c>
      <c r="B52" s="21">
        <v>11</v>
      </c>
      <c r="C52" s="6">
        <v>12</v>
      </c>
      <c r="D52" s="5">
        <v>23</v>
      </c>
    </row>
    <row r="53" spans="1:4" ht="18" customHeight="1" x14ac:dyDescent="0.15">
      <c r="A53" s="8" t="s">
        <v>17</v>
      </c>
      <c r="B53" s="21">
        <v>49</v>
      </c>
      <c r="C53" s="6">
        <v>48</v>
      </c>
      <c r="D53" s="5">
        <v>97</v>
      </c>
    </row>
    <row r="54" spans="1:4" ht="18" customHeight="1" x14ac:dyDescent="0.15">
      <c r="A54" s="8">
        <v>40</v>
      </c>
      <c r="B54" s="21">
        <v>13</v>
      </c>
      <c r="C54" s="6">
        <v>9</v>
      </c>
      <c r="D54" s="5">
        <v>22</v>
      </c>
    </row>
    <row r="55" spans="1:4" ht="18" customHeight="1" x14ac:dyDescent="0.15">
      <c r="A55" s="8">
        <v>41</v>
      </c>
      <c r="B55" s="21">
        <v>9</v>
      </c>
      <c r="C55" s="6">
        <v>5</v>
      </c>
      <c r="D55" s="5">
        <v>14</v>
      </c>
    </row>
    <row r="56" spans="1:4" ht="18" customHeight="1" x14ac:dyDescent="0.15">
      <c r="A56" s="8">
        <v>42</v>
      </c>
      <c r="B56" s="21">
        <v>19</v>
      </c>
      <c r="C56" s="6">
        <v>11</v>
      </c>
      <c r="D56" s="5">
        <v>30</v>
      </c>
    </row>
    <row r="57" spans="1:4" ht="18" customHeight="1" x14ac:dyDescent="0.15">
      <c r="A57" s="8">
        <v>43</v>
      </c>
      <c r="B57" s="21">
        <v>18</v>
      </c>
      <c r="C57" s="6">
        <v>19</v>
      </c>
      <c r="D57" s="5">
        <v>37</v>
      </c>
    </row>
    <row r="58" spans="1:4" ht="18" customHeight="1" x14ac:dyDescent="0.15">
      <c r="A58" s="8">
        <v>44</v>
      </c>
      <c r="B58" s="21">
        <v>17</v>
      </c>
      <c r="C58" s="6">
        <v>11</v>
      </c>
      <c r="D58" s="5">
        <v>28</v>
      </c>
    </row>
    <row r="59" spans="1:4" ht="18" customHeight="1" x14ac:dyDescent="0.15">
      <c r="A59" s="8" t="s">
        <v>16</v>
      </c>
      <c r="B59" s="21">
        <v>76</v>
      </c>
      <c r="C59" s="6">
        <v>55</v>
      </c>
      <c r="D59" s="5">
        <v>131</v>
      </c>
    </row>
    <row r="60" spans="1:4" ht="18" customHeight="1" x14ac:dyDescent="0.15">
      <c r="A60" s="8">
        <v>45</v>
      </c>
      <c r="B60" s="21">
        <v>8</v>
      </c>
      <c r="C60" s="6">
        <v>7</v>
      </c>
      <c r="D60" s="5">
        <v>15</v>
      </c>
    </row>
    <row r="61" spans="1:4" ht="18" customHeight="1" x14ac:dyDescent="0.15">
      <c r="A61" s="8">
        <v>46</v>
      </c>
      <c r="B61" s="21">
        <v>15</v>
      </c>
      <c r="C61" s="6">
        <v>7</v>
      </c>
      <c r="D61" s="5">
        <v>22</v>
      </c>
    </row>
    <row r="62" spans="1:4" ht="18" customHeight="1" x14ac:dyDescent="0.15">
      <c r="A62" s="8">
        <v>47</v>
      </c>
      <c r="B62" s="21">
        <v>17</v>
      </c>
      <c r="C62" s="6">
        <v>13</v>
      </c>
      <c r="D62" s="5">
        <v>30</v>
      </c>
    </row>
    <row r="63" spans="1:4" ht="18" customHeight="1" x14ac:dyDescent="0.15">
      <c r="A63" s="8">
        <v>48</v>
      </c>
      <c r="B63" s="21">
        <v>8</v>
      </c>
      <c r="C63" s="6">
        <v>12</v>
      </c>
      <c r="D63" s="5">
        <v>20</v>
      </c>
    </row>
    <row r="64" spans="1:4" ht="18" customHeight="1" x14ac:dyDescent="0.15">
      <c r="A64" s="8">
        <v>49</v>
      </c>
      <c r="B64" s="21">
        <v>22</v>
      </c>
      <c r="C64" s="6">
        <v>17</v>
      </c>
      <c r="D64" s="5">
        <v>39</v>
      </c>
    </row>
    <row r="65" spans="1:4" ht="18" customHeight="1" x14ac:dyDescent="0.15">
      <c r="A65" s="8" t="s">
        <v>15</v>
      </c>
      <c r="B65" s="21">
        <v>70</v>
      </c>
      <c r="C65" s="6">
        <v>56</v>
      </c>
      <c r="D65" s="5">
        <v>126</v>
      </c>
    </row>
    <row r="66" spans="1:4" ht="18" customHeight="1" x14ac:dyDescent="0.15">
      <c r="A66" s="8">
        <v>50</v>
      </c>
      <c r="B66" s="21">
        <v>14</v>
      </c>
      <c r="C66" s="6">
        <v>11</v>
      </c>
      <c r="D66" s="5">
        <v>25</v>
      </c>
    </row>
    <row r="67" spans="1:4" ht="18" customHeight="1" x14ac:dyDescent="0.15">
      <c r="A67" s="8">
        <v>51</v>
      </c>
      <c r="B67" s="21">
        <v>16</v>
      </c>
      <c r="C67" s="6">
        <v>11</v>
      </c>
      <c r="D67" s="5">
        <v>27</v>
      </c>
    </row>
    <row r="68" spans="1:4" ht="18" customHeight="1" x14ac:dyDescent="0.15">
      <c r="A68" s="8">
        <v>52</v>
      </c>
      <c r="B68" s="21">
        <v>10</v>
      </c>
      <c r="C68" s="6">
        <v>4</v>
      </c>
      <c r="D68" s="5">
        <v>14</v>
      </c>
    </row>
    <row r="69" spans="1:4" ht="18" customHeight="1" x14ac:dyDescent="0.15">
      <c r="A69" s="8">
        <v>53</v>
      </c>
      <c r="B69" s="21">
        <v>18</v>
      </c>
      <c r="C69" s="6">
        <v>7</v>
      </c>
      <c r="D69" s="5">
        <v>25</v>
      </c>
    </row>
    <row r="70" spans="1:4" ht="18" customHeight="1" x14ac:dyDescent="0.15">
      <c r="A70" s="8">
        <v>54</v>
      </c>
      <c r="B70" s="21">
        <v>12</v>
      </c>
      <c r="C70" s="6">
        <v>14</v>
      </c>
      <c r="D70" s="5">
        <v>26</v>
      </c>
    </row>
    <row r="71" spans="1:4" ht="18" customHeight="1" x14ac:dyDescent="0.15">
      <c r="A71" s="8" t="s">
        <v>14</v>
      </c>
      <c r="B71" s="21">
        <v>70</v>
      </c>
      <c r="C71" s="6">
        <v>47</v>
      </c>
      <c r="D71" s="5">
        <v>117</v>
      </c>
    </row>
    <row r="72" spans="1:4" ht="18" customHeight="1" x14ac:dyDescent="0.15">
      <c r="A72" s="8">
        <v>55</v>
      </c>
      <c r="B72" s="21">
        <v>14</v>
      </c>
      <c r="C72" s="6">
        <v>13</v>
      </c>
      <c r="D72" s="5">
        <v>27</v>
      </c>
    </row>
    <row r="73" spans="1:4" ht="18" customHeight="1" x14ac:dyDescent="0.15">
      <c r="A73" s="8">
        <v>56</v>
      </c>
      <c r="B73" s="21">
        <v>11</v>
      </c>
      <c r="C73" s="6">
        <v>11</v>
      </c>
      <c r="D73" s="5">
        <v>22</v>
      </c>
    </row>
    <row r="74" spans="1:4" ht="18" customHeight="1" x14ac:dyDescent="0.15">
      <c r="A74" s="8">
        <v>57</v>
      </c>
      <c r="B74" s="21">
        <v>10</v>
      </c>
      <c r="C74" s="6">
        <v>9</v>
      </c>
      <c r="D74" s="5">
        <v>19</v>
      </c>
    </row>
    <row r="75" spans="1:4" ht="18" customHeight="1" x14ac:dyDescent="0.15">
      <c r="A75" s="8">
        <v>58</v>
      </c>
      <c r="B75" s="21">
        <v>16</v>
      </c>
      <c r="C75" s="6">
        <v>10</v>
      </c>
      <c r="D75" s="5">
        <v>26</v>
      </c>
    </row>
    <row r="76" spans="1:4" ht="18" customHeight="1" x14ac:dyDescent="0.15">
      <c r="A76" s="8">
        <v>59</v>
      </c>
      <c r="B76" s="21">
        <v>7</v>
      </c>
      <c r="C76" s="6">
        <v>10</v>
      </c>
      <c r="D76" s="5">
        <v>17</v>
      </c>
    </row>
    <row r="77" spans="1:4" ht="18" customHeight="1" x14ac:dyDescent="0.15">
      <c r="A77" s="8" t="s">
        <v>13</v>
      </c>
      <c r="B77" s="21">
        <v>58</v>
      </c>
      <c r="C77" s="6">
        <v>53</v>
      </c>
      <c r="D77" s="5">
        <v>111</v>
      </c>
    </row>
    <row r="78" spans="1:4" ht="18" customHeight="1" x14ac:dyDescent="0.15">
      <c r="A78" s="8">
        <v>60</v>
      </c>
      <c r="B78" s="21">
        <v>15</v>
      </c>
      <c r="C78" s="6">
        <v>12</v>
      </c>
      <c r="D78" s="5">
        <v>27</v>
      </c>
    </row>
    <row r="79" spans="1:4" ht="18" customHeight="1" x14ac:dyDescent="0.15">
      <c r="A79" s="8">
        <v>61</v>
      </c>
      <c r="B79" s="21">
        <v>16</v>
      </c>
      <c r="C79" s="6">
        <v>12</v>
      </c>
      <c r="D79" s="5">
        <v>28</v>
      </c>
    </row>
    <row r="80" spans="1:4" ht="18" customHeight="1" x14ac:dyDescent="0.15">
      <c r="A80" s="8">
        <v>62</v>
      </c>
      <c r="B80" s="21">
        <v>13</v>
      </c>
      <c r="C80" s="6">
        <v>17</v>
      </c>
      <c r="D80" s="5">
        <v>30</v>
      </c>
    </row>
    <row r="81" spans="1:4" ht="18" customHeight="1" x14ac:dyDescent="0.15">
      <c r="A81" s="8">
        <v>63</v>
      </c>
      <c r="B81" s="21">
        <v>8</v>
      </c>
      <c r="C81" s="6">
        <v>4</v>
      </c>
      <c r="D81" s="5">
        <v>12</v>
      </c>
    </row>
    <row r="82" spans="1:4" ht="18" customHeight="1" x14ac:dyDescent="0.15">
      <c r="A82" s="8">
        <v>64</v>
      </c>
      <c r="B82" s="21">
        <v>13</v>
      </c>
      <c r="C82" s="6">
        <v>20</v>
      </c>
      <c r="D82" s="5">
        <v>33</v>
      </c>
    </row>
    <row r="83" spans="1:4" ht="18" customHeight="1" x14ac:dyDescent="0.15">
      <c r="A83" s="8" t="s">
        <v>12</v>
      </c>
      <c r="B83" s="21">
        <v>65</v>
      </c>
      <c r="C83" s="6">
        <v>65</v>
      </c>
      <c r="D83" s="5">
        <v>130</v>
      </c>
    </row>
    <row r="84" spans="1:4" ht="18" customHeight="1" x14ac:dyDescent="0.15">
      <c r="A84" s="8" t="s">
        <v>11</v>
      </c>
      <c r="B84" s="21">
        <v>520</v>
      </c>
      <c r="C84" s="6">
        <v>425</v>
      </c>
      <c r="D84" s="5">
        <v>945</v>
      </c>
    </row>
    <row r="85" spans="1:4" ht="18" customHeight="1" x14ac:dyDescent="0.15">
      <c r="A85" s="8">
        <v>65</v>
      </c>
      <c r="B85" s="21">
        <v>14</v>
      </c>
      <c r="C85" s="6">
        <v>9</v>
      </c>
      <c r="D85" s="5">
        <v>23</v>
      </c>
    </row>
    <row r="86" spans="1:4" ht="18" customHeight="1" x14ac:dyDescent="0.15">
      <c r="A86" s="8">
        <v>66</v>
      </c>
      <c r="B86" s="21">
        <v>7</v>
      </c>
      <c r="C86" s="6">
        <v>24</v>
      </c>
      <c r="D86" s="5">
        <v>31</v>
      </c>
    </row>
    <row r="87" spans="1:4" ht="18" customHeight="1" x14ac:dyDescent="0.15">
      <c r="A87" s="8">
        <v>67</v>
      </c>
      <c r="B87" s="21">
        <v>18</v>
      </c>
      <c r="C87" s="6">
        <v>20</v>
      </c>
      <c r="D87" s="5">
        <v>38</v>
      </c>
    </row>
    <row r="88" spans="1:4" ht="18" customHeight="1" x14ac:dyDescent="0.15">
      <c r="A88" s="8">
        <v>68</v>
      </c>
      <c r="B88" s="21">
        <v>22</v>
      </c>
      <c r="C88" s="6">
        <v>25</v>
      </c>
      <c r="D88" s="5">
        <v>47</v>
      </c>
    </row>
    <row r="89" spans="1:4" ht="18" customHeight="1" x14ac:dyDescent="0.15">
      <c r="A89" s="8">
        <v>69</v>
      </c>
      <c r="B89" s="21">
        <v>18</v>
      </c>
      <c r="C89" s="6">
        <v>14</v>
      </c>
      <c r="D89" s="5">
        <v>32</v>
      </c>
    </row>
    <row r="90" spans="1:4" ht="18" customHeight="1" x14ac:dyDescent="0.15">
      <c r="A90" s="8" t="s">
        <v>10</v>
      </c>
      <c r="B90" s="21">
        <v>79</v>
      </c>
      <c r="C90" s="6">
        <v>92</v>
      </c>
      <c r="D90" s="5">
        <v>171</v>
      </c>
    </row>
    <row r="91" spans="1:4" ht="18" customHeight="1" x14ac:dyDescent="0.15">
      <c r="A91" s="8">
        <v>70</v>
      </c>
      <c r="B91" s="21">
        <v>18</v>
      </c>
      <c r="C91" s="6">
        <v>15</v>
      </c>
      <c r="D91" s="5">
        <v>33</v>
      </c>
    </row>
    <row r="92" spans="1:4" ht="18" customHeight="1" x14ac:dyDescent="0.15">
      <c r="A92" s="8">
        <v>71</v>
      </c>
      <c r="B92" s="21">
        <v>29</v>
      </c>
      <c r="C92" s="6">
        <v>22</v>
      </c>
      <c r="D92" s="5">
        <v>51</v>
      </c>
    </row>
    <row r="93" spans="1:4" ht="18" customHeight="1" x14ac:dyDescent="0.15">
      <c r="A93" s="8">
        <v>72</v>
      </c>
      <c r="B93" s="21">
        <v>28</v>
      </c>
      <c r="C93" s="6">
        <v>22</v>
      </c>
      <c r="D93" s="5">
        <v>50</v>
      </c>
    </row>
    <row r="94" spans="1:4" ht="18" customHeight="1" x14ac:dyDescent="0.15">
      <c r="A94" s="8">
        <v>73</v>
      </c>
      <c r="B94" s="21">
        <v>20</v>
      </c>
      <c r="C94" s="6">
        <v>8</v>
      </c>
      <c r="D94" s="5">
        <v>28</v>
      </c>
    </row>
    <row r="95" spans="1:4" ht="18" customHeight="1" x14ac:dyDescent="0.15">
      <c r="A95" s="8">
        <v>74</v>
      </c>
      <c r="B95" s="21">
        <v>20</v>
      </c>
      <c r="C95" s="6">
        <v>11</v>
      </c>
      <c r="D95" s="5">
        <v>31</v>
      </c>
    </row>
    <row r="96" spans="1:4" ht="18" customHeight="1" x14ac:dyDescent="0.15">
      <c r="A96" s="8" t="s">
        <v>9</v>
      </c>
      <c r="B96" s="21">
        <v>115</v>
      </c>
      <c r="C96" s="6">
        <v>78</v>
      </c>
      <c r="D96" s="5">
        <v>193</v>
      </c>
    </row>
    <row r="97" spans="1:4" ht="18" customHeight="1" x14ac:dyDescent="0.15">
      <c r="A97" s="8">
        <v>75</v>
      </c>
      <c r="B97" s="21">
        <v>18</v>
      </c>
      <c r="C97" s="6">
        <v>22</v>
      </c>
      <c r="D97" s="5">
        <v>40</v>
      </c>
    </row>
    <row r="98" spans="1:4" ht="18" customHeight="1" x14ac:dyDescent="0.15">
      <c r="A98" s="8">
        <v>76</v>
      </c>
      <c r="B98" s="21">
        <v>14</v>
      </c>
      <c r="C98" s="6">
        <v>16</v>
      </c>
      <c r="D98" s="5">
        <v>30</v>
      </c>
    </row>
    <row r="99" spans="1:4" ht="18" customHeight="1" x14ac:dyDescent="0.15">
      <c r="A99" s="8">
        <v>77</v>
      </c>
      <c r="B99" s="21">
        <v>19</v>
      </c>
      <c r="C99" s="6">
        <v>18</v>
      </c>
      <c r="D99" s="5">
        <v>37</v>
      </c>
    </row>
    <row r="100" spans="1:4" ht="18" customHeight="1" x14ac:dyDescent="0.15">
      <c r="A100" s="8">
        <v>78</v>
      </c>
      <c r="B100" s="21">
        <v>23</v>
      </c>
      <c r="C100" s="6">
        <v>24</v>
      </c>
      <c r="D100" s="5">
        <v>47</v>
      </c>
    </row>
    <row r="101" spans="1:4" ht="18" customHeight="1" x14ac:dyDescent="0.15">
      <c r="A101" s="8">
        <v>79</v>
      </c>
      <c r="B101" s="21">
        <v>6</v>
      </c>
      <c r="C101" s="6">
        <v>10</v>
      </c>
      <c r="D101" s="5">
        <v>16</v>
      </c>
    </row>
    <row r="102" spans="1:4" ht="18" customHeight="1" x14ac:dyDescent="0.15">
      <c r="A102" s="8" t="s">
        <v>8</v>
      </c>
      <c r="B102" s="21">
        <v>80</v>
      </c>
      <c r="C102" s="6">
        <v>90</v>
      </c>
      <c r="D102" s="5">
        <v>170</v>
      </c>
    </row>
    <row r="103" spans="1:4" ht="18" customHeight="1" x14ac:dyDescent="0.15">
      <c r="A103" s="8">
        <v>80</v>
      </c>
      <c r="B103" s="21">
        <v>9</v>
      </c>
      <c r="C103" s="6">
        <v>13</v>
      </c>
      <c r="D103" s="5">
        <v>22</v>
      </c>
    </row>
    <row r="104" spans="1:4" ht="18" customHeight="1" x14ac:dyDescent="0.15">
      <c r="A104" s="8">
        <v>81</v>
      </c>
      <c r="B104" s="21">
        <v>11</v>
      </c>
      <c r="C104" s="6">
        <v>13</v>
      </c>
      <c r="D104" s="5">
        <v>24</v>
      </c>
    </row>
    <row r="105" spans="1:4" ht="18" customHeight="1" x14ac:dyDescent="0.15">
      <c r="A105" s="8">
        <v>82</v>
      </c>
      <c r="B105" s="21">
        <v>6</v>
      </c>
      <c r="C105" s="6">
        <v>12</v>
      </c>
      <c r="D105" s="5">
        <v>18</v>
      </c>
    </row>
    <row r="106" spans="1:4" ht="18" customHeight="1" x14ac:dyDescent="0.15">
      <c r="A106" s="8">
        <v>83</v>
      </c>
      <c r="B106" s="21">
        <v>6</v>
      </c>
      <c r="C106" s="6">
        <v>14</v>
      </c>
      <c r="D106" s="5">
        <v>20</v>
      </c>
    </row>
    <row r="107" spans="1:4" ht="18" customHeight="1" x14ac:dyDescent="0.15">
      <c r="A107" s="8">
        <v>84</v>
      </c>
      <c r="B107" s="21">
        <v>6</v>
      </c>
      <c r="C107" s="6">
        <v>11</v>
      </c>
      <c r="D107" s="5">
        <v>17</v>
      </c>
    </row>
    <row r="108" spans="1:4" ht="18" customHeight="1" x14ac:dyDescent="0.15">
      <c r="A108" s="8" t="s">
        <v>7</v>
      </c>
      <c r="B108" s="21">
        <v>38</v>
      </c>
      <c r="C108" s="6">
        <v>63</v>
      </c>
      <c r="D108" s="5">
        <v>101</v>
      </c>
    </row>
    <row r="109" spans="1:4" ht="18" customHeight="1" x14ac:dyDescent="0.15">
      <c r="A109" s="8">
        <v>85</v>
      </c>
      <c r="B109" s="21">
        <v>5</v>
      </c>
      <c r="C109" s="6">
        <v>10</v>
      </c>
      <c r="D109" s="5">
        <v>15</v>
      </c>
    </row>
    <row r="110" spans="1:4" ht="18" customHeight="1" x14ac:dyDescent="0.15">
      <c r="A110" s="8">
        <v>86</v>
      </c>
      <c r="B110" s="21">
        <v>10</v>
      </c>
      <c r="C110" s="6">
        <v>8</v>
      </c>
      <c r="D110" s="5">
        <v>18</v>
      </c>
    </row>
    <row r="111" spans="1:4" ht="18" customHeight="1" x14ac:dyDescent="0.15">
      <c r="A111" s="8">
        <v>87</v>
      </c>
      <c r="B111" s="21">
        <v>6</v>
      </c>
      <c r="C111" s="6">
        <v>10</v>
      </c>
      <c r="D111" s="5">
        <v>16</v>
      </c>
    </row>
    <row r="112" spans="1:4" ht="18" customHeight="1" x14ac:dyDescent="0.15">
      <c r="A112" s="8">
        <v>88</v>
      </c>
      <c r="B112" s="21">
        <v>4</v>
      </c>
      <c r="C112" s="6">
        <v>11</v>
      </c>
      <c r="D112" s="5">
        <v>15</v>
      </c>
    </row>
    <row r="113" spans="1:4" ht="18" customHeight="1" x14ac:dyDescent="0.15">
      <c r="A113" s="8">
        <v>89</v>
      </c>
      <c r="B113" s="21">
        <v>2</v>
      </c>
      <c r="C113" s="6">
        <v>15</v>
      </c>
      <c r="D113" s="5">
        <v>17</v>
      </c>
    </row>
    <row r="114" spans="1:4" ht="18" customHeight="1" x14ac:dyDescent="0.15">
      <c r="A114" s="8" t="s">
        <v>6</v>
      </c>
      <c r="B114" s="21">
        <v>27</v>
      </c>
      <c r="C114" s="6">
        <v>54</v>
      </c>
      <c r="D114" s="5">
        <v>81</v>
      </c>
    </row>
    <row r="115" spans="1:4" ht="18" customHeight="1" x14ac:dyDescent="0.15">
      <c r="A115" s="8">
        <v>90</v>
      </c>
      <c r="B115" s="21">
        <v>2</v>
      </c>
      <c r="C115" s="6">
        <v>5</v>
      </c>
      <c r="D115" s="5">
        <v>7</v>
      </c>
    </row>
    <row r="116" spans="1:4" ht="18" customHeight="1" x14ac:dyDescent="0.15">
      <c r="A116" s="8">
        <v>91</v>
      </c>
      <c r="B116" s="21">
        <v>4</v>
      </c>
      <c r="C116" s="6">
        <v>11</v>
      </c>
      <c r="D116" s="5">
        <v>15</v>
      </c>
    </row>
    <row r="117" spans="1:4" ht="18" customHeight="1" x14ac:dyDescent="0.15">
      <c r="A117" s="8">
        <v>92</v>
      </c>
      <c r="B117" s="21">
        <v>1</v>
      </c>
      <c r="C117" s="6">
        <v>9</v>
      </c>
      <c r="D117" s="5">
        <v>10</v>
      </c>
    </row>
    <row r="118" spans="1:4" ht="18" customHeight="1" x14ac:dyDescent="0.15">
      <c r="A118" s="8">
        <v>93</v>
      </c>
      <c r="B118" s="21">
        <v>1</v>
      </c>
      <c r="C118" s="6">
        <v>7</v>
      </c>
      <c r="D118" s="5">
        <v>8</v>
      </c>
    </row>
    <row r="119" spans="1:4" ht="18" customHeight="1" x14ac:dyDescent="0.15">
      <c r="A119" s="8">
        <v>94</v>
      </c>
      <c r="B119" s="21">
        <v>3</v>
      </c>
      <c r="C119" s="6">
        <v>7</v>
      </c>
      <c r="D119" s="5">
        <v>10</v>
      </c>
    </row>
    <row r="120" spans="1:4" ht="18" customHeight="1" x14ac:dyDescent="0.15">
      <c r="A120" s="8" t="s">
        <v>5</v>
      </c>
      <c r="B120" s="21">
        <v>11</v>
      </c>
      <c r="C120" s="6">
        <v>39</v>
      </c>
      <c r="D120" s="5">
        <v>50</v>
      </c>
    </row>
    <row r="121" spans="1:4" ht="18" customHeight="1" x14ac:dyDescent="0.15">
      <c r="A121" s="8">
        <v>95</v>
      </c>
      <c r="B121" s="21">
        <v>4</v>
      </c>
      <c r="C121" s="6">
        <v>5</v>
      </c>
      <c r="D121" s="5">
        <v>9</v>
      </c>
    </row>
    <row r="122" spans="1:4" ht="18" customHeight="1" x14ac:dyDescent="0.15">
      <c r="A122" s="8">
        <v>96</v>
      </c>
      <c r="B122" s="21">
        <v>2</v>
      </c>
      <c r="C122" s="6">
        <v>3</v>
      </c>
      <c r="D122" s="5">
        <v>5</v>
      </c>
    </row>
    <row r="123" spans="1:4" ht="18" customHeight="1" x14ac:dyDescent="0.15">
      <c r="A123" s="8">
        <v>97</v>
      </c>
      <c r="B123" s="21">
        <v>1</v>
      </c>
      <c r="C123" s="6">
        <v>2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1</v>
      </c>
      <c r="C125" s="6">
        <v>3</v>
      </c>
      <c r="D125" s="5">
        <v>4</v>
      </c>
    </row>
    <row r="126" spans="1:4" ht="18" customHeight="1" x14ac:dyDescent="0.15">
      <c r="A126" s="8" t="s">
        <v>4</v>
      </c>
      <c r="B126" s="21">
        <v>8</v>
      </c>
      <c r="C126" s="6">
        <v>16</v>
      </c>
      <c r="D126" s="5">
        <v>24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358</v>
      </c>
      <c r="C130" s="6">
        <v>434</v>
      </c>
      <c r="D130" s="5">
        <v>792</v>
      </c>
    </row>
    <row r="131" spans="1:4" ht="18" customHeight="1" x14ac:dyDescent="0.15">
      <c r="A131" s="4" t="s">
        <v>0</v>
      </c>
      <c r="B131" s="20">
        <v>932</v>
      </c>
      <c r="C131" s="2">
        <v>907</v>
      </c>
      <c r="D131" s="1">
        <v>18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057D66D-16E8-4E10-9F2E-C6DDC684B74F}">
  <sheetPr codeName="Sheet6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2</v>
      </c>
      <c r="C5" s="31">
        <v>21</v>
      </c>
      <c r="D5" s="30">
        <v>43</v>
      </c>
    </row>
    <row r="6" spans="1:4" ht="18" customHeight="1" x14ac:dyDescent="0.15">
      <c r="A6" s="8">
        <v>1</v>
      </c>
      <c r="B6" s="26">
        <v>16</v>
      </c>
      <c r="C6" s="6">
        <v>28</v>
      </c>
      <c r="D6" s="5">
        <v>44</v>
      </c>
    </row>
    <row r="7" spans="1:4" ht="18" customHeight="1" x14ac:dyDescent="0.15">
      <c r="A7" s="8">
        <v>2</v>
      </c>
      <c r="B7" s="26">
        <v>20</v>
      </c>
      <c r="C7" s="6">
        <v>26</v>
      </c>
      <c r="D7" s="5">
        <v>46</v>
      </c>
    </row>
    <row r="8" spans="1:4" ht="18" customHeight="1" x14ac:dyDescent="0.15">
      <c r="A8" s="8">
        <v>3</v>
      </c>
      <c r="B8" s="26">
        <v>17</v>
      </c>
      <c r="C8" s="6">
        <v>23</v>
      </c>
      <c r="D8" s="5">
        <v>40</v>
      </c>
    </row>
    <row r="9" spans="1:4" ht="18" customHeight="1" x14ac:dyDescent="0.15">
      <c r="A9" s="8">
        <v>4</v>
      </c>
      <c r="B9" s="29">
        <v>26</v>
      </c>
      <c r="C9" s="28">
        <v>23</v>
      </c>
      <c r="D9" s="27">
        <v>49</v>
      </c>
    </row>
    <row r="10" spans="1:4" ht="18" customHeight="1" x14ac:dyDescent="0.15">
      <c r="A10" s="8" t="s">
        <v>25</v>
      </c>
      <c r="B10" s="21">
        <v>101</v>
      </c>
      <c r="C10" s="6">
        <v>121</v>
      </c>
      <c r="D10" s="5">
        <v>222</v>
      </c>
    </row>
    <row r="11" spans="1:4" ht="18" customHeight="1" x14ac:dyDescent="0.15">
      <c r="A11" s="8">
        <v>5</v>
      </c>
      <c r="B11" s="26">
        <v>31</v>
      </c>
      <c r="C11" s="6">
        <v>20</v>
      </c>
      <c r="D11" s="5">
        <v>51</v>
      </c>
    </row>
    <row r="12" spans="1:4" ht="18" customHeight="1" x14ac:dyDescent="0.15">
      <c r="A12" s="8">
        <v>6</v>
      </c>
      <c r="B12" s="26">
        <v>34</v>
      </c>
      <c r="C12" s="6">
        <v>26</v>
      </c>
      <c r="D12" s="5">
        <v>60</v>
      </c>
    </row>
    <row r="13" spans="1:4" ht="18" customHeight="1" x14ac:dyDescent="0.15">
      <c r="A13" s="8">
        <v>7</v>
      </c>
      <c r="B13" s="26">
        <v>26</v>
      </c>
      <c r="C13" s="6">
        <v>30</v>
      </c>
      <c r="D13" s="5">
        <v>56</v>
      </c>
    </row>
    <row r="14" spans="1:4" ht="18" customHeight="1" x14ac:dyDescent="0.15">
      <c r="A14" s="8">
        <v>8</v>
      </c>
      <c r="B14" s="26">
        <v>33</v>
      </c>
      <c r="C14" s="6">
        <v>29</v>
      </c>
      <c r="D14" s="5">
        <v>62</v>
      </c>
    </row>
    <row r="15" spans="1:4" ht="18" customHeight="1" x14ac:dyDescent="0.15">
      <c r="A15" s="8">
        <v>9</v>
      </c>
      <c r="B15" s="26">
        <v>25</v>
      </c>
      <c r="C15" s="6">
        <v>37</v>
      </c>
      <c r="D15" s="5">
        <v>62</v>
      </c>
    </row>
    <row r="16" spans="1:4" ht="18" customHeight="1" x14ac:dyDescent="0.15">
      <c r="A16" s="8" t="s">
        <v>24</v>
      </c>
      <c r="B16" s="21">
        <v>149</v>
      </c>
      <c r="C16" s="6">
        <v>142</v>
      </c>
      <c r="D16" s="5">
        <v>291</v>
      </c>
    </row>
    <row r="17" spans="1:4" ht="18" customHeight="1" x14ac:dyDescent="0.15">
      <c r="A17" s="8">
        <v>10</v>
      </c>
      <c r="B17" s="21">
        <v>45</v>
      </c>
      <c r="C17" s="6">
        <v>33</v>
      </c>
      <c r="D17" s="5">
        <v>78</v>
      </c>
    </row>
    <row r="18" spans="1:4" ht="18" customHeight="1" x14ac:dyDescent="0.15">
      <c r="A18" s="8">
        <v>11</v>
      </c>
      <c r="B18" s="21">
        <v>32</v>
      </c>
      <c r="C18" s="6">
        <v>27</v>
      </c>
      <c r="D18" s="5">
        <v>59</v>
      </c>
    </row>
    <row r="19" spans="1:4" ht="18" customHeight="1" x14ac:dyDescent="0.15">
      <c r="A19" s="8">
        <v>12</v>
      </c>
      <c r="B19" s="21">
        <v>34</v>
      </c>
      <c r="C19" s="6">
        <v>37</v>
      </c>
      <c r="D19" s="5">
        <v>71</v>
      </c>
    </row>
    <row r="20" spans="1:4" ht="18" customHeight="1" x14ac:dyDescent="0.15">
      <c r="A20" s="8">
        <v>13</v>
      </c>
      <c r="B20" s="21">
        <v>38</v>
      </c>
      <c r="C20" s="6">
        <v>36</v>
      </c>
      <c r="D20" s="5">
        <v>74</v>
      </c>
    </row>
    <row r="21" spans="1:4" ht="18" customHeight="1" x14ac:dyDescent="0.15">
      <c r="A21" s="8">
        <v>14</v>
      </c>
      <c r="B21" s="21">
        <v>44</v>
      </c>
      <c r="C21" s="6">
        <v>38</v>
      </c>
      <c r="D21" s="5">
        <v>82</v>
      </c>
    </row>
    <row r="22" spans="1:4" ht="18" customHeight="1" x14ac:dyDescent="0.15">
      <c r="A22" s="8" t="s">
        <v>23</v>
      </c>
      <c r="B22" s="21">
        <v>193</v>
      </c>
      <c r="C22" s="6">
        <v>171</v>
      </c>
      <c r="D22" s="5">
        <v>364</v>
      </c>
    </row>
    <row r="23" spans="1:4" ht="18" customHeight="1" x14ac:dyDescent="0.15">
      <c r="A23" s="8" t="s">
        <v>22</v>
      </c>
      <c r="B23" s="21">
        <v>443</v>
      </c>
      <c r="C23" s="6">
        <v>434</v>
      </c>
      <c r="D23" s="5">
        <v>877</v>
      </c>
    </row>
    <row r="24" spans="1:4" ht="18" customHeight="1" x14ac:dyDescent="0.15">
      <c r="A24" s="8">
        <v>15</v>
      </c>
      <c r="B24" s="21">
        <v>50</v>
      </c>
      <c r="C24" s="6">
        <v>47</v>
      </c>
      <c r="D24" s="5">
        <v>97</v>
      </c>
    </row>
    <row r="25" spans="1:4" ht="18" customHeight="1" x14ac:dyDescent="0.15">
      <c r="A25" s="8">
        <v>16</v>
      </c>
      <c r="B25" s="21">
        <v>43</v>
      </c>
      <c r="C25" s="6">
        <v>39</v>
      </c>
      <c r="D25" s="5">
        <v>82</v>
      </c>
    </row>
    <row r="26" spans="1:4" ht="18" customHeight="1" x14ac:dyDescent="0.15">
      <c r="A26" s="8">
        <v>17</v>
      </c>
      <c r="B26" s="21">
        <v>40</v>
      </c>
      <c r="C26" s="6">
        <v>42</v>
      </c>
      <c r="D26" s="5">
        <v>82</v>
      </c>
    </row>
    <row r="27" spans="1:4" ht="18" customHeight="1" x14ac:dyDescent="0.15">
      <c r="A27" s="8">
        <v>18</v>
      </c>
      <c r="B27" s="21">
        <v>37</v>
      </c>
      <c r="C27" s="6">
        <v>35</v>
      </c>
      <c r="D27" s="5">
        <v>72</v>
      </c>
    </row>
    <row r="28" spans="1:4" ht="18" customHeight="1" x14ac:dyDescent="0.15">
      <c r="A28" s="8">
        <v>19</v>
      </c>
      <c r="B28" s="21">
        <v>30</v>
      </c>
      <c r="C28" s="6">
        <v>44</v>
      </c>
      <c r="D28" s="5">
        <v>74</v>
      </c>
    </row>
    <row r="29" spans="1:4" ht="18" customHeight="1" x14ac:dyDescent="0.15">
      <c r="A29" s="8" t="s">
        <v>21</v>
      </c>
      <c r="B29" s="21">
        <v>200</v>
      </c>
      <c r="C29" s="6">
        <v>207</v>
      </c>
      <c r="D29" s="5">
        <v>407</v>
      </c>
    </row>
    <row r="30" spans="1:4" ht="18" customHeight="1" x14ac:dyDescent="0.15">
      <c r="A30" s="8">
        <v>20</v>
      </c>
      <c r="B30" s="21">
        <v>41</v>
      </c>
      <c r="C30" s="6">
        <v>41</v>
      </c>
      <c r="D30" s="5">
        <v>82</v>
      </c>
    </row>
    <row r="31" spans="1:4" ht="18" customHeight="1" x14ac:dyDescent="0.15">
      <c r="A31" s="8">
        <v>21</v>
      </c>
      <c r="B31" s="21">
        <v>46</v>
      </c>
      <c r="C31" s="6">
        <v>46</v>
      </c>
      <c r="D31" s="5">
        <v>92</v>
      </c>
    </row>
    <row r="32" spans="1:4" ht="18" customHeight="1" x14ac:dyDescent="0.15">
      <c r="A32" s="8">
        <v>22</v>
      </c>
      <c r="B32" s="21">
        <v>59</v>
      </c>
      <c r="C32" s="6">
        <v>38</v>
      </c>
      <c r="D32" s="5">
        <v>97</v>
      </c>
    </row>
    <row r="33" spans="1:4" ht="18" customHeight="1" x14ac:dyDescent="0.15">
      <c r="A33" s="8">
        <v>23</v>
      </c>
      <c r="B33" s="21">
        <v>64</v>
      </c>
      <c r="C33" s="6">
        <v>42</v>
      </c>
      <c r="D33" s="5">
        <v>106</v>
      </c>
    </row>
    <row r="34" spans="1:4" ht="18" customHeight="1" x14ac:dyDescent="0.15">
      <c r="A34" s="8">
        <v>24</v>
      </c>
      <c r="B34" s="21">
        <v>50</v>
      </c>
      <c r="C34" s="6">
        <v>43</v>
      </c>
      <c r="D34" s="5">
        <v>93</v>
      </c>
    </row>
    <row r="35" spans="1:4" ht="18" customHeight="1" x14ac:dyDescent="0.15">
      <c r="A35" s="8" t="s">
        <v>20</v>
      </c>
      <c r="B35" s="21">
        <v>260</v>
      </c>
      <c r="C35" s="6">
        <v>210</v>
      </c>
      <c r="D35" s="5">
        <v>470</v>
      </c>
    </row>
    <row r="36" spans="1:4" ht="18" customHeight="1" x14ac:dyDescent="0.15">
      <c r="A36" s="8">
        <v>25</v>
      </c>
      <c r="B36" s="21">
        <v>71</v>
      </c>
      <c r="C36" s="6">
        <v>53</v>
      </c>
      <c r="D36" s="5">
        <v>124</v>
      </c>
    </row>
    <row r="37" spans="1:4" ht="18" customHeight="1" x14ac:dyDescent="0.15">
      <c r="A37" s="8">
        <v>26</v>
      </c>
      <c r="B37" s="21">
        <v>50</v>
      </c>
      <c r="C37" s="6">
        <v>51</v>
      </c>
      <c r="D37" s="5">
        <v>101</v>
      </c>
    </row>
    <row r="38" spans="1:4" ht="18" customHeight="1" x14ac:dyDescent="0.15">
      <c r="A38" s="8">
        <v>27</v>
      </c>
      <c r="B38" s="21">
        <v>66</v>
      </c>
      <c r="C38" s="6">
        <v>39</v>
      </c>
      <c r="D38" s="5">
        <v>105</v>
      </c>
    </row>
    <row r="39" spans="1:4" ht="18" customHeight="1" x14ac:dyDescent="0.15">
      <c r="A39" s="8">
        <v>28</v>
      </c>
      <c r="B39" s="21">
        <v>54</v>
      </c>
      <c r="C39" s="6">
        <v>46</v>
      </c>
      <c r="D39" s="5">
        <v>100</v>
      </c>
    </row>
    <row r="40" spans="1:4" ht="18" customHeight="1" x14ac:dyDescent="0.15">
      <c r="A40" s="8">
        <v>29</v>
      </c>
      <c r="B40" s="21">
        <v>51</v>
      </c>
      <c r="C40" s="6">
        <v>38</v>
      </c>
      <c r="D40" s="5">
        <v>89</v>
      </c>
    </row>
    <row r="41" spans="1:4" ht="18" customHeight="1" x14ac:dyDescent="0.15">
      <c r="A41" s="8" t="s">
        <v>19</v>
      </c>
      <c r="B41" s="21">
        <v>292</v>
      </c>
      <c r="C41" s="6">
        <v>227</v>
      </c>
      <c r="D41" s="5">
        <v>519</v>
      </c>
    </row>
    <row r="42" spans="1:4" ht="18" customHeight="1" x14ac:dyDescent="0.15">
      <c r="A42" s="8">
        <v>30</v>
      </c>
      <c r="B42" s="21">
        <v>58</v>
      </c>
      <c r="C42" s="6">
        <v>41</v>
      </c>
      <c r="D42" s="5">
        <v>99</v>
      </c>
    </row>
    <row r="43" spans="1:4" ht="18" customHeight="1" x14ac:dyDescent="0.15">
      <c r="A43" s="8">
        <v>31</v>
      </c>
      <c r="B43" s="21">
        <v>53</v>
      </c>
      <c r="C43" s="6">
        <v>37</v>
      </c>
      <c r="D43" s="5">
        <v>90</v>
      </c>
    </row>
    <row r="44" spans="1:4" ht="18" customHeight="1" x14ac:dyDescent="0.15">
      <c r="A44" s="8">
        <v>32</v>
      </c>
      <c r="B44" s="21">
        <v>41</v>
      </c>
      <c r="C44" s="6">
        <v>37</v>
      </c>
      <c r="D44" s="5">
        <v>78</v>
      </c>
    </row>
    <row r="45" spans="1:4" ht="18" customHeight="1" x14ac:dyDescent="0.15">
      <c r="A45" s="8">
        <v>33</v>
      </c>
      <c r="B45" s="21">
        <v>52</v>
      </c>
      <c r="C45" s="6">
        <v>43</v>
      </c>
      <c r="D45" s="5">
        <v>95</v>
      </c>
    </row>
    <row r="46" spans="1:4" ht="18" customHeight="1" x14ac:dyDescent="0.15">
      <c r="A46" s="8">
        <v>34</v>
      </c>
      <c r="B46" s="21">
        <v>42</v>
      </c>
      <c r="C46" s="6">
        <v>34</v>
      </c>
      <c r="D46" s="5">
        <v>76</v>
      </c>
    </row>
    <row r="47" spans="1:4" ht="18" customHeight="1" x14ac:dyDescent="0.15">
      <c r="A47" s="8" t="s">
        <v>18</v>
      </c>
      <c r="B47" s="21">
        <v>246</v>
      </c>
      <c r="C47" s="6">
        <v>192</v>
      </c>
      <c r="D47" s="5">
        <v>438</v>
      </c>
    </row>
    <row r="48" spans="1:4" ht="18" customHeight="1" x14ac:dyDescent="0.15">
      <c r="A48" s="8">
        <v>35</v>
      </c>
      <c r="B48" s="21">
        <v>51</v>
      </c>
      <c r="C48" s="6">
        <v>35</v>
      </c>
      <c r="D48" s="5">
        <v>86</v>
      </c>
    </row>
    <row r="49" spans="1:4" ht="18" customHeight="1" x14ac:dyDescent="0.15">
      <c r="A49" s="8">
        <v>36</v>
      </c>
      <c r="B49" s="21">
        <v>51</v>
      </c>
      <c r="C49" s="6">
        <v>30</v>
      </c>
      <c r="D49" s="5">
        <v>81</v>
      </c>
    </row>
    <row r="50" spans="1:4" ht="18" customHeight="1" x14ac:dyDescent="0.15">
      <c r="A50" s="8">
        <v>37</v>
      </c>
      <c r="B50" s="21">
        <v>60</v>
      </c>
      <c r="C50" s="6">
        <v>43</v>
      </c>
      <c r="D50" s="5">
        <v>103</v>
      </c>
    </row>
    <row r="51" spans="1:4" ht="18" customHeight="1" x14ac:dyDescent="0.15">
      <c r="A51" s="8">
        <v>38</v>
      </c>
      <c r="B51" s="21">
        <v>47</v>
      </c>
      <c r="C51" s="6">
        <v>61</v>
      </c>
      <c r="D51" s="5">
        <v>108</v>
      </c>
    </row>
    <row r="52" spans="1:4" ht="18" customHeight="1" x14ac:dyDescent="0.15">
      <c r="A52" s="8">
        <v>39</v>
      </c>
      <c r="B52" s="21">
        <v>55</v>
      </c>
      <c r="C52" s="6">
        <v>48</v>
      </c>
      <c r="D52" s="5">
        <v>103</v>
      </c>
    </row>
    <row r="53" spans="1:4" ht="18" customHeight="1" x14ac:dyDescent="0.15">
      <c r="A53" s="8" t="s">
        <v>17</v>
      </c>
      <c r="B53" s="21">
        <v>264</v>
      </c>
      <c r="C53" s="6">
        <v>217</v>
      </c>
      <c r="D53" s="5">
        <v>481</v>
      </c>
    </row>
    <row r="54" spans="1:4" ht="18" customHeight="1" x14ac:dyDescent="0.15">
      <c r="A54" s="8">
        <v>40</v>
      </c>
      <c r="B54" s="21">
        <v>58</v>
      </c>
      <c r="C54" s="6">
        <v>58</v>
      </c>
      <c r="D54" s="5">
        <v>116</v>
      </c>
    </row>
    <row r="55" spans="1:4" ht="18" customHeight="1" x14ac:dyDescent="0.15">
      <c r="A55" s="8">
        <v>41</v>
      </c>
      <c r="B55" s="21">
        <v>62</v>
      </c>
      <c r="C55" s="6">
        <v>50</v>
      </c>
      <c r="D55" s="5">
        <v>112</v>
      </c>
    </row>
    <row r="56" spans="1:4" ht="18" customHeight="1" x14ac:dyDescent="0.15">
      <c r="A56" s="8">
        <v>42</v>
      </c>
      <c r="B56" s="21">
        <v>62</v>
      </c>
      <c r="C56" s="6">
        <v>35</v>
      </c>
      <c r="D56" s="5">
        <v>97</v>
      </c>
    </row>
    <row r="57" spans="1:4" ht="18" customHeight="1" x14ac:dyDescent="0.15">
      <c r="A57" s="8">
        <v>43</v>
      </c>
      <c r="B57" s="21">
        <v>56</v>
      </c>
      <c r="C57" s="6">
        <v>59</v>
      </c>
      <c r="D57" s="5">
        <v>115</v>
      </c>
    </row>
    <row r="58" spans="1:4" ht="18" customHeight="1" x14ac:dyDescent="0.15">
      <c r="A58" s="8">
        <v>44</v>
      </c>
      <c r="B58" s="21">
        <v>52</v>
      </c>
      <c r="C58" s="6">
        <v>55</v>
      </c>
      <c r="D58" s="5">
        <v>107</v>
      </c>
    </row>
    <row r="59" spans="1:4" ht="18" customHeight="1" x14ac:dyDescent="0.15">
      <c r="A59" s="8" t="s">
        <v>16</v>
      </c>
      <c r="B59" s="21">
        <v>290</v>
      </c>
      <c r="C59" s="6">
        <v>257</v>
      </c>
      <c r="D59" s="5">
        <v>547</v>
      </c>
    </row>
    <row r="60" spans="1:4" ht="18" customHeight="1" x14ac:dyDescent="0.15">
      <c r="A60" s="8">
        <v>45</v>
      </c>
      <c r="B60" s="21">
        <v>64</v>
      </c>
      <c r="C60" s="6">
        <v>53</v>
      </c>
      <c r="D60" s="5">
        <v>117</v>
      </c>
    </row>
    <row r="61" spans="1:4" ht="18" customHeight="1" x14ac:dyDescent="0.15">
      <c r="A61" s="8">
        <v>46</v>
      </c>
      <c r="B61" s="21">
        <v>56</v>
      </c>
      <c r="C61" s="6">
        <v>54</v>
      </c>
      <c r="D61" s="5">
        <v>110</v>
      </c>
    </row>
    <row r="62" spans="1:4" ht="18" customHeight="1" x14ac:dyDescent="0.15">
      <c r="A62" s="8">
        <v>47</v>
      </c>
      <c r="B62" s="21">
        <v>70</v>
      </c>
      <c r="C62" s="6">
        <v>66</v>
      </c>
      <c r="D62" s="5">
        <v>136</v>
      </c>
    </row>
    <row r="63" spans="1:4" ht="18" customHeight="1" x14ac:dyDescent="0.15">
      <c r="A63" s="8">
        <v>48</v>
      </c>
      <c r="B63" s="21">
        <v>71</v>
      </c>
      <c r="C63" s="6">
        <v>56</v>
      </c>
      <c r="D63" s="5">
        <v>127</v>
      </c>
    </row>
    <row r="64" spans="1:4" ht="18" customHeight="1" x14ac:dyDescent="0.15">
      <c r="A64" s="8">
        <v>49</v>
      </c>
      <c r="B64" s="21">
        <v>72</v>
      </c>
      <c r="C64" s="6">
        <v>57</v>
      </c>
      <c r="D64" s="5">
        <v>129</v>
      </c>
    </row>
    <row r="65" spans="1:4" ht="18" customHeight="1" x14ac:dyDescent="0.15">
      <c r="A65" s="8" t="s">
        <v>15</v>
      </c>
      <c r="B65" s="21">
        <v>333</v>
      </c>
      <c r="C65" s="6">
        <v>286</v>
      </c>
      <c r="D65" s="5">
        <v>619</v>
      </c>
    </row>
    <row r="66" spans="1:4" ht="18" customHeight="1" x14ac:dyDescent="0.15">
      <c r="A66" s="8">
        <v>50</v>
      </c>
      <c r="B66" s="21">
        <v>69</v>
      </c>
      <c r="C66" s="6">
        <v>88</v>
      </c>
      <c r="D66" s="5">
        <v>157</v>
      </c>
    </row>
    <row r="67" spans="1:4" ht="18" customHeight="1" x14ac:dyDescent="0.15">
      <c r="A67" s="8">
        <v>51</v>
      </c>
      <c r="B67" s="21">
        <v>86</v>
      </c>
      <c r="C67" s="6">
        <v>84</v>
      </c>
      <c r="D67" s="5">
        <v>170</v>
      </c>
    </row>
    <row r="68" spans="1:4" ht="18" customHeight="1" x14ac:dyDescent="0.15">
      <c r="A68" s="8">
        <v>52</v>
      </c>
      <c r="B68" s="21">
        <v>86</v>
      </c>
      <c r="C68" s="6">
        <v>71</v>
      </c>
      <c r="D68" s="5">
        <v>157</v>
      </c>
    </row>
    <row r="69" spans="1:4" ht="18" customHeight="1" x14ac:dyDescent="0.15">
      <c r="A69" s="8">
        <v>53</v>
      </c>
      <c r="B69" s="21">
        <v>94</v>
      </c>
      <c r="C69" s="6">
        <v>96</v>
      </c>
      <c r="D69" s="5">
        <v>190</v>
      </c>
    </row>
    <row r="70" spans="1:4" ht="18" customHeight="1" x14ac:dyDescent="0.15">
      <c r="A70" s="8">
        <v>54</v>
      </c>
      <c r="B70" s="21">
        <v>89</v>
      </c>
      <c r="C70" s="6">
        <v>100</v>
      </c>
      <c r="D70" s="5">
        <v>189</v>
      </c>
    </row>
    <row r="71" spans="1:4" ht="18" customHeight="1" x14ac:dyDescent="0.15">
      <c r="A71" s="8" t="s">
        <v>14</v>
      </c>
      <c r="B71" s="21">
        <v>424</v>
      </c>
      <c r="C71" s="6">
        <v>439</v>
      </c>
      <c r="D71" s="5">
        <v>863</v>
      </c>
    </row>
    <row r="72" spans="1:4" ht="18" customHeight="1" x14ac:dyDescent="0.15">
      <c r="A72" s="8">
        <v>55</v>
      </c>
      <c r="B72" s="21">
        <v>73</v>
      </c>
      <c r="C72" s="6">
        <v>80</v>
      </c>
      <c r="D72" s="5">
        <v>153</v>
      </c>
    </row>
    <row r="73" spans="1:4" ht="18" customHeight="1" x14ac:dyDescent="0.15">
      <c r="A73" s="8">
        <v>56</v>
      </c>
      <c r="B73" s="21">
        <v>92</v>
      </c>
      <c r="C73" s="6">
        <v>82</v>
      </c>
      <c r="D73" s="5">
        <v>174</v>
      </c>
    </row>
    <row r="74" spans="1:4" ht="18" customHeight="1" x14ac:dyDescent="0.15">
      <c r="A74" s="8">
        <v>57</v>
      </c>
      <c r="B74" s="21">
        <v>84</v>
      </c>
      <c r="C74" s="6">
        <v>71</v>
      </c>
      <c r="D74" s="5">
        <v>155</v>
      </c>
    </row>
    <row r="75" spans="1:4" ht="18" customHeight="1" x14ac:dyDescent="0.15">
      <c r="A75" s="8">
        <v>58</v>
      </c>
      <c r="B75" s="21">
        <v>96</v>
      </c>
      <c r="C75" s="6">
        <v>98</v>
      </c>
      <c r="D75" s="5">
        <v>194</v>
      </c>
    </row>
    <row r="76" spans="1:4" ht="18" customHeight="1" x14ac:dyDescent="0.15">
      <c r="A76" s="8">
        <v>59</v>
      </c>
      <c r="B76" s="21">
        <v>65</v>
      </c>
      <c r="C76" s="6">
        <v>69</v>
      </c>
      <c r="D76" s="5">
        <v>134</v>
      </c>
    </row>
    <row r="77" spans="1:4" ht="18" customHeight="1" x14ac:dyDescent="0.15">
      <c r="A77" s="8" t="s">
        <v>13</v>
      </c>
      <c r="B77" s="21">
        <v>410</v>
      </c>
      <c r="C77" s="6">
        <v>400</v>
      </c>
      <c r="D77" s="5">
        <v>810</v>
      </c>
    </row>
    <row r="78" spans="1:4" ht="18" customHeight="1" x14ac:dyDescent="0.15">
      <c r="A78" s="8">
        <v>60</v>
      </c>
      <c r="B78" s="21">
        <v>71</v>
      </c>
      <c r="C78" s="6">
        <v>71</v>
      </c>
      <c r="D78" s="5">
        <v>142</v>
      </c>
    </row>
    <row r="79" spans="1:4" ht="18" customHeight="1" x14ac:dyDescent="0.15">
      <c r="A79" s="8">
        <v>61</v>
      </c>
      <c r="B79" s="21">
        <v>78</v>
      </c>
      <c r="C79" s="6">
        <v>82</v>
      </c>
      <c r="D79" s="5">
        <v>160</v>
      </c>
    </row>
    <row r="80" spans="1:4" ht="18" customHeight="1" x14ac:dyDescent="0.15">
      <c r="A80" s="8">
        <v>62</v>
      </c>
      <c r="B80" s="21">
        <v>82</v>
      </c>
      <c r="C80" s="6">
        <v>70</v>
      </c>
      <c r="D80" s="5">
        <v>152</v>
      </c>
    </row>
    <row r="81" spans="1:4" ht="18" customHeight="1" x14ac:dyDescent="0.15">
      <c r="A81" s="8">
        <v>63</v>
      </c>
      <c r="B81" s="21">
        <v>86</v>
      </c>
      <c r="C81" s="6">
        <v>67</v>
      </c>
      <c r="D81" s="5">
        <v>153</v>
      </c>
    </row>
    <row r="82" spans="1:4" ht="18" customHeight="1" x14ac:dyDescent="0.15">
      <c r="A82" s="8">
        <v>64</v>
      </c>
      <c r="B82" s="21">
        <v>70</v>
      </c>
      <c r="C82" s="6">
        <v>93</v>
      </c>
      <c r="D82" s="5">
        <v>163</v>
      </c>
    </row>
    <row r="83" spans="1:4" ht="18" customHeight="1" x14ac:dyDescent="0.15">
      <c r="A83" s="8" t="s">
        <v>12</v>
      </c>
      <c r="B83" s="21">
        <v>387</v>
      </c>
      <c r="C83" s="6">
        <v>383</v>
      </c>
      <c r="D83" s="5">
        <v>770</v>
      </c>
    </row>
    <row r="84" spans="1:4" ht="18" customHeight="1" x14ac:dyDescent="0.15">
      <c r="A84" s="8" t="s">
        <v>11</v>
      </c>
      <c r="B84" s="21">
        <v>3106</v>
      </c>
      <c r="C84" s="6">
        <v>2818</v>
      </c>
      <c r="D84" s="5">
        <v>5924</v>
      </c>
    </row>
    <row r="85" spans="1:4" ht="18" customHeight="1" x14ac:dyDescent="0.15">
      <c r="A85" s="8">
        <v>65</v>
      </c>
      <c r="B85" s="21">
        <v>73</v>
      </c>
      <c r="C85" s="6">
        <v>86</v>
      </c>
      <c r="D85" s="5">
        <v>159</v>
      </c>
    </row>
    <row r="86" spans="1:4" ht="18" customHeight="1" x14ac:dyDescent="0.15">
      <c r="A86" s="8">
        <v>66</v>
      </c>
      <c r="B86" s="21">
        <v>80</v>
      </c>
      <c r="C86" s="6">
        <v>78</v>
      </c>
      <c r="D86" s="5">
        <v>158</v>
      </c>
    </row>
    <row r="87" spans="1:4" ht="18" customHeight="1" x14ac:dyDescent="0.15">
      <c r="A87" s="8">
        <v>67</v>
      </c>
      <c r="B87" s="21">
        <v>78</v>
      </c>
      <c r="C87" s="6">
        <v>84</v>
      </c>
      <c r="D87" s="5">
        <v>162</v>
      </c>
    </row>
    <row r="88" spans="1:4" ht="18" customHeight="1" x14ac:dyDescent="0.15">
      <c r="A88" s="8">
        <v>68</v>
      </c>
      <c r="B88" s="21">
        <v>67</v>
      </c>
      <c r="C88" s="6">
        <v>65</v>
      </c>
      <c r="D88" s="5">
        <v>132</v>
      </c>
    </row>
    <row r="89" spans="1:4" ht="18" customHeight="1" x14ac:dyDescent="0.15">
      <c r="A89" s="8">
        <v>69</v>
      </c>
      <c r="B89" s="21">
        <v>83</v>
      </c>
      <c r="C89" s="6">
        <v>72</v>
      </c>
      <c r="D89" s="5">
        <v>155</v>
      </c>
    </row>
    <row r="90" spans="1:4" ht="18" customHeight="1" x14ac:dyDescent="0.15">
      <c r="A90" s="8" t="s">
        <v>10</v>
      </c>
      <c r="B90" s="21">
        <v>381</v>
      </c>
      <c r="C90" s="6">
        <v>385</v>
      </c>
      <c r="D90" s="5">
        <v>766</v>
      </c>
    </row>
    <row r="91" spans="1:4" ht="18" customHeight="1" x14ac:dyDescent="0.15">
      <c r="A91" s="8">
        <v>70</v>
      </c>
      <c r="B91" s="21">
        <v>74</v>
      </c>
      <c r="C91" s="6">
        <v>82</v>
      </c>
      <c r="D91" s="5">
        <v>156</v>
      </c>
    </row>
    <row r="92" spans="1:4" ht="18" customHeight="1" x14ac:dyDescent="0.15">
      <c r="A92" s="8">
        <v>71</v>
      </c>
      <c r="B92" s="21">
        <v>78</v>
      </c>
      <c r="C92" s="6">
        <v>72</v>
      </c>
      <c r="D92" s="5">
        <v>150</v>
      </c>
    </row>
    <row r="93" spans="1:4" ht="18" customHeight="1" x14ac:dyDescent="0.15">
      <c r="A93" s="8">
        <v>72</v>
      </c>
      <c r="B93" s="21">
        <v>65</v>
      </c>
      <c r="C93" s="6">
        <v>87</v>
      </c>
      <c r="D93" s="5">
        <v>152</v>
      </c>
    </row>
    <row r="94" spans="1:4" ht="18" customHeight="1" x14ac:dyDescent="0.15">
      <c r="A94" s="8">
        <v>73</v>
      </c>
      <c r="B94" s="21">
        <v>64</v>
      </c>
      <c r="C94" s="6">
        <v>81</v>
      </c>
      <c r="D94" s="5">
        <v>145</v>
      </c>
    </row>
    <row r="95" spans="1:4" ht="18" customHeight="1" x14ac:dyDescent="0.15">
      <c r="A95" s="8">
        <v>74</v>
      </c>
      <c r="B95" s="21">
        <v>71</v>
      </c>
      <c r="C95" s="6">
        <v>79</v>
      </c>
      <c r="D95" s="5">
        <v>150</v>
      </c>
    </row>
    <row r="96" spans="1:4" ht="18" customHeight="1" x14ac:dyDescent="0.15">
      <c r="A96" s="8" t="s">
        <v>9</v>
      </c>
      <c r="B96" s="21">
        <v>352</v>
      </c>
      <c r="C96" s="6">
        <v>401</v>
      </c>
      <c r="D96" s="5">
        <v>753</v>
      </c>
    </row>
    <row r="97" spans="1:4" ht="18" customHeight="1" x14ac:dyDescent="0.15">
      <c r="A97" s="8">
        <v>75</v>
      </c>
      <c r="B97" s="21">
        <v>77</v>
      </c>
      <c r="C97" s="6">
        <v>72</v>
      </c>
      <c r="D97" s="5">
        <v>149</v>
      </c>
    </row>
    <row r="98" spans="1:4" ht="18" customHeight="1" x14ac:dyDescent="0.15">
      <c r="A98" s="8">
        <v>76</v>
      </c>
      <c r="B98" s="21">
        <v>78</v>
      </c>
      <c r="C98" s="6">
        <v>101</v>
      </c>
      <c r="D98" s="5">
        <v>179</v>
      </c>
    </row>
    <row r="99" spans="1:4" ht="18" customHeight="1" x14ac:dyDescent="0.15">
      <c r="A99" s="8">
        <v>77</v>
      </c>
      <c r="B99" s="21">
        <v>85</v>
      </c>
      <c r="C99" s="6">
        <v>91</v>
      </c>
      <c r="D99" s="5">
        <v>176</v>
      </c>
    </row>
    <row r="100" spans="1:4" ht="18" customHeight="1" x14ac:dyDescent="0.15">
      <c r="A100" s="8">
        <v>78</v>
      </c>
      <c r="B100" s="21">
        <v>83</v>
      </c>
      <c r="C100" s="6">
        <v>124</v>
      </c>
      <c r="D100" s="5">
        <v>207</v>
      </c>
    </row>
    <row r="101" spans="1:4" ht="18" customHeight="1" x14ac:dyDescent="0.15">
      <c r="A101" s="8">
        <v>79</v>
      </c>
      <c r="B101" s="21">
        <v>45</v>
      </c>
      <c r="C101" s="6">
        <v>61</v>
      </c>
      <c r="D101" s="5">
        <v>106</v>
      </c>
    </row>
    <row r="102" spans="1:4" ht="18" customHeight="1" x14ac:dyDescent="0.15">
      <c r="A102" s="8" t="s">
        <v>8</v>
      </c>
      <c r="B102" s="21">
        <v>368</v>
      </c>
      <c r="C102" s="6">
        <v>449</v>
      </c>
      <c r="D102" s="5">
        <v>817</v>
      </c>
    </row>
    <row r="103" spans="1:4" ht="18" customHeight="1" x14ac:dyDescent="0.15">
      <c r="A103" s="8">
        <v>80</v>
      </c>
      <c r="B103" s="21">
        <v>43</v>
      </c>
      <c r="C103" s="6">
        <v>67</v>
      </c>
      <c r="D103" s="5">
        <v>110</v>
      </c>
    </row>
    <row r="104" spans="1:4" ht="18" customHeight="1" x14ac:dyDescent="0.15">
      <c r="A104" s="8">
        <v>81</v>
      </c>
      <c r="B104" s="21">
        <v>54</v>
      </c>
      <c r="C104" s="6">
        <v>79</v>
      </c>
      <c r="D104" s="5">
        <v>133</v>
      </c>
    </row>
    <row r="105" spans="1:4" ht="18" customHeight="1" x14ac:dyDescent="0.15">
      <c r="A105" s="8">
        <v>82</v>
      </c>
      <c r="B105" s="21">
        <v>46</v>
      </c>
      <c r="C105" s="6">
        <v>95</v>
      </c>
      <c r="D105" s="5">
        <v>141</v>
      </c>
    </row>
    <row r="106" spans="1:4" ht="18" customHeight="1" x14ac:dyDescent="0.15">
      <c r="A106" s="8">
        <v>83</v>
      </c>
      <c r="B106" s="21">
        <v>62</v>
      </c>
      <c r="C106" s="6">
        <v>90</v>
      </c>
      <c r="D106" s="5">
        <v>152</v>
      </c>
    </row>
    <row r="107" spans="1:4" ht="18" customHeight="1" x14ac:dyDescent="0.15">
      <c r="A107" s="8">
        <v>84</v>
      </c>
      <c r="B107" s="21">
        <v>48</v>
      </c>
      <c r="C107" s="6">
        <v>86</v>
      </c>
      <c r="D107" s="5">
        <v>134</v>
      </c>
    </row>
    <row r="108" spans="1:4" ht="18" customHeight="1" x14ac:dyDescent="0.15">
      <c r="A108" s="8" t="s">
        <v>7</v>
      </c>
      <c r="B108" s="21">
        <v>253</v>
      </c>
      <c r="C108" s="6">
        <v>417</v>
      </c>
      <c r="D108" s="5">
        <v>670</v>
      </c>
    </row>
    <row r="109" spans="1:4" ht="18" customHeight="1" x14ac:dyDescent="0.15">
      <c r="A109" s="8">
        <v>85</v>
      </c>
      <c r="B109" s="21">
        <v>44</v>
      </c>
      <c r="C109" s="6">
        <v>75</v>
      </c>
      <c r="D109" s="5">
        <v>119</v>
      </c>
    </row>
    <row r="110" spans="1:4" ht="18" customHeight="1" x14ac:dyDescent="0.15">
      <c r="A110" s="8">
        <v>86</v>
      </c>
      <c r="B110" s="21">
        <v>35</v>
      </c>
      <c r="C110" s="6">
        <v>56</v>
      </c>
      <c r="D110" s="5">
        <v>91</v>
      </c>
    </row>
    <row r="111" spans="1:4" ht="18" customHeight="1" x14ac:dyDescent="0.15">
      <c r="A111" s="8">
        <v>87</v>
      </c>
      <c r="B111" s="21">
        <v>29</v>
      </c>
      <c r="C111" s="6">
        <v>47</v>
      </c>
      <c r="D111" s="5">
        <v>76</v>
      </c>
    </row>
    <row r="112" spans="1:4" ht="18" customHeight="1" x14ac:dyDescent="0.15">
      <c r="A112" s="8">
        <v>88</v>
      </c>
      <c r="B112" s="21">
        <v>23</v>
      </c>
      <c r="C112" s="6">
        <v>40</v>
      </c>
      <c r="D112" s="5">
        <v>63</v>
      </c>
    </row>
    <row r="113" spans="1:4" ht="18" customHeight="1" x14ac:dyDescent="0.15">
      <c r="A113" s="8">
        <v>89</v>
      </c>
      <c r="B113" s="21">
        <v>27</v>
      </c>
      <c r="C113" s="6">
        <v>50</v>
      </c>
      <c r="D113" s="5">
        <v>77</v>
      </c>
    </row>
    <row r="114" spans="1:4" ht="18" customHeight="1" x14ac:dyDescent="0.15">
      <c r="A114" s="8" t="s">
        <v>6</v>
      </c>
      <c r="B114" s="21">
        <v>158</v>
      </c>
      <c r="C114" s="6">
        <v>268</v>
      </c>
      <c r="D114" s="5">
        <v>426</v>
      </c>
    </row>
    <row r="115" spans="1:4" ht="18" customHeight="1" x14ac:dyDescent="0.15">
      <c r="A115" s="8">
        <v>90</v>
      </c>
      <c r="B115" s="21">
        <v>18</v>
      </c>
      <c r="C115" s="6">
        <v>56</v>
      </c>
      <c r="D115" s="5">
        <v>74</v>
      </c>
    </row>
    <row r="116" spans="1:4" ht="18" customHeight="1" x14ac:dyDescent="0.15">
      <c r="A116" s="8">
        <v>91</v>
      </c>
      <c r="B116" s="21">
        <v>21</v>
      </c>
      <c r="C116" s="6">
        <v>43</v>
      </c>
      <c r="D116" s="5">
        <v>64</v>
      </c>
    </row>
    <row r="117" spans="1:4" ht="18" customHeight="1" x14ac:dyDescent="0.15">
      <c r="A117" s="8">
        <v>92</v>
      </c>
      <c r="B117" s="21">
        <v>11</v>
      </c>
      <c r="C117" s="6">
        <v>30</v>
      </c>
      <c r="D117" s="5">
        <v>41</v>
      </c>
    </row>
    <row r="118" spans="1:4" ht="18" customHeight="1" x14ac:dyDescent="0.15">
      <c r="A118" s="8">
        <v>93</v>
      </c>
      <c r="B118" s="21">
        <v>11</v>
      </c>
      <c r="C118" s="6">
        <v>29</v>
      </c>
      <c r="D118" s="5">
        <v>40</v>
      </c>
    </row>
    <row r="119" spans="1:4" ht="18" customHeight="1" x14ac:dyDescent="0.15">
      <c r="A119" s="8">
        <v>94</v>
      </c>
      <c r="B119" s="21">
        <v>4</v>
      </c>
      <c r="C119" s="6">
        <v>34</v>
      </c>
      <c r="D119" s="5">
        <v>38</v>
      </c>
    </row>
    <row r="120" spans="1:4" ht="18" customHeight="1" x14ac:dyDescent="0.15">
      <c r="A120" s="8" t="s">
        <v>5</v>
      </c>
      <c r="B120" s="21">
        <v>65</v>
      </c>
      <c r="C120" s="6">
        <v>192</v>
      </c>
      <c r="D120" s="5">
        <v>257</v>
      </c>
    </row>
    <row r="121" spans="1:4" ht="18" customHeight="1" x14ac:dyDescent="0.15">
      <c r="A121" s="8">
        <v>95</v>
      </c>
      <c r="B121" s="21">
        <v>4</v>
      </c>
      <c r="C121" s="6">
        <v>24</v>
      </c>
      <c r="D121" s="5">
        <v>28</v>
      </c>
    </row>
    <row r="122" spans="1:4" ht="18" customHeight="1" x14ac:dyDescent="0.15">
      <c r="A122" s="8">
        <v>96</v>
      </c>
      <c r="B122" s="21">
        <v>1</v>
      </c>
      <c r="C122" s="6">
        <v>14</v>
      </c>
      <c r="D122" s="5">
        <v>15</v>
      </c>
    </row>
    <row r="123" spans="1:4" ht="18" customHeight="1" x14ac:dyDescent="0.15">
      <c r="A123" s="8">
        <v>97</v>
      </c>
      <c r="B123" s="21">
        <v>3</v>
      </c>
      <c r="C123" s="6">
        <v>11</v>
      </c>
      <c r="D123" s="5">
        <v>14</v>
      </c>
    </row>
    <row r="124" spans="1:4" ht="18" customHeight="1" x14ac:dyDescent="0.15">
      <c r="A124" s="8">
        <v>98</v>
      </c>
      <c r="B124" s="21">
        <v>1</v>
      </c>
      <c r="C124" s="6">
        <v>3</v>
      </c>
      <c r="D124" s="5">
        <v>4</v>
      </c>
    </row>
    <row r="125" spans="1:4" ht="18" customHeight="1" x14ac:dyDescent="0.15">
      <c r="A125" s="8">
        <v>99</v>
      </c>
      <c r="B125" s="21">
        <v>1</v>
      </c>
      <c r="C125" s="6">
        <v>4</v>
      </c>
      <c r="D125" s="5">
        <v>5</v>
      </c>
    </row>
    <row r="126" spans="1:4" ht="18" customHeight="1" x14ac:dyDescent="0.15">
      <c r="A126" s="8" t="s">
        <v>4</v>
      </c>
      <c r="B126" s="21">
        <v>10</v>
      </c>
      <c r="C126" s="6">
        <v>56</v>
      </c>
      <c r="D126" s="5">
        <v>66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4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7</v>
      </c>
      <c r="D129" s="5">
        <v>8</v>
      </c>
    </row>
    <row r="130" spans="1:4" ht="18" customHeight="1" x14ac:dyDescent="0.15">
      <c r="A130" s="8" t="s">
        <v>1</v>
      </c>
      <c r="B130" s="21">
        <v>1588</v>
      </c>
      <c r="C130" s="6">
        <v>2175</v>
      </c>
      <c r="D130" s="5">
        <v>3763</v>
      </c>
    </row>
    <row r="131" spans="1:4" ht="18" customHeight="1" x14ac:dyDescent="0.15">
      <c r="A131" s="4" t="s">
        <v>0</v>
      </c>
      <c r="B131" s="20">
        <v>5137</v>
      </c>
      <c r="C131" s="2">
        <v>5427</v>
      </c>
      <c r="D131" s="1">
        <v>1056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96416F-F069-4E4F-BFC8-3CE3464D0D6C}">
  <sheetPr codeName="Sheet6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32</v>
      </c>
      <c r="C5" s="31">
        <v>35</v>
      </c>
      <c r="D5" s="30">
        <v>67</v>
      </c>
    </row>
    <row r="6" spans="1:4" ht="18" customHeight="1" x14ac:dyDescent="0.15">
      <c r="A6" s="8">
        <v>1</v>
      </c>
      <c r="B6" s="26">
        <v>38</v>
      </c>
      <c r="C6" s="6">
        <v>31</v>
      </c>
      <c r="D6" s="5">
        <v>69</v>
      </c>
    </row>
    <row r="7" spans="1:4" ht="18" customHeight="1" x14ac:dyDescent="0.15">
      <c r="A7" s="8">
        <v>2</v>
      </c>
      <c r="B7" s="26">
        <v>42</v>
      </c>
      <c r="C7" s="6">
        <v>49</v>
      </c>
      <c r="D7" s="5">
        <v>91</v>
      </c>
    </row>
    <row r="8" spans="1:4" ht="18" customHeight="1" x14ac:dyDescent="0.15">
      <c r="A8" s="8">
        <v>3</v>
      </c>
      <c r="B8" s="26">
        <v>48</v>
      </c>
      <c r="C8" s="6">
        <v>32</v>
      </c>
      <c r="D8" s="5">
        <v>80</v>
      </c>
    </row>
    <row r="9" spans="1:4" ht="18" customHeight="1" x14ac:dyDescent="0.15">
      <c r="A9" s="8">
        <v>4</v>
      </c>
      <c r="B9" s="29">
        <v>45</v>
      </c>
      <c r="C9" s="28">
        <v>42</v>
      </c>
      <c r="D9" s="27">
        <v>87</v>
      </c>
    </row>
    <row r="10" spans="1:4" ht="18" customHeight="1" x14ac:dyDescent="0.15">
      <c r="A10" s="8" t="s">
        <v>25</v>
      </c>
      <c r="B10" s="21">
        <v>205</v>
      </c>
      <c r="C10" s="6">
        <v>189</v>
      </c>
      <c r="D10" s="5">
        <v>394</v>
      </c>
    </row>
    <row r="11" spans="1:4" ht="18" customHeight="1" x14ac:dyDescent="0.15">
      <c r="A11" s="8">
        <v>5</v>
      </c>
      <c r="B11" s="26">
        <v>44</v>
      </c>
      <c r="C11" s="6">
        <v>50</v>
      </c>
      <c r="D11" s="5">
        <v>94</v>
      </c>
    </row>
    <row r="12" spans="1:4" ht="18" customHeight="1" x14ac:dyDescent="0.15">
      <c r="A12" s="8">
        <v>6</v>
      </c>
      <c r="B12" s="26">
        <v>47</v>
      </c>
      <c r="C12" s="6">
        <v>34</v>
      </c>
      <c r="D12" s="5">
        <v>81</v>
      </c>
    </row>
    <row r="13" spans="1:4" ht="18" customHeight="1" x14ac:dyDescent="0.15">
      <c r="A13" s="8">
        <v>7</v>
      </c>
      <c r="B13" s="26">
        <v>42</v>
      </c>
      <c r="C13" s="6">
        <v>60</v>
      </c>
      <c r="D13" s="5">
        <v>102</v>
      </c>
    </row>
    <row r="14" spans="1:4" ht="18" customHeight="1" x14ac:dyDescent="0.15">
      <c r="A14" s="8">
        <v>8</v>
      </c>
      <c r="B14" s="26">
        <v>56</v>
      </c>
      <c r="C14" s="6">
        <v>28</v>
      </c>
      <c r="D14" s="5">
        <v>84</v>
      </c>
    </row>
    <row r="15" spans="1:4" ht="18" customHeight="1" x14ac:dyDescent="0.15">
      <c r="A15" s="8">
        <v>9</v>
      </c>
      <c r="B15" s="26">
        <v>50</v>
      </c>
      <c r="C15" s="6">
        <v>38</v>
      </c>
      <c r="D15" s="5">
        <v>88</v>
      </c>
    </row>
    <row r="16" spans="1:4" ht="18" customHeight="1" x14ac:dyDescent="0.15">
      <c r="A16" s="8" t="s">
        <v>24</v>
      </c>
      <c r="B16" s="21">
        <v>239</v>
      </c>
      <c r="C16" s="6">
        <v>210</v>
      </c>
      <c r="D16" s="5">
        <v>449</v>
      </c>
    </row>
    <row r="17" spans="1:4" ht="18" customHeight="1" x14ac:dyDescent="0.15">
      <c r="A17" s="8">
        <v>10</v>
      </c>
      <c r="B17" s="21">
        <v>33</v>
      </c>
      <c r="C17" s="6">
        <v>51</v>
      </c>
      <c r="D17" s="5">
        <v>84</v>
      </c>
    </row>
    <row r="18" spans="1:4" ht="18" customHeight="1" x14ac:dyDescent="0.15">
      <c r="A18" s="8">
        <v>11</v>
      </c>
      <c r="B18" s="21">
        <v>36</v>
      </c>
      <c r="C18" s="6">
        <v>36</v>
      </c>
      <c r="D18" s="5">
        <v>72</v>
      </c>
    </row>
    <row r="19" spans="1:4" ht="18" customHeight="1" x14ac:dyDescent="0.15">
      <c r="A19" s="8">
        <v>12</v>
      </c>
      <c r="B19" s="21">
        <v>39</v>
      </c>
      <c r="C19" s="6">
        <v>31</v>
      </c>
      <c r="D19" s="5">
        <v>70</v>
      </c>
    </row>
    <row r="20" spans="1:4" ht="18" customHeight="1" x14ac:dyDescent="0.15">
      <c r="A20" s="8">
        <v>13</v>
      </c>
      <c r="B20" s="21">
        <v>40</v>
      </c>
      <c r="C20" s="6">
        <v>32</v>
      </c>
      <c r="D20" s="5">
        <v>72</v>
      </c>
    </row>
    <row r="21" spans="1:4" ht="18" customHeight="1" x14ac:dyDescent="0.15">
      <c r="A21" s="8">
        <v>14</v>
      </c>
      <c r="B21" s="21">
        <v>39</v>
      </c>
      <c r="C21" s="6">
        <v>29</v>
      </c>
      <c r="D21" s="5">
        <v>68</v>
      </c>
    </row>
    <row r="22" spans="1:4" ht="18" customHeight="1" x14ac:dyDescent="0.15">
      <c r="A22" s="8" t="s">
        <v>23</v>
      </c>
      <c r="B22" s="21">
        <v>187</v>
      </c>
      <c r="C22" s="6">
        <v>179</v>
      </c>
      <c r="D22" s="5">
        <v>366</v>
      </c>
    </row>
    <row r="23" spans="1:4" ht="18" customHeight="1" x14ac:dyDescent="0.15">
      <c r="A23" s="8" t="s">
        <v>22</v>
      </c>
      <c r="B23" s="21">
        <v>631</v>
      </c>
      <c r="C23" s="6">
        <v>578</v>
      </c>
      <c r="D23" s="5">
        <v>1209</v>
      </c>
    </row>
    <row r="24" spans="1:4" ht="18" customHeight="1" x14ac:dyDescent="0.15">
      <c r="A24" s="8">
        <v>15</v>
      </c>
      <c r="B24" s="21">
        <v>40</v>
      </c>
      <c r="C24" s="6">
        <v>34</v>
      </c>
      <c r="D24" s="5">
        <v>74</v>
      </c>
    </row>
    <row r="25" spans="1:4" ht="18" customHeight="1" x14ac:dyDescent="0.15">
      <c r="A25" s="8">
        <v>16</v>
      </c>
      <c r="B25" s="21">
        <v>35</v>
      </c>
      <c r="C25" s="6">
        <v>38</v>
      </c>
      <c r="D25" s="5">
        <v>73</v>
      </c>
    </row>
    <row r="26" spans="1:4" ht="18" customHeight="1" x14ac:dyDescent="0.15">
      <c r="A26" s="8">
        <v>17</v>
      </c>
      <c r="B26" s="21">
        <v>41</v>
      </c>
      <c r="C26" s="6">
        <v>32</v>
      </c>
      <c r="D26" s="5">
        <v>73</v>
      </c>
    </row>
    <row r="27" spans="1:4" ht="18" customHeight="1" x14ac:dyDescent="0.15">
      <c r="A27" s="8">
        <v>18</v>
      </c>
      <c r="B27" s="21">
        <v>44</v>
      </c>
      <c r="C27" s="6">
        <v>30</v>
      </c>
      <c r="D27" s="5">
        <v>74</v>
      </c>
    </row>
    <row r="28" spans="1:4" ht="18" customHeight="1" x14ac:dyDescent="0.15">
      <c r="A28" s="8">
        <v>19</v>
      </c>
      <c r="B28" s="21">
        <v>34</v>
      </c>
      <c r="C28" s="6">
        <v>35</v>
      </c>
      <c r="D28" s="5">
        <v>69</v>
      </c>
    </row>
    <row r="29" spans="1:4" ht="18" customHeight="1" x14ac:dyDescent="0.15">
      <c r="A29" s="8" t="s">
        <v>21</v>
      </c>
      <c r="B29" s="21">
        <v>194</v>
      </c>
      <c r="C29" s="6">
        <v>169</v>
      </c>
      <c r="D29" s="5">
        <v>363</v>
      </c>
    </row>
    <row r="30" spans="1:4" ht="18" customHeight="1" x14ac:dyDescent="0.15">
      <c r="A30" s="8">
        <v>20</v>
      </c>
      <c r="B30" s="21">
        <v>46</v>
      </c>
      <c r="C30" s="6">
        <v>30</v>
      </c>
      <c r="D30" s="5">
        <v>76</v>
      </c>
    </row>
    <row r="31" spans="1:4" ht="18" customHeight="1" x14ac:dyDescent="0.15">
      <c r="A31" s="8">
        <v>21</v>
      </c>
      <c r="B31" s="21">
        <v>40</v>
      </c>
      <c r="C31" s="6">
        <v>28</v>
      </c>
      <c r="D31" s="5">
        <v>68</v>
      </c>
    </row>
    <row r="32" spans="1:4" ht="18" customHeight="1" x14ac:dyDescent="0.15">
      <c r="A32" s="8">
        <v>22</v>
      </c>
      <c r="B32" s="21">
        <v>42</v>
      </c>
      <c r="C32" s="6">
        <v>26</v>
      </c>
      <c r="D32" s="5">
        <v>68</v>
      </c>
    </row>
    <row r="33" spans="1:4" ht="18" customHeight="1" x14ac:dyDescent="0.15">
      <c r="A33" s="8">
        <v>23</v>
      </c>
      <c r="B33" s="21">
        <v>48</v>
      </c>
      <c r="C33" s="6">
        <v>41</v>
      </c>
      <c r="D33" s="5">
        <v>89</v>
      </c>
    </row>
    <row r="34" spans="1:4" ht="18" customHeight="1" x14ac:dyDescent="0.15">
      <c r="A34" s="8">
        <v>24</v>
      </c>
      <c r="B34" s="21">
        <v>45</v>
      </c>
      <c r="C34" s="6">
        <v>47</v>
      </c>
      <c r="D34" s="5">
        <v>92</v>
      </c>
    </row>
    <row r="35" spans="1:4" ht="18" customHeight="1" x14ac:dyDescent="0.15">
      <c r="A35" s="8" t="s">
        <v>20</v>
      </c>
      <c r="B35" s="21">
        <v>221</v>
      </c>
      <c r="C35" s="6">
        <v>172</v>
      </c>
      <c r="D35" s="5">
        <v>393</v>
      </c>
    </row>
    <row r="36" spans="1:4" ht="18" customHeight="1" x14ac:dyDescent="0.15">
      <c r="A36" s="8">
        <v>25</v>
      </c>
      <c r="B36" s="21">
        <v>34</v>
      </c>
      <c r="C36" s="6">
        <v>28</v>
      </c>
      <c r="D36" s="5">
        <v>62</v>
      </c>
    </row>
    <row r="37" spans="1:4" ht="18" customHeight="1" x14ac:dyDescent="0.15">
      <c r="A37" s="8">
        <v>26</v>
      </c>
      <c r="B37" s="21">
        <v>47</v>
      </c>
      <c r="C37" s="6">
        <v>33</v>
      </c>
      <c r="D37" s="5">
        <v>80</v>
      </c>
    </row>
    <row r="38" spans="1:4" ht="18" customHeight="1" x14ac:dyDescent="0.15">
      <c r="A38" s="8">
        <v>27</v>
      </c>
      <c r="B38" s="21">
        <v>36</v>
      </c>
      <c r="C38" s="6">
        <v>41</v>
      </c>
      <c r="D38" s="5">
        <v>77</v>
      </c>
    </row>
    <row r="39" spans="1:4" ht="18" customHeight="1" x14ac:dyDescent="0.15">
      <c r="A39" s="8">
        <v>28</v>
      </c>
      <c r="B39" s="21">
        <v>31</v>
      </c>
      <c r="C39" s="6">
        <v>36</v>
      </c>
      <c r="D39" s="5">
        <v>67</v>
      </c>
    </row>
    <row r="40" spans="1:4" ht="18" customHeight="1" x14ac:dyDescent="0.15">
      <c r="A40" s="8">
        <v>29</v>
      </c>
      <c r="B40" s="21">
        <v>37</v>
      </c>
      <c r="C40" s="6">
        <v>29</v>
      </c>
      <c r="D40" s="5">
        <v>66</v>
      </c>
    </row>
    <row r="41" spans="1:4" ht="18" customHeight="1" x14ac:dyDescent="0.15">
      <c r="A41" s="8" t="s">
        <v>19</v>
      </c>
      <c r="B41" s="21">
        <v>185</v>
      </c>
      <c r="C41" s="6">
        <v>167</v>
      </c>
      <c r="D41" s="5">
        <v>352</v>
      </c>
    </row>
    <row r="42" spans="1:4" ht="18" customHeight="1" x14ac:dyDescent="0.15">
      <c r="A42" s="8">
        <v>30</v>
      </c>
      <c r="B42" s="21">
        <v>44</v>
      </c>
      <c r="C42" s="6">
        <v>44</v>
      </c>
      <c r="D42" s="5">
        <v>88</v>
      </c>
    </row>
    <row r="43" spans="1:4" ht="18" customHeight="1" x14ac:dyDescent="0.15">
      <c r="A43" s="8">
        <v>31</v>
      </c>
      <c r="B43" s="21">
        <v>52</v>
      </c>
      <c r="C43" s="6">
        <v>52</v>
      </c>
      <c r="D43" s="5">
        <v>104</v>
      </c>
    </row>
    <row r="44" spans="1:4" ht="18" customHeight="1" x14ac:dyDescent="0.15">
      <c r="A44" s="8">
        <v>32</v>
      </c>
      <c r="B44" s="21">
        <v>53</v>
      </c>
      <c r="C44" s="6">
        <v>48</v>
      </c>
      <c r="D44" s="5">
        <v>101</v>
      </c>
    </row>
    <row r="45" spans="1:4" ht="18" customHeight="1" x14ac:dyDescent="0.15">
      <c r="A45" s="8">
        <v>33</v>
      </c>
      <c r="B45" s="21">
        <v>55</v>
      </c>
      <c r="C45" s="6">
        <v>48</v>
      </c>
      <c r="D45" s="5">
        <v>103</v>
      </c>
    </row>
    <row r="46" spans="1:4" ht="18" customHeight="1" x14ac:dyDescent="0.15">
      <c r="A46" s="8">
        <v>34</v>
      </c>
      <c r="B46" s="21">
        <v>58</v>
      </c>
      <c r="C46" s="6">
        <v>56</v>
      </c>
      <c r="D46" s="5">
        <v>114</v>
      </c>
    </row>
    <row r="47" spans="1:4" ht="18" customHeight="1" x14ac:dyDescent="0.15">
      <c r="A47" s="8" t="s">
        <v>18</v>
      </c>
      <c r="B47" s="21">
        <v>262</v>
      </c>
      <c r="C47" s="6">
        <v>248</v>
      </c>
      <c r="D47" s="5">
        <v>510</v>
      </c>
    </row>
    <row r="48" spans="1:4" ht="18" customHeight="1" x14ac:dyDescent="0.15">
      <c r="A48" s="8">
        <v>35</v>
      </c>
      <c r="B48" s="21">
        <v>52</v>
      </c>
      <c r="C48" s="6">
        <v>56</v>
      </c>
      <c r="D48" s="5">
        <v>108</v>
      </c>
    </row>
    <row r="49" spans="1:4" ht="18" customHeight="1" x14ac:dyDescent="0.15">
      <c r="A49" s="8">
        <v>36</v>
      </c>
      <c r="B49" s="21">
        <v>58</v>
      </c>
      <c r="C49" s="6">
        <v>54</v>
      </c>
      <c r="D49" s="5">
        <v>112</v>
      </c>
    </row>
    <row r="50" spans="1:4" ht="18" customHeight="1" x14ac:dyDescent="0.15">
      <c r="A50" s="8">
        <v>37</v>
      </c>
      <c r="B50" s="21">
        <v>48</v>
      </c>
      <c r="C50" s="6">
        <v>51</v>
      </c>
      <c r="D50" s="5">
        <v>99</v>
      </c>
    </row>
    <row r="51" spans="1:4" ht="18" customHeight="1" x14ac:dyDescent="0.15">
      <c r="A51" s="8">
        <v>38</v>
      </c>
      <c r="B51" s="21">
        <v>55</v>
      </c>
      <c r="C51" s="6">
        <v>45</v>
      </c>
      <c r="D51" s="5">
        <v>100</v>
      </c>
    </row>
    <row r="52" spans="1:4" ht="18" customHeight="1" x14ac:dyDescent="0.15">
      <c r="A52" s="8">
        <v>39</v>
      </c>
      <c r="B52" s="21">
        <v>61</v>
      </c>
      <c r="C52" s="6">
        <v>58</v>
      </c>
      <c r="D52" s="5">
        <v>119</v>
      </c>
    </row>
    <row r="53" spans="1:4" ht="18" customHeight="1" x14ac:dyDescent="0.15">
      <c r="A53" s="8" t="s">
        <v>17</v>
      </c>
      <c r="B53" s="21">
        <v>274</v>
      </c>
      <c r="C53" s="6">
        <v>264</v>
      </c>
      <c r="D53" s="5">
        <v>538</v>
      </c>
    </row>
    <row r="54" spans="1:4" ht="18" customHeight="1" x14ac:dyDescent="0.15">
      <c r="A54" s="8">
        <v>40</v>
      </c>
      <c r="B54" s="21">
        <v>59</v>
      </c>
      <c r="C54" s="6">
        <v>55</v>
      </c>
      <c r="D54" s="5">
        <v>114</v>
      </c>
    </row>
    <row r="55" spans="1:4" ht="18" customHeight="1" x14ac:dyDescent="0.15">
      <c r="A55" s="8">
        <v>41</v>
      </c>
      <c r="B55" s="21">
        <v>68</v>
      </c>
      <c r="C55" s="6">
        <v>43</v>
      </c>
      <c r="D55" s="5">
        <v>111</v>
      </c>
    </row>
    <row r="56" spans="1:4" ht="18" customHeight="1" x14ac:dyDescent="0.15">
      <c r="A56" s="8">
        <v>42</v>
      </c>
      <c r="B56" s="21">
        <v>46</v>
      </c>
      <c r="C56" s="6">
        <v>46</v>
      </c>
      <c r="D56" s="5">
        <v>92</v>
      </c>
    </row>
    <row r="57" spans="1:4" ht="18" customHeight="1" x14ac:dyDescent="0.15">
      <c r="A57" s="8">
        <v>43</v>
      </c>
      <c r="B57" s="21">
        <v>50</v>
      </c>
      <c r="C57" s="6">
        <v>52</v>
      </c>
      <c r="D57" s="5">
        <v>102</v>
      </c>
    </row>
    <row r="58" spans="1:4" ht="18" customHeight="1" x14ac:dyDescent="0.15">
      <c r="A58" s="8">
        <v>44</v>
      </c>
      <c r="B58" s="21">
        <v>51</v>
      </c>
      <c r="C58" s="6">
        <v>58</v>
      </c>
      <c r="D58" s="5">
        <v>109</v>
      </c>
    </row>
    <row r="59" spans="1:4" ht="18" customHeight="1" x14ac:dyDescent="0.15">
      <c r="A59" s="8" t="s">
        <v>16</v>
      </c>
      <c r="B59" s="21">
        <v>274</v>
      </c>
      <c r="C59" s="6">
        <v>254</v>
      </c>
      <c r="D59" s="5">
        <v>528</v>
      </c>
    </row>
    <row r="60" spans="1:4" ht="18" customHeight="1" x14ac:dyDescent="0.15">
      <c r="A60" s="8">
        <v>45</v>
      </c>
      <c r="B60" s="21">
        <v>56</v>
      </c>
      <c r="C60" s="6">
        <v>47</v>
      </c>
      <c r="D60" s="5">
        <v>103</v>
      </c>
    </row>
    <row r="61" spans="1:4" ht="18" customHeight="1" x14ac:dyDescent="0.15">
      <c r="A61" s="8">
        <v>46</v>
      </c>
      <c r="B61" s="21">
        <v>71</v>
      </c>
      <c r="C61" s="6">
        <v>60</v>
      </c>
      <c r="D61" s="5">
        <v>131</v>
      </c>
    </row>
    <row r="62" spans="1:4" ht="18" customHeight="1" x14ac:dyDescent="0.15">
      <c r="A62" s="8">
        <v>47</v>
      </c>
      <c r="B62" s="21">
        <v>61</v>
      </c>
      <c r="C62" s="6">
        <v>56</v>
      </c>
      <c r="D62" s="5">
        <v>117</v>
      </c>
    </row>
    <row r="63" spans="1:4" ht="18" customHeight="1" x14ac:dyDescent="0.15">
      <c r="A63" s="8">
        <v>48</v>
      </c>
      <c r="B63" s="21">
        <v>54</v>
      </c>
      <c r="C63" s="6">
        <v>58</v>
      </c>
      <c r="D63" s="5">
        <v>112</v>
      </c>
    </row>
    <row r="64" spans="1:4" ht="18" customHeight="1" x14ac:dyDescent="0.15">
      <c r="A64" s="8">
        <v>49</v>
      </c>
      <c r="B64" s="21">
        <v>73</v>
      </c>
      <c r="C64" s="6">
        <v>51</v>
      </c>
      <c r="D64" s="5">
        <v>124</v>
      </c>
    </row>
    <row r="65" spans="1:4" ht="18" customHeight="1" x14ac:dyDescent="0.15">
      <c r="A65" s="8" t="s">
        <v>15</v>
      </c>
      <c r="B65" s="21">
        <v>315</v>
      </c>
      <c r="C65" s="6">
        <v>272</v>
      </c>
      <c r="D65" s="5">
        <v>587</v>
      </c>
    </row>
    <row r="66" spans="1:4" ht="18" customHeight="1" x14ac:dyDescent="0.15">
      <c r="A66" s="8">
        <v>50</v>
      </c>
      <c r="B66" s="21">
        <v>72</v>
      </c>
      <c r="C66" s="6">
        <v>59</v>
      </c>
      <c r="D66" s="5">
        <v>131</v>
      </c>
    </row>
    <row r="67" spans="1:4" ht="18" customHeight="1" x14ac:dyDescent="0.15">
      <c r="A67" s="8">
        <v>51</v>
      </c>
      <c r="B67" s="21">
        <v>50</v>
      </c>
      <c r="C67" s="6">
        <v>68</v>
      </c>
      <c r="D67" s="5">
        <v>118</v>
      </c>
    </row>
    <row r="68" spans="1:4" ht="18" customHeight="1" x14ac:dyDescent="0.15">
      <c r="A68" s="8">
        <v>52</v>
      </c>
      <c r="B68" s="21">
        <v>78</v>
      </c>
      <c r="C68" s="6">
        <v>59</v>
      </c>
      <c r="D68" s="5">
        <v>137</v>
      </c>
    </row>
    <row r="69" spans="1:4" ht="18" customHeight="1" x14ac:dyDescent="0.15">
      <c r="A69" s="8">
        <v>53</v>
      </c>
      <c r="B69" s="21">
        <v>50</v>
      </c>
      <c r="C69" s="6">
        <v>58</v>
      </c>
      <c r="D69" s="5">
        <v>108</v>
      </c>
    </row>
    <row r="70" spans="1:4" ht="18" customHeight="1" x14ac:dyDescent="0.15">
      <c r="A70" s="8">
        <v>54</v>
      </c>
      <c r="B70" s="21">
        <v>60</v>
      </c>
      <c r="C70" s="6">
        <v>51</v>
      </c>
      <c r="D70" s="5">
        <v>111</v>
      </c>
    </row>
    <row r="71" spans="1:4" ht="18" customHeight="1" x14ac:dyDescent="0.15">
      <c r="A71" s="8" t="s">
        <v>14</v>
      </c>
      <c r="B71" s="21">
        <v>310</v>
      </c>
      <c r="C71" s="6">
        <v>295</v>
      </c>
      <c r="D71" s="5">
        <v>605</v>
      </c>
    </row>
    <row r="72" spans="1:4" ht="18" customHeight="1" x14ac:dyDescent="0.15">
      <c r="A72" s="8">
        <v>55</v>
      </c>
      <c r="B72" s="21">
        <v>46</v>
      </c>
      <c r="C72" s="6">
        <v>55</v>
      </c>
      <c r="D72" s="5">
        <v>101</v>
      </c>
    </row>
    <row r="73" spans="1:4" ht="18" customHeight="1" x14ac:dyDescent="0.15">
      <c r="A73" s="8">
        <v>56</v>
      </c>
      <c r="B73" s="21">
        <v>48</v>
      </c>
      <c r="C73" s="6">
        <v>47</v>
      </c>
      <c r="D73" s="5">
        <v>95</v>
      </c>
    </row>
    <row r="74" spans="1:4" ht="18" customHeight="1" x14ac:dyDescent="0.15">
      <c r="A74" s="8">
        <v>57</v>
      </c>
      <c r="B74" s="21">
        <v>66</v>
      </c>
      <c r="C74" s="6">
        <v>54</v>
      </c>
      <c r="D74" s="5">
        <v>120</v>
      </c>
    </row>
    <row r="75" spans="1:4" ht="18" customHeight="1" x14ac:dyDescent="0.15">
      <c r="A75" s="8">
        <v>58</v>
      </c>
      <c r="B75" s="21">
        <v>38</v>
      </c>
      <c r="C75" s="6">
        <v>58</v>
      </c>
      <c r="D75" s="5">
        <v>96</v>
      </c>
    </row>
    <row r="76" spans="1:4" ht="18" customHeight="1" x14ac:dyDescent="0.15">
      <c r="A76" s="8">
        <v>59</v>
      </c>
      <c r="B76" s="21">
        <v>34</v>
      </c>
      <c r="C76" s="6">
        <v>26</v>
      </c>
      <c r="D76" s="5">
        <v>60</v>
      </c>
    </row>
    <row r="77" spans="1:4" ht="18" customHeight="1" x14ac:dyDescent="0.15">
      <c r="A77" s="8" t="s">
        <v>13</v>
      </c>
      <c r="B77" s="21">
        <v>232</v>
      </c>
      <c r="C77" s="6">
        <v>240</v>
      </c>
      <c r="D77" s="5">
        <v>472</v>
      </c>
    </row>
    <row r="78" spans="1:4" ht="18" customHeight="1" x14ac:dyDescent="0.15">
      <c r="A78" s="8">
        <v>60</v>
      </c>
      <c r="B78" s="21">
        <v>51</v>
      </c>
      <c r="C78" s="6">
        <v>49</v>
      </c>
      <c r="D78" s="5">
        <v>100</v>
      </c>
    </row>
    <row r="79" spans="1:4" ht="18" customHeight="1" x14ac:dyDescent="0.15">
      <c r="A79" s="8">
        <v>61</v>
      </c>
      <c r="B79" s="21">
        <v>56</v>
      </c>
      <c r="C79" s="6">
        <v>56</v>
      </c>
      <c r="D79" s="5">
        <v>112</v>
      </c>
    </row>
    <row r="80" spans="1:4" ht="18" customHeight="1" x14ac:dyDescent="0.15">
      <c r="A80" s="8">
        <v>62</v>
      </c>
      <c r="B80" s="21">
        <v>47</v>
      </c>
      <c r="C80" s="6">
        <v>39</v>
      </c>
      <c r="D80" s="5">
        <v>86</v>
      </c>
    </row>
    <row r="81" spans="1:4" ht="18" customHeight="1" x14ac:dyDescent="0.15">
      <c r="A81" s="8">
        <v>63</v>
      </c>
      <c r="B81" s="21">
        <v>37</v>
      </c>
      <c r="C81" s="6">
        <v>37</v>
      </c>
      <c r="D81" s="5">
        <v>74</v>
      </c>
    </row>
    <row r="82" spans="1:4" ht="18" customHeight="1" x14ac:dyDescent="0.15">
      <c r="A82" s="8">
        <v>64</v>
      </c>
      <c r="B82" s="21">
        <v>30</v>
      </c>
      <c r="C82" s="6">
        <v>33</v>
      </c>
      <c r="D82" s="5">
        <v>63</v>
      </c>
    </row>
    <row r="83" spans="1:4" ht="18" customHeight="1" x14ac:dyDescent="0.15">
      <c r="A83" s="8" t="s">
        <v>12</v>
      </c>
      <c r="B83" s="21">
        <v>221</v>
      </c>
      <c r="C83" s="6">
        <v>214</v>
      </c>
      <c r="D83" s="5">
        <v>435</v>
      </c>
    </row>
    <row r="84" spans="1:4" ht="18" customHeight="1" x14ac:dyDescent="0.15">
      <c r="A84" s="8" t="s">
        <v>11</v>
      </c>
      <c r="B84" s="21">
        <v>2488</v>
      </c>
      <c r="C84" s="6">
        <v>2295</v>
      </c>
      <c r="D84" s="5">
        <v>4783</v>
      </c>
    </row>
    <row r="85" spans="1:4" ht="18" customHeight="1" x14ac:dyDescent="0.15">
      <c r="A85" s="8">
        <v>65</v>
      </c>
      <c r="B85" s="21">
        <v>38</v>
      </c>
      <c r="C85" s="6">
        <v>32</v>
      </c>
      <c r="D85" s="5">
        <v>70</v>
      </c>
    </row>
    <row r="86" spans="1:4" ht="18" customHeight="1" x14ac:dyDescent="0.15">
      <c r="A86" s="8">
        <v>66</v>
      </c>
      <c r="B86" s="21">
        <v>42</v>
      </c>
      <c r="C86" s="6">
        <v>43</v>
      </c>
      <c r="D86" s="5">
        <v>85</v>
      </c>
    </row>
    <row r="87" spans="1:4" ht="18" customHeight="1" x14ac:dyDescent="0.15">
      <c r="A87" s="8">
        <v>67</v>
      </c>
      <c r="B87" s="21">
        <v>45</v>
      </c>
      <c r="C87" s="6">
        <v>32</v>
      </c>
      <c r="D87" s="5">
        <v>77</v>
      </c>
    </row>
    <row r="88" spans="1:4" ht="18" customHeight="1" x14ac:dyDescent="0.15">
      <c r="A88" s="8">
        <v>68</v>
      </c>
      <c r="B88" s="21">
        <v>30</v>
      </c>
      <c r="C88" s="6">
        <v>48</v>
      </c>
      <c r="D88" s="5">
        <v>78</v>
      </c>
    </row>
    <row r="89" spans="1:4" ht="18" customHeight="1" x14ac:dyDescent="0.15">
      <c r="A89" s="8">
        <v>69</v>
      </c>
      <c r="B89" s="21">
        <v>36</v>
      </c>
      <c r="C89" s="6">
        <v>38</v>
      </c>
      <c r="D89" s="5">
        <v>74</v>
      </c>
    </row>
    <row r="90" spans="1:4" ht="18" customHeight="1" x14ac:dyDescent="0.15">
      <c r="A90" s="8" t="s">
        <v>10</v>
      </c>
      <c r="B90" s="21">
        <v>191</v>
      </c>
      <c r="C90" s="6">
        <v>193</v>
      </c>
      <c r="D90" s="5">
        <v>384</v>
      </c>
    </row>
    <row r="91" spans="1:4" ht="18" customHeight="1" x14ac:dyDescent="0.15">
      <c r="A91" s="8">
        <v>70</v>
      </c>
      <c r="B91" s="21">
        <v>34</v>
      </c>
      <c r="C91" s="6">
        <v>56</v>
      </c>
      <c r="D91" s="5">
        <v>90</v>
      </c>
    </row>
    <row r="92" spans="1:4" ht="18" customHeight="1" x14ac:dyDescent="0.15">
      <c r="A92" s="8">
        <v>71</v>
      </c>
      <c r="B92" s="21">
        <v>45</v>
      </c>
      <c r="C92" s="6">
        <v>61</v>
      </c>
      <c r="D92" s="5">
        <v>106</v>
      </c>
    </row>
    <row r="93" spans="1:4" ht="18" customHeight="1" x14ac:dyDescent="0.15">
      <c r="A93" s="8">
        <v>72</v>
      </c>
      <c r="B93" s="21">
        <v>30</v>
      </c>
      <c r="C93" s="6">
        <v>32</v>
      </c>
      <c r="D93" s="5">
        <v>62</v>
      </c>
    </row>
    <row r="94" spans="1:4" ht="18" customHeight="1" x14ac:dyDescent="0.15">
      <c r="A94" s="8">
        <v>73</v>
      </c>
      <c r="B94" s="21">
        <v>43</v>
      </c>
      <c r="C94" s="6">
        <v>46</v>
      </c>
      <c r="D94" s="5">
        <v>89</v>
      </c>
    </row>
    <row r="95" spans="1:4" ht="18" customHeight="1" x14ac:dyDescent="0.15">
      <c r="A95" s="8">
        <v>74</v>
      </c>
      <c r="B95" s="21">
        <v>46</v>
      </c>
      <c r="C95" s="6">
        <v>51</v>
      </c>
      <c r="D95" s="5">
        <v>97</v>
      </c>
    </row>
    <row r="96" spans="1:4" ht="18" customHeight="1" x14ac:dyDescent="0.15">
      <c r="A96" s="8" t="s">
        <v>9</v>
      </c>
      <c r="B96" s="21">
        <v>198</v>
      </c>
      <c r="C96" s="6">
        <v>246</v>
      </c>
      <c r="D96" s="5">
        <v>444</v>
      </c>
    </row>
    <row r="97" spans="1:4" ht="18" customHeight="1" x14ac:dyDescent="0.15">
      <c r="A97" s="8">
        <v>75</v>
      </c>
      <c r="B97" s="21">
        <v>59</v>
      </c>
      <c r="C97" s="6">
        <v>47</v>
      </c>
      <c r="D97" s="5">
        <v>106</v>
      </c>
    </row>
    <row r="98" spans="1:4" ht="18" customHeight="1" x14ac:dyDescent="0.15">
      <c r="A98" s="8">
        <v>76</v>
      </c>
      <c r="B98" s="21">
        <v>47</v>
      </c>
      <c r="C98" s="6">
        <v>65</v>
      </c>
      <c r="D98" s="5">
        <v>112</v>
      </c>
    </row>
    <row r="99" spans="1:4" ht="18" customHeight="1" x14ac:dyDescent="0.15">
      <c r="A99" s="8">
        <v>77</v>
      </c>
      <c r="B99" s="21">
        <v>44</v>
      </c>
      <c r="C99" s="6">
        <v>62</v>
      </c>
      <c r="D99" s="5">
        <v>106</v>
      </c>
    </row>
    <row r="100" spans="1:4" ht="18" customHeight="1" x14ac:dyDescent="0.15">
      <c r="A100" s="8">
        <v>78</v>
      </c>
      <c r="B100" s="21">
        <v>47</v>
      </c>
      <c r="C100" s="6">
        <v>51</v>
      </c>
      <c r="D100" s="5">
        <v>98</v>
      </c>
    </row>
    <row r="101" spans="1:4" ht="18" customHeight="1" x14ac:dyDescent="0.15">
      <c r="A101" s="8">
        <v>79</v>
      </c>
      <c r="B101" s="21">
        <v>22</v>
      </c>
      <c r="C101" s="6">
        <v>31</v>
      </c>
      <c r="D101" s="5">
        <v>53</v>
      </c>
    </row>
    <row r="102" spans="1:4" ht="18" customHeight="1" x14ac:dyDescent="0.15">
      <c r="A102" s="8" t="s">
        <v>8</v>
      </c>
      <c r="B102" s="21">
        <v>219</v>
      </c>
      <c r="C102" s="6">
        <v>256</v>
      </c>
      <c r="D102" s="5">
        <v>475</v>
      </c>
    </row>
    <row r="103" spans="1:4" ht="18" customHeight="1" x14ac:dyDescent="0.15">
      <c r="A103" s="8">
        <v>80</v>
      </c>
      <c r="B103" s="21">
        <v>24</v>
      </c>
      <c r="C103" s="6">
        <v>35</v>
      </c>
      <c r="D103" s="5">
        <v>59</v>
      </c>
    </row>
    <row r="104" spans="1:4" ht="18" customHeight="1" x14ac:dyDescent="0.15">
      <c r="A104" s="8">
        <v>81</v>
      </c>
      <c r="B104" s="21">
        <v>26</v>
      </c>
      <c r="C104" s="6">
        <v>43</v>
      </c>
      <c r="D104" s="5">
        <v>69</v>
      </c>
    </row>
    <row r="105" spans="1:4" ht="18" customHeight="1" x14ac:dyDescent="0.15">
      <c r="A105" s="8">
        <v>82</v>
      </c>
      <c r="B105" s="21">
        <v>30</v>
      </c>
      <c r="C105" s="6">
        <v>37</v>
      </c>
      <c r="D105" s="5">
        <v>67</v>
      </c>
    </row>
    <row r="106" spans="1:4" ht="18" customHeight="1" x14ac:dyDescent="0.15">
      <c r="A106" s="8">
        <v>83</v>
      </c>
      <c r="B106" s="21">
        <v>19</v>
      </c>
      <c r="C106" s="6">
        <v>45</v>
      </c>
      <c r="D106" s="5">
        <v>64</v>
      </c>
    </row>
    <row r="107" spans="1:4" ht="18" customHeight="1" x14ac:dyDescent="0.15">
      <c r="A107" s="8">
        <v>84</v>
      </c>
      <c r="B107" s="21">
        <v>28</v>
      </c>
      <c r="C107" s="6">
        <v>35</v>
      </c>
      <c r="D107" s="5">
        <v>63</v>
      </c>
    </row>
    <row r="108" spans="1:4" ht="18" customHeight="1" x14ac:dyDescent="0.15">
      <c r="A108" s="8" t="s">
        <v>7</v>
      </c>
      <c r="B108" s="21">
        <v>127</v>
      </c>
      <c r="C108" s="6">
        <v>195</v>
      </c>
      <c r="D108" s="5">
        <v>322</v>
      </c>
    </row>
    <row r="109" spans="1:4" ht="18" customHeight="1" x14ac:dyDescent="0.15">
      <c r="A109" s="8">
        <v>85</v>
      </c>
      <c r="B109" s="21">
        <v>22</v>
      </c>
      <c r="C109" s="6">
        <v>28</v>
      </c>
      <c r="D109" s="5">
        <v>50</v>
      </c>
    </row>
    <row r="110" spans="1:4" ht="18" customHeight="1" x14ac:dyDescent="0.15">
      <c r="A110" s="8">
        <v>86</v>
      </c>
      <c r="B110" s="21">
        <v>23</v>
      </c>
      <c r="C110" s="6">
        <v>18</v>
      </c>
      <c r="D110" s="5">
        <v>41</v>
      </c>
    </row>
    <row r="111" spans="1:4" ht="18" customHeight="1" x14ac:dyDescent="0.15">
      <c r="A111" s="8">
        <v>87</v>
      </c>
      <c r="B111" s="21">
        <v>17</v>
      </c>
      <c r="C111" s="6">
        <v>23</v>
      </c>
      <c r="D111" s="5">
        <v>40</v>
      </c>
    </row>
    <row r="112" spans="1:4" ht="18" customHeight="1" x14ac:dyDescent="0.15">
      <c r="A112" s="8">
        <v>88</v>
      </c>
      <c r="B112" s="21">
        <v>10</v>
      </c>
      <c r="C112" s="6">
        <v>26</v>
      </c>
      <c r="D112" s="5">
        <v>36</v>
      </c>
    </row>
    <row r="113" spans="1:4" ht="18" customHeight="1" x14ac:dyDescent="0.15">
      <c r="A113" s="8">
        <v>89</v>
      </c>
      <c r="B113" s="21">
        <v>14</v>
      </c>
      <c r="C113" s="6">
        <v>20</v>
      </c>
      <c r="D113" s="5">
        <v>34</v>
      </c>
    </row>
    <row r="114" spans="1:4" ht="18" customHeight="1" x14ac:dyDescent="0.15">
      <c r="A114" s="8" t="s">
        <v>6</v>
      </c>
      <c r="B114" s="21">
        <v>86</v>
      </c>
      <c r="C114" s="6">
        <v>115</v>
      </c>
      <c r="D114" s="5">
        <v>201</v>
      </c>
    </row>
    <row r="115" spans="1:4" ht="18" customHeight="1" x14ac:dyDescent="0.15">
      <c r="A115" s="8">
        <v>90</v>
      </c>
      <c r="B115" s="21">
        <v>8</v>
      </c>
      <c r="C115" s="6">
        <v>30</v>
      </c>
      <c r="D115" s="5">
        <v>38</v>
      </c>
    </row>
    <row r="116" spans="1:4" ht="18" customHeight="1" x14ac:dyDescent="0.15">
      <c r="A116" s="8">
        <v>91</v>
      </c>
      <c r="B116" s="21">
        <v>8</v>
      </c>
      <c r="C116" s="6">
        <v>15</v>
      </c>
      <c r="D116" s="5">
        <v>23</v>
      </c>
    </row>
    <row r="117" spans="1:4" ht="18" customHeight="1" x14ac:dyDescent="0.15">
      <c r="A117" s="8">
        <v>92</v>
      </c>
      <c r="B117" s="21">
        <v>3</v>
      </c>
      <c r="C117" s="6">
        <v>12</v>
      </c>
      <c r="D117" s="5">
        <v>15</v>
      </c>
    </row>
    <row r="118" spans="1:4" ht="18" customHeight="1" x14ac:dyDescent="0.15">
      <c r="A118" s="8">
        <v>93</v>
      </c>
      <c r="B118" s="21">
        <v>2</v>
      </c>
      <c r="C118" s="6">
        <v>16</v>
      </c>
      <c r="D118" s="5">
        <v>18</v>
      </c>
    </row>
    <row r="119" spans="1:4" ht="18" customHeight="1" x14ac:dyDescent="0.15">
      <c r="A119" s="8">
        <v>94</v>
      </c>
      <c r="B119" s="21">
        <v>1</v>
      </c>
      <c r="C119" s="6">
        <v>9</v>
      </c>
      <c r="D119" s="5">
        <v>10</v>
      </c>
    </row>
    <row r="120" spans="1:4" ht="18" customHeight="1" x14ac:dyDescent="0.15">
      <c r="A120" s="8" t="s">
        <v>5</v>
      </c>
      <c r="B120" s="21">
        <v>22</v>
      </c>
      <c r="C120" s="6">
        <v>82</v>
      </c>
      <c r="D120" s="5">
        <v>104</v>
      </c>
    </row>
    <row r="121" spans="1:4" ht="18" customHeight="1" x14ac:dyDescent="0.15">
      <c r="A121" s="8">
        <v>95</v>
      </c>
      <c r="B121" s="21">
        <v>1</v>
      </c>
      <c r="C121" s="6">
        <v>12</v>
      </c>
      <c r="D121" s="5">
        <v>13</v>
      </c>
    </row>
    <row r="122" spans="1:4" ht="18" customHeight="1" x14ac:dyDescent="0.15">
      <c r="A122" s="8">
        <v>96</v>
      </c>
      <c r="B122" s="21">
        <v>1</v>
      </c>
      <c r="C122" s="6">
        <v>9</v>
      </c>
      <c r="D122" s="5">
        <v>10</v>
      </c>
    </row>
    <row r="123" spans="1:4" ht="18" customHeight="1" x14ac:dyDescent="0.15">
      <c r="A123" s="8">
        <v>97</v>
      </c>
      <c r="B123" s="21">
        <v>1</v>
      </c>
      <c r="C123" s="6">
        <v>9</v>
      </c>
      <c r="D123" s="5">
        <v>10</v>
      </c>
    </row>
    <row r="124" spans="1:4" ht="18" customHeight="1" x14ac:dyDescent="0.15">
      <c r="A124" s="8">
        <v>98</v>
      </c>
      <c r="B124" s="21">
        <v>0</v>
      </c>
      <c r="C124" s="6">
        <v>5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3</v>
      </c>
      <c r="C126" s="6">
        <v>36</v>
      </c>
      <c r="D126" s="5">
        <v>39</v>
      </c>
    </row>
    <row r="127" spans="1:4" ht="18" customHeight="1" x14ac:dyDescent="0.15">
      <c r="A127" s="8">
        <v>100</v>
      </c>
      <c r="B127" s="21">
        <v>1</v>
      </c>
      <c r="C127" s="6">
        <v>4</v>
      </c>
      <c r="D127" s="5">
        <v>5</v>
      </c>
    </row>
    <row r="128" spans="1:4" ht="18" customHeight="1" x14ac:dyDescent="0.15">
      <c r="A128" s="9" t="s">
        <v>3</v>
      </c>
      <c r="B128" s="21">
        <v>0</v>
      </c>
      <c r="C128" s="6">
        <v>5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9</v>
      </c>
      <c r="D129" s="5">
        <v>10</v>
      </c>
    </row>
    <row r="130" spans="1:4" ht="18" customHeight="1" x14ac:dyDescent="0.15">
      <c r="A130" s="8" t="s">
        <v>1</v>
      </c>
      <c r="B130" s="21">
        <v>847</v>
      </c>
      <c r="C130" s="6">
        <v>1132</v>
      </c>
      <c r="D130" s="5">
        <v>1979</v>
      </c>
    </row>
    <row r="131" spans="1:4" ht="18" customHeight="1" x14ac:dyDescent="0.15">
      <c r="A131" s="4" t="s">
        <v>0</v>
      </c>
      <c r="B131" s="20">
        <v>3966</v>
      </c>
      <c r="C131" s="2">
        <v>4005</v>
      </c>
      <c r="D131" s="1">
        <v>797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16631A4-3960-41DB-931A-EE26F9A12EEB}">
  <sheetPr codeName="Sheet6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55</v>
      </c>
      <c r="C5" s="31">
        <v>59</v>
      </c>
      <c r="D5" s="30">
        <v>114</v>
      </c>
    </row>
    <row r="6" spans="1:4" ht="18" customHeight="1" x14ac:dyDescent="0.15">
      <c r="A6" s="8">
        <v>1</v>
      </c>
      <c r="B6" s="26">
        <v>59</v>
      </c>
      <c r="C6" s="6">
        <v>61</v>
      </c>
      <c r="D6" s="5">
        <v>120</v>
      </c>
    </row>
    <row r="7" spans="1:4" ht="18" customHeight="1" x14ac:dyDescent="0.15">
      <c r="A7" s="8">
        <v>2</v>
      </c>
      <c r="B7" s="26">
        <v>66</v>
      </c>
      <c r="C7" s="6">
        <v>78</v>
      </c>
      <c r="D7" s="5">
        <v>144</v>
      </c>
    </row>
    <row r="8" spans="1:4" ht="18" customHeight="1" x14ac:dyDescent="0.15">
      <c r="A8" s="8">
        <v>3</v>
      </c>
      <c r="B8" s="26">
        <v>69</v>
      </c>
      <c r="C8" s="6">
        <v>58</v>
      </c>
      <c r="D8" s="5">
        <v>127</v>
      </c>
    </row>
    <row r="9" spans="1:4" ht="18" customHeight="1" x14ac:dyDescent="0.15">
      <c r="A9" s="8">
        <v>4</v>
      </c>
      <c r="B9" s="29">
        <v>75</v>
      </c>
      <c r="C9" s="28">
        <v>68</v>
      </c>
      <c r="D9" s="27">
        <v>143</v>
      </c>
    </row>
    <row r="10" spans="1:4" ht="18" customHeight="1" x14ac:dyDescent="0.15">
      <c r="A10" s="8" t="s">
        <v>25</v>
      </c>
      <c r="B10" s="21">
        <v>324</v>
      </c>
      <c r="C10" s="6">
        <v>324</v>
      </c>
      <c r="D10" s="5">
        <v>648</v>
      </c>
    </row>
    <row r="11" spans="1:4" ht="18" customHeight="1" x14ac:dyDescent="0.15">
      <c r="A11" s="8">
        <v>5</v>
      </c>
      <c r="B11" s="26">
        <v>79</v>
      </c>
      <c r="C11" s="6">
        <v>73</v>
      </c>
      <c r="D11" s="5">
        <v>152</v>
      </c>
    </row>
    <row r="12" spans="1:4" ht="18" customHeight="1" x14ac:dyDescent="0.15">
      <c r="A12" s="8">
        <v>6</v>
      </c>
      <c r="B12" s="26">
        <v>87</v>
      </c>
      <c r="C12" s="6">
        <v>66</v>
      </c>
      <c r="D12" s="5">
        <v>153</v>
      </c>
    </row>
    <row r="13" spans="1:4" ht="18" customHeight="1" x14ac:dyDescent="0.15">
      <c r="A13" s="8">
        <v>7</v>
      </c>
      <c r="B13" s="26">
        <v>72</v>
      </c>
      <c r="C13" s="6">
        <v>94</v>
      </c>
      <c r="D13" s="5">
        <v>166</v>
      </c>
    </row>
    <row r="14" spans="1:4" ht="18" customHeight="1" x14ac:dyDescent="0.15">
      <c r="A14" s="8">
        <v>8</v>
      </c>
      <c r="B14" s="26">
        <v>96</v>
      </c>
      <c r="C14" s="6">
        <v>62</v>
      </c>
      <c r="D14" s="5">
        <v>158</v>
      </c>
    </row>
    <row r="15" spans="1:4" ht="18" customHeight="1" x14ac:dyDescent="0.15">
      <c r="A15" s="8">
        <v>9</v>
      </c>
      <c r="B15" s="26">
        <v>82</v>
      </c>
      <c r="C15" s="6">
        <v>79</v>
      </c>
      <c r="D15" s="5">
        <v>161</v>
      </c>
    </row>
    <row r="16" spans="1:4" ht="18" customHeight="1" x14ac:dyDescent="0.15">
      <c r="A16" s="8" t="s">
        <v>24</v>
      </c>
      <c r="B16" s="21">
        <v>416</v>
      </c>
      <c r="C16" s="6">
        <v>374</v>
      </c>
      <c r="D16" s="5">
        <v>790</v>
      </c>
    </row>
    <row r="17" spans="1:4" ht="18" customHeight="1" x14ac:dyDescent="0.15">
      <c r="A17" s="8">
        <v>10</v>
      </c>
      <c r="B17" s="21">
        <v>91</v>
      </c>
      <c r="C17" s="6">
        <v>87</v>
      </c>
      <c r="D17" s="5">
        <v>178</v>
      </c>
    </row>
    <row r="18" spans="1:4" ht="18" customHeight="1" x14ac:dyDescent="0.15">
      <c r="A18" s="8">
        <v>11</v>
      </c>
      <c r="B18" s="21">
        <v>72</v>
      </c>
      <c r="C18" s="6">
        <v>68</v>
      </c>
      <c r="D18" s="5">
        <v>140</v>
      </c>
    </row>
    <row r="19" spans="1:4" ht="18" customHeight="1" x14ac:dyDescent="0.15">
      <c r="A19" s="8">
        <v>12</v>
      </c>
      <c r="B19" s="21">
        <v>76</v>
      </c>
      <c r="C19" s="6">
        <v>77</v>
      </c>
      <c r="D19" s="5">
        <v>153</v>
      </c>
    </row>
    <row r="20" spans="1:4" ht="18" customHeight="1" x14ac:dyDescent="0.15">
      <c r="A20" s="8">
        <v>13</v>
      </c>
      <c r="B20" s="21">
        <v>84</v>
      </c>
      <c r="C20" s="6">
        <v>73</v>
      </c>
      <c r="D20" s="5">
        <v>157</v>
      </c>
    </row>
    <row r="21" spans="1:4" ht="18" customHeight="1" x14ac:dyDescent="0.15">
      <c r="A21" s="8">
        <v>14</v>
      </c>
      <c r="B21" s="21">
        <v>89</v>
      </c>
      <c r="C21" s="6">
        <v>70</v>
      </c>
      <c r="D21" s="5">
        <v>159</v>
      </c>
    </row>
    <row r="22" spans="1:4" ht="18" customHeight="1" x14ac:dyDescent="0.15">
      <c r="A22" s="8" t="s">
        <v>23</v>
      </c>
      <c r="B22" s="21">
        <v>412</v>
      </c>
      <c r="C22" s="6">
        <v>375</v>
      </c>
      <c r="D22" s="5">
        <v>787</v>
      </c>
    </row>
    <row r="23" spans="1:4" ht="18" customHeight="1" x14ac:dyDescent="0.15">
      <c r="A23" s="8" t="s">
        <v>22</v>
      </c>
      <c r="B23" s="21">
        <v>1152</v>
      </c>
      <c r="C23" s="6">
        <v>1073</v>
      </c>
      <c r="D23" s="5">
        <v>2225</v>
      </c>
    </row>
    <row r="24" spans="1:4" ht="18" customHeight="1" x14ac:dyDescent="0.15">
      <c r="A24" s="8">
        <v>15</v>
      </c>
      <c r="B24" s="21">
        <v>99</v>
      </c>
      <c r="C24" s="6">
        <v>85</v>
      </c>
      <c r="D24" s="5">
        <v>184</v>
      </c>
    </row>
    <row r="25" spans="1:4" ht="18" customHeight="1" x14ac:dyDescent="0.15">
      <c r="A25" s="8">
        <v>16</v>
      </c>
      <c r="B25" s="21">
        <v>88</v>
      </c>
      <c r="C25" s="6">
        <v>84</v>
      </c>
      <c r="D25" s="5">
        <v>172</v>
      </c>
    </row>
    <row r="26" spans="1:4" ht="18" customHeight="1" x14ac:dyDescent="0.15">
      <c r="A26" s="8">
        <v>17</v>
      </c>
      <c r="B26" s="21">
        <v>87</v>
      </c>
      <c r="C26" s="6">
        <v>83</v>
      </c>
      <c r="D26" s="5">
        <v>170</v>
      </c>
    </row>
    <row r="27" spans="1:4" ht="18" customHeight="1" x14ac:dyDescent="0.15">
      <c r="A27" s="8">
        <v>18</v>
      </c>
      <c r="B27" s="21">
        <v>87</v>
      </c>
      <c r="C27" s="6">
        <v>74</v>
      </c>
      <c r="D27" s="5">
        <v>161</v>
      </c>
    </row>
    <row r="28" spans="1:4" ht="18" customHeight="1" x14ac:dyDescent="0.15">
      <c r="A28" s="8">
        <v>19</v>
      </c>
      <c r="B28" s="21">
        <v>71</v>
      </c>
      <c r="C28" s="6">
        <v>90</v>
      </c>
      <c r="D28" s="5">
        <v>161</v>
      </c>
    </row>
    <row r="29" spans="1:4" ht="18" customHeight="1" x14ac:dyDescent="0.15">
      <c r="A29" s="8" t="s">
        <v>21</v>
      </c>
      <c r="B29" s="21">
        <v>432</v>
      </c>
      <c r="C29" s="6">
        <v>416</v>
      </c>
      <c r="D29" s="5">
        <v>848</v>
      </c>
    </row>
    <row r="30" spans="1:4" ht="18" customHeight="1" x14ac:dyDescent="0.15">
      <c r="A30" s="8">
        <v>20</v>
      </c>
      <c r="B30" s="21">
        <v>96</v>
      </c>
      <c r="C30" s="6">
        <v>74</v>
      </c>
      <c r="D30" s="5">
        <v>170</v>
      </c>
    </row>
    <row r="31" spans="1:4" ht="18" customHeight="1" x14ac:dyDescent="0.15">
      <c r="A31" s="8">
        <v>21</v>
      </c>
      <c r="B31" s="21">
        <v>98</v>
      </c>
      <c r="C31" s="6">
        <v>84</v>
      </c>
      <c r="D31" s="5">
        <v>182</v>
      </c>
    </row>
    <row r="32" spans="1:4" ht="18" customHeight="1" x14ac:dyDescent="0.15">
      <c r="A32" s="8">
        <v>22</v>
      </c>
      <c r="B32" s="21">
        <v>105</v>
      </c>
      <c r="C32" s="6">
        <v>76</v>
      </c>
      <c r="D32" s="5">
        <v>181</v>
      </c>
    </row>
    <row r="33" spans="1:4" ht="18" customHeight="1" x14ac:dyDescent="0.15">
      <c r="A33" s="8">
        <v>23</v>
      </c>
      <c r="B33" s="21">
        <v>121</v>
      </c>
      <c r="C33" s="6">
        <v>84</v>
      </c>
      <c r="D33" s="5">
        <v>205</v>
      </c>
    </row>
    <row r="34" spans="1:4" ht="18" customHeight="1" x14ac:dyDescent="0.15">
      <c r="A34" s="8">
        <v>24</v>
      </c>
      <c r="B34" s="21">
        <v>105</v>
      </c>
      <c r="C34" s="6">
        <v>99</v>
      </c>
      <c r="D34" s="5">
        <v>204</v>
      </c>
    </row>
    <row r="35" spans="1:4" ht="18" customHeight="1" x14ac:dyDescent="0.15">
      <c r="A35" s="8" t="s">
        <v>20</v>
      </c>
      <c r="B35" s="21">
        <v>525</v>
      </c>
      <c r="C35" s="6">
        <v>417</v>
      </c>
      <c r="D35" s="5">
        <v>942</v>
      </c>
    </row>
    <row r="36" spans="1:4" ht="18" customHeight="1" x14ac:dyDescent="0.15">
      <c r="A36" s="8">
        <v>25</v>
      </c>
      <c r="B36" s="21">
        <v>112</v>
      </c>
      <c r="C36" s="6">
        <v>86</v>
      </c>
      <c r="D36" s="5">
        <v>198</v>
      </c>
    </row>
    <row r="37" spans="1:4" ht="18" customHeight="1" x14ac:dyDescent="0.15">
      <c r="A37" s="8">
        <v>26</v>
      </c>
      <c r="B37" s="21">
        <v>101</v>
      </c>
      <c r="C37" s="6">
        <v>93</v>
      </c>
      <c r="D37" s="5">
        <v>194</v>
      </c>
    </row>
    <row r="38" spans="1:4" ht="18" customHeight="1" x14ac:dyDescent="0.15">
      <c r="A38" s="8">
        <v>27</v>
      </c>
      <c r="B38" s="21">
        <v>107</v>
      </c>
      <c r="C38" s="6">
        <v>84</v>
      </c>
      <c r="D38" s="5">
        <v>191</v>
      </c>
    </row>
    <row r="39" spans="1:4" ht="18" customHeight="1" x14ac:dyDescent="0.15">
      <c r="A39" s="8">
        <v>28</v>
      </c>
      <c r="B39" s="21">
        <v>92</v>
      </c>
      <c r="C39" s="6">
        <v>86</v>
      </c>
      <c r="D39" s="5">
        <v>178</v>
      </c>
    </row>
    <row r="40" spans="1:4" ht="18" customHeight="1" x14ac:dyDescent="0.15">
      <c r="A40" s="8">
        <v>29</v>
      </c>
      <c r="B40" s="21">
        <v>98</v>
      </c>
      <c r="C40" s="6">
        <v>69</v>
      </c>
      <c r="D40" s="5">
        <v>167</v>
      </c>
    </row>
    <row r="41" spans="1:4" ht="18" customHeight="1" x14ac:dyDescent="0.15">
      <c r="A41" s="8" t="s">
        <v>19</v>
      </c>
      <c r="B41" s="21">
        <v>510</v>
      </c>
      <c r="C41" s="6">
        <v>418</v>
      </c>
      <c r="D41" s="5">
        <v>928</v>
      </c>
    </row>
    <row r="42" spans="1:4" ht="18" customHeight="1" x14ac:dyDescent="0.15">
      <c r="A42" s="8">
        <v>30</v>
      </c>
      <c r="B42" s="21">
        <v>113</v>
      </c>
      <c r="C42" s="6">
        <v>88</v>
      </c>
      <c r="D42" s="5">
        <v>201</v>
      </c>
    </row>
    <row r="43" spans="1:4" ht="18" customHeight="1" x14ac:dyDescent="0.15">
      <c r="A43" s="8">
        <v>31</v>
      </c>
      <c r="B43" s="21">
        <v>114</v>
      </c>
      <c r="C43" s="6">
        <v>92</v>
      </c>
      <c r="D43" s="5">
        <v>206</v>
      </c>
    </row>
    <row r="44" spans="1:4" ht="18" customHeight="1" x14ac:dyDescent="0.15">
      <c r="A44" s="8">
        <v>32</v>
      </c>
      <c r="B44" s="21">
        <v>103</v>
      </c>
      <c r="C44" s="6">
        <v>91</v>
      </c>
      <c r="D44" s="5">
        <v>194</v>
      </c>
    </row>
    <row r="45" spans="1:4" ht="18" customHeight="1" x14ac:dyDescent="0.15">
      <c r="A45" s="8">
        <v>33</v>
      </c>
      <c r="B45" s="21">
        <v>121</v>
      </c>
      <c r="C45" s="6">
        <v>98</v>
      </c>
      <c r="D45" s="5">
        <v>219</v>
      </c>
    </row>
    <row r="46" spans="1:4" ht="18" customHeight="1" x14ac:dyDescent="0.15">
      <c r="A46" s="8">
        <v>34</v>
      </c>
      <c r="B46" s="21">
        <v>107</v>
      </c>
      <c r="C46" s="6">
        <v>94</v>
      </c>
      <c r="D46" s="5">
        <v>201</v>
      </c>
    </row>
    <row r="47" spans="1:4" ht="18" customHeight="1" x14ac:dyDescent="0.15">
      <c r="A47" s="8" t="s">
        <v>18</v>
      </c>
      <c r="B47" s="21">
        <v>558</v>
      </c>
      <c r="C47" s="6">
        <v>463</v>
      </c>
      <c r="D47" s="5">
        <v>1021</v>
      </c>
    </row>
    <row r="48" spans="1:4" ht="18" customHeight="1" x14ac:dyDescent="0.15">
      <c r="A48" s="8">
        <v>35</v>
      </c>
      <c r="B48" s="21">
        <v>117</v>
      </c>
      <c r="C48" s="6">
        <v>99</v>
      </c>
      <c r="D48" s="5">
        <v>216</v>
      </c>
    </row>
    <row r="49" spans="1:4" ht="18" customHeight="1" x14ac:dyDescent="0.15">
      <c r="A49" s="8">
        <v>36</v>
      </c>
      <c r="B49" s="21">
        <v>118</v>
      </c>
      <c r="C49" s="6">
        <v>98</v>
      </c>
      <c r="D49" s="5">
        <v>216</v>
      </c>
    </row>
    <row r="50" spans="1:4" ht="18" customHeight="1" x14ac:dyDescent="0.15">
      <c r="A50" s="8">
        <v>37</v>
      </c>
      <c r="B50" s="21">
        <v>121</v>
      </c>
      <c r="C50" s="6">
        <v>105</v>
      </c>
      <c r="D50" s="5">
        <v>226</v>
      </c>
    </row>
    <row r="51" spans="1:4" ht="18" customHeight="1" x14ac:dyDescent="0.15">
      <c r="A51" s="8">
        <v>38</v>
      </c>
      <c r="B51" s="21">
        <v>112</v>
      </c>
      <c r="C51" s="6">
        <v>115</v>
      </c>
      <c r="D51" s="5">
        <v>227</v>
      </c>
    </row>
    <row r="52" spans="1:4" ht="18" customHeight="1" x14ac:dyDescent="0.15">
      <c r="A52" s="8">
        <v>39</v>
      </c>
      <c r="B52" s="21">
        <v>131</v>
      </c>
      <c r="C52" s="6">
        <v>121</v>
      </c>
      <c r="D52" s="5">
        <v>252</v>
      </c>
    </row>
    <row r="53" spans="1:4" ht="18" customHeight="1" x14ac:dyDescent="0.15">
      <c r="A53" s="8" t="s">
        <v>17</v>
      </c>
      <c r="B53" s="21">
        <v>599</v>
      </c>
      <c r="C53" s="6">
        <v>538</v>
      </c>
      <c r="D53" s="5">
        <v>1137</v>
      </c>
    </row>
    <row r="54" spans="1:4" ht="18" customHeight="1" x14ac:dyDescent="0.15">
      <c r="A54" s="8">
        <v>40</v>
      </c>
      <c r="B54" s="21">
        <v>131</v>
      </c>
      <c r="C54" s="6">
        <v>125</v>
      </c>
      <c r="D54" s="5">
        <v>256</v>
      </c>
    </row>
    <row r="55" spans="1:4" ht="18" customHeight="1" x14ac:dyDescent="0.15">
      <c r="A55" s="8">
        <v>41</v>
      </c>
      <c r="B55" s="21">
        <v>144</v>
      </c>
      <c r="C55" s="6">
        <v>99</v>
      </c>
      <c r="D55" s="5">
        <v>243</v>
      </c>
    </row>
    <row r="56" spans="1:4" ht="18" customHeight="1" x14ac:dyDescent="0.15">
      <c r="A56" s="8">
        <v>42</v>
      </c>
      <c r="B56" s="21">
        <v>128</v>
      </c>
      <c r="C56" s="6">
        <v>96</v>
      </c>
      <c r="D56" s="5">
        <v>224</v>
      </c>
    </row>
    <row r="57" spans="1:4" ht="18" customHeight="1" x14ac:dyDescent="0.15">
      <c r="A57" s="8">
        <v>43</v>
      </c>
      <c r="B57" s="21">
        <v>128</v>
      </c>
      <c r="C57" s="6">
        <v>131</v>
      </c>
      <c r="D57" s="5">
        <v>259</v>
      </c>
    </row>
    <row r="58" spans="1:4" ht="18" customHeight="1" x14ac:dyDescent="0.15">
      <c r="A58" s="8">
        <v>44</v>
      </c>
      <c r="B58" s="21">
        <v>121</v>
      </c>
      <c r="C58" s="6">
        <v>126</v>
      </c>
      <c r="D58" s="5">
        <v>247</v>
      </c>
    </row>
    <row r="59" spans="1:4" ht="18" customHeight="1" x14ac:dyDescent="0.15">
      <c r="A59" s="8" t="s">
        <v>16</v>
      </c>
      <c r="B59" s="21">
        <v>652</v>
      </c>
      <c r="C59" s="6">
        <v>577</v>
      </c>
      <c r="D59" s="5">
        <v>1229</v>
      </c>
    </row>
    <row r="60" spans="1:4" ht="18" customHeight="1" x14ac:dyDescent="0.15">
      <c r="A60" s="8">
        <v>45</v>
      </c>
      <c r="B60" s="21">
        <v>131</v>
      </c>
      <c r="C60" s="6">
        <v>108</v>
      </c>
      <c r="D60" s="5">
        <v>239</v>
      </c>
    </row>
    <row r="61" spans="1:4" ht="18" customHeight="1" x14ac:dyDescent="0.15">
      <c r="A61" s="8">
        <v>46</v>
      </c>
      <c r="B61" s="21">
        <v>146</v>
      </c>
      <c r="C61" s="6">
        <v>123</v>
      </c>
      <c r="D61" s="5">
        <v>269</v>
      </c>
    </row>
    <row r="62" spans="1:4" ht="18" customHeight="1" x14ac:dyDescent="0.15">
      <c r="A62" s="8">
        <v>47</v>
      </c>
      <c r="B62" s="21">
        <v>150</v>
      </c>
      <c r="C62" s="6">
        <v>138</v>
      </c>
      <c r="D62" s="5">
        <v>288</v>
      </c>
    </row>
    <row r="63" spans="1:4" ht="18" customHeight="1" x14ac:dyDescent="0.15">
      <c r="A63" s="8">
        <v>48</v>
      </c>
      <c r="B63" s="21">
        <v>136</v>
      </c>
      <c r="C63" s="6">
        <v>129</v>
      </c>
      <c r="D63" s="5">
        <v>265</v>
      </c>
    </row>
    <row r="64" spans="1:4" ht="18" customHeight="1" x14ac:dyDescent="0.15">
      <c r="A64" s="8">
        <v>49</v>
      </c>
      <c r="B64" s="21">
        <v>170</v>
      </c>
      <c r="C64" s="6">
        <v>129</v>
      </c>
      <c r="D64" s="5">
        <v>299</v>
      </c>
    </row>
    <row r="65" spans="1:4" ht="18" customHeight="1" x14ac:dyDescent="0.15">
      <c r="A65" s="8" t="s">
        <v>15</v>
      </c>
      <c r="B65" s="21">
        <v>733</v>
      </c>
      <c r="C65" s="6">
        <v>627</v>
      </c>
      <c r="D65" s="5">
        <v>1360</v>
      </c>
    </row>
    <row r="66" spans="1:4" ht="18" customHeight="1" x14ac:dyDescent="0.15">
      <c r="A66" s="8">
        <v>50</v>
      </c>
      <c r="B66" s="21">
        <v>158</v>
      </c>
      <c r="C66" s="6">
        <v>160</v>
      </c>
      <c r="D66" s="5">
        <v>318</v>
      </c>
    </row>
    <row r="67" spans="1:4" ht="18" customHeight="1" x14ac:dyDescent="0.15">
      <c r="A67" s="8">
        <v>51</v>
      </c>
      <c r="B67" s="21">
        <v>157</v>
      </c>
      <c r="C67" s="6">
        <v>165</v>
      </c>
      <c r="D67" s="5">
        <v>322</v>
      </c>
    </row>
    <row r="68" spans="1:4" ht="18" customHeight="1" x14ac:dyDescent="0.15">
      <c r="A68" s="8">
        <v>52</v>
      </c>
      <c r="B68" s="21">
        <v>176</v>
      </c>
      <c r="C68" s="6">
        <v>135</v>
      </c>
      <c r="D68" s="5">
        <v>311</v>
      </c>
    </row>
    <row r="69" spans="1:4" ht="18" customHeight="1" x14ac:dyDescent="0.15">
      <c r="A69" s="8">
        <v>53</v>
      </c>
      <c r="B69" s="21">
        <v>163</v>
      </c>
      <c r="C69" s="6">
        <v>163</v>
      </c>
      <c r="D69" s="5">
        <v>326</v>
      </c>
    </row>
    <row r="70" spans="1:4" ht="18" customHeight="1" x14ac:dyDescent="0.15">
      <c r="A70" s="8">
        <v>54</v>
      </c>
      <c r="B70" s="21">
        <v>164</v>
      </c>
      <c r="C70" s="6">
        <v>167</v>
      </c>
      <c r="D70" s="5">
        <v>331</v>
      </c>
    </row>
    <row r="71" spans="1:4" ht="18" customHeight="1" x14ac:dyDescent="0.15">
      <c r="A71" s="8" t="s">
        <v>14</v>
      </c>
      <c r="B71" s="21">
        <v>818</v>
      </c>
      <c r="C71" s="6">
        <v>790</v>
      </c>
      <c r="D71" s="5">
        <v>1608</v>
      </c>
    </row>
    <row r="72" spans="1:4" ht="18" customHeight="1" x14ac:dyDescent="0.15">
      <c r="A72" s="8">
        <v>55</v>
      </c>
      <c r="B72" s="21">
        <v>134</v>
      </c>
      <c r="C72" s="6">
        <v>149</v>
      </c>
      <c r="D72" s="5">
        <v>283</v>
      </c>
    </row>
    <row r="73" spans="1:4" ht="18" customHeight="1" x14ac:dyDescent="0.15">
      <c r="A73" s="8">
        <v>56</v>
      </c>
      <c r="B73" s="21">
        <v>154</v>
      </c>
      <c r="C73" s="6">
        <v>143</v>
      </c>
      <c r="D73" s="5">
        <v>297</v>
      </c>
    </row>
    <row r="74" spans="1:4" ht="18" customHeight="1" x14ac:dyDescent="0.15">
      <c r="A74" s="8">
        <v>57</v>
      </c>
      <c r="B74" s="21">
        <v>162</v>
      </c>
      <c r="C74" s="6">
        <v>139</v>
      </c>
      <c r="D74" s="5">
        <v>301</v>
      </c>
    </row>
    <row r="75" spans="1:4" ht="18" customHeight="1" x14ac:dyDescent="0.15">
      <c r="A75" s="8">
        <v>58</v>
      </c>
      <c r="B75" s="21">
        <v>152</v>
      </c>
      <c r="C75" s="6">
        <v>166</v>
      </c>
      <c r="D75" s="5">
        <v>318</v>
      </c>
    </row>
    <row r="76" spans="1:4" ht="18" customHeight="1" x14ac:dyDescent="0.15">
      <c r="A76" s="8">
        <v>59</v>
      </c>
      <c r="B76" s="21">
        <v>107</v>
      </c>
      <c r="C76" s="6">
        <v>107</v>
      </c>
      <c r="D76" s="5">
        <v>214</v>
      </c>
    </row>
    <row r="77" spans="1:4" ht="18" customHeight="1" x14ac:dyDescent="0.15">
      <c r="A77" s="8" t="s">
        <v>13</v>
      </c>
      <c r="B77" s="21">
        <v>709</v>
      </c>
      <c r="C77" s="6">
        <v>704</v>
      </c>
      <c r="D77" s="5">
        <v>1413</v>
      </c>
    </row>
    <row r="78" spans="1:4" ht="18" customHeight="1" x14ac:dyDescent="0.15">
      <c r="A78" s="8">
        <v>60</v>
      </c>
      <c r="B78" s="21">
        <v>140</v>
      </c>
      <c r="C78" s="6">
        <v>135</v>
      </c>
      <c r="D78" s="5">
        <v>275</v>
      </c>
    </row>
    <row r="79" spans="1:4" ht="18" customHeight="1" x14ac:dyDescent="0.15">
      <c r="A79" s="8">
        <v>61</v>
      </c>
      <c r="B79" s="21">
        <v>151</v>
      </c>
      <c r="C79" s="6">
        <v>152</v>
      </c>
      <c r="D79" s="5">
        <v>303</v>
      </c>
    </row>
    <row r="80" spans="1:4" ht="18" customHeight="1" x14ac:dyDescent="0.15">
      <c r="A80" s="8">
        <v>62</v>
      </c>
      <c r="B80" s="21">
        <v>145</v>
      </c>
      <c r="C80" s="6">
        <v>128</v>
      </c>
      <c r="D80" s="5">
        <v>273</v>
      </c>
    </row>
    <row r="81" spans="1:4" ht="18" customHeight="1" x14ac:dyDescent="0.15">
      <c r="A81" s="8">
        <v>63</v>
      </c>
      <c r="B81" s="21">
        <v>140</v>
      </c>
      <c r="C81" s="6">
        <v>113</v>
      </c>
      <c r="D81" s="5">
        <v>253</v>
      </c>
    </row>
    <row r="82" spans="1:4" ht="18" customHeight="1" x14ac:dyDescent="0.15">
      <c r="A82" s="8">
        <v>64</v>
      </c>
      <c r="B82" s="21">
        <v>119</v>
      </c>
      <c r="C82" s="6">
        <v>152</v>
      </c>
      <c r="D82" s="5">
        <v>271</v>
      </c>
    </row>
    <row r="83" spans="1:4" ht="18" customHeight="1" x14ac:dyDescent="0.15">
      <c r="A83" s="8" t="s">
        <v>12</v>
      </c>
      <c r="B83" s="21">
        <v>695</v>
      </c>
      <c r="C83" s="6">
        <v>680</v>
      </c>
      <c r="D83" s="5">
        <v>1375</v>
      </c>
    </row>
    <row r="84" spans="1:4" ht="18" customHeight="1" x14ac:dyDescent="0.15">
      <c r="A84" s="8" t="s">
        <v>11</v>
      </c>
      <c r="B84" s="21">
        <v>6231</v>
      </c>
      <c r="C84" s="6">
        <v>5630</v>
      </c>
      <c r="D84" s="5">
        <v>11861</v>
      </c>
    </row>
    <row r="85" spans="1:4" ht="18" customHeight="1" x14ac:dyDescent="0.15">
      <c r="A85" s="8">
        <v>65</v>
      </c>
      <c r="B85" s="21">
        <v>129</v>
      </c>
      <c r="C85" s="6">
        <v>130</v>
      </c>
      <c r="D85" s="5">
        <v>259</v>
      </c>
    </row>
    <row r="86" spans="1:4" ht="18" customHeight="1" x14ac:dyDescent="0.15">
      <c r="A86" s="8">
        <v>66</v>
      </c>
      <c r="B86" s="21">
        <v>135</v>
      </c>
      <c r="C86" s="6">
        <v>150</v>
      </c>
      <c r="D86" s="5">
        <v>285</v>
      </c>
    </row>
    <row r="87" spans="1:4" ht="18" customHeight="1" x14ac:dyDescent="0.15">
      <c r="A87" s="8">
        <v>67</v>
      </c>
      <c r="B87" s="21">
        <v>144</v>
      </c>
      <c r="C87" s="6">
        <v>138</v>
      </c>
      <c r="D87" s="5">
        <v>282</v>
      </c>
    </row>
    <row r="88" spans="1:4" ht="18" customHeight="1" x14ac:dyDescent="0.15">
      <c r="A88" s="8">
        <v>68</v>
      </c>
      <c r="B88" s="21">
        <v>124</v>
      </c>
      <c r="C88" s="6">
        <v>138</v>
      </c>
      <c r="D88" s="5">
        <v>262</v>
      </c>
    </row>
    <row r="89" spans="1:4" ht="18" customHeight="1" x14ac:dyDescent="0.15">
      <c r="A89" s="8">
        <v>69</v>
      </c>
      <c r="B89" s="21">
        <v>137</v>
      </c>
      <c r="C89" s="6">
        <v>128</v>
      </c>
      <c r="D89" s="5">
        <v>265</v>
      </c>
    </row>
    <row r="90" spans="1:4" ht="18" customHeight="1" x14ac:dyDescent="0.15">
      <c r="A90" s="8" t="s">
        <v>10</v>
      </c>
      <c r="B90" s="21">
        <v>669</v>
      </c>
      <c r="C90" s="6">
        <v>684</v>
      </c>
      <c r="D90" s="5">
        <v>1353</v>
      </c>
    </row>
    <row r="91" spans="1:4" ht="18" customHeight="1" x14ac:dyDescent="0.15">
      <c r="A91" s="8">
        <v>70</v>
      </c>
      <c r="B91" s="21">
        <v>129</v>
      </c>
      <c r="C91" s="6">
        <v>160</v>
      </c>
      <c r="D91" s="5">
        <v>289</v>
      </c>
    </row>
    <row r="92" spans="1:4" ht="18" customHeight="1" x14ac:dyDescent="0.15">
      <c r="A92" s="8">
        <v>71</v>
      </c>
      <c r="B92" s="21">
        <v>157</v>
      </c>
      <c r="C92" s="6">
        <v>159</v>
      </c>
      <c r="D92" s="5">
        <v>316</v>
      </c>
    </row>
    <row r="93" spans="1:4" ht="18" customHeight="1" x14ac:dyDescent="0.15">
      <c r="A93" s="8">
        <v>72</v>
      </c>
      <c r="B93" s="21">
        <v>129</v>
      </c>
      <c r="C93" s="6">
        <v>145</v>
      </c>
      <c r="D93" s="5">
        <v>274</v>
      </c>
    </row>
    <row r="94" spans="1:4" ht="18" customHeight="1" x14ac:dyDescent="0.15">
      <c r="A94" s="8">
        <v>73</v>
      </c>
      <c r="B94" s="21">
        <v>131</v>
      </c>
      <c r="C94" s="6">
        <v>140</v>
      </c>
      <c r="D94" s="5">
        <v>271</v>
      </c>
    </row>
    <row r="95" spans="1:4" ht="18" customHeight="1" x14ac:dyDescent="0.15">
      <c r="A95" s="8">
        <v>74</v>
      </c>
      <c r="B95" s="21">
        <v>141</v>
      </c>
      <c r="C95" s="6">
        <v>145</v>
      </c>
      <c r="D95" s="5">
        <v>286</v>
      </c>
    </row>
    <row r="96" spans="1:4" ht="18" customHeight="1" x14ac:dyDescent="0.15">
      <c r="A96" s="8" t="s">
        <v>9</v>
      </c>
      <c r="B96" s="21">
        <v>687</v>
      </c>
      <c r="C96" s="6">
        <v>749</v>
      </c>
      <c r="D96" s="5">
        <v>1436</v>
      </c>
    </row>
    <row r="97" spans="1:4" ht="18" customHeight="1" x14ac:dyDescent="0.15">
      <c r="A97" s="8">
        <v>75</v>
      </c>
      <c r="B97" s="21">
        <v>161</v>
      </c>
      <c r="C97" s="6">
        <v>146</v>
      </c>
      <c r="D97" s="5">
        <v>307</v>
      </c>
    </row>
    <row r="98" spans="1:4" ht="18" customHeight="1" x14ac:dyDescent="0.15">
      <c r="A98" s="8">
        <v>76</v>
      </c>
      <c r="B98" s="21">
        <v>148</v>
      </c>
      <c r="C98" s="6">
        <v>187</v>
      </c>
      <c r="D98" s="5">
        <v>335</v>
      </c>
    </row>
    <row r="99" spans="1:4" ht="18" customHeight="1" x14ac:dyDescent="0.15">
      <c r="A99" s="8">
        <v>77</v>
      </c>
      <c r="B99" s="21">
        <v>153</v>
      </c>
      <c r="C99" s="6">
        <v>178</v>
      </c>
      <c r="D99" s="5">
        <v>331</v>
      </c>
    </row>
    <row r="100" spans="1:4" ht="18" customHeight="1" x14ac:dyDescent="0.15">
      <c r="A100" s="8">
        <v>78</v>
      </c>
      <c r="B100" s="21">
        <v>163</v>
      </c>
      <c r="C100" s="6">
        <v>205</v>
      </c>
      <c r="D100" s="5">
        <v>368</v>
      </c>
    </row>
    <row r="101" spans="1:4" ht="18" customHeight="1" x14ac:dyDescent="0.15">
      <c r="A101" s="8">
        <v>79</v>
      </c>
      <c r="B101" s="21">
        <v>75</v>
      </c>
      <c r="C101" s="6">
        <v>105</v>
      </c>
      <c r="D101" s="5">
        <v>180</v>
      </c>
    </row>
    <row r="102" spans="1:4" ht="18" customHeight="1" x14ac:dyDescent="0.15">
      <c r="A102" s="8" t="s">
        <v>8</v>
      </c>
      <c r="B102" s="21">
        <v>700</v>
      </c>
      <c r="C102" s="6">
        <v>821</v>
      </c>
      <c r="D102" s="5">
        <v>1521</v>
      </c>
    </row>
    <row r="103" spans="1:4" ht="18" customHeight="1" x14ac:dyDescent="0.15">
      <c r="A103" s="8">
        <v>80</v>
      </c>
      <c r="B103" s="21">
        <v>78</v>
      </c>
      <c r="C103" s="6">
        <v>119</v>
      </c>
      <c r="D103" s="5">
        <v>197</v>
      </c>
    </row>
    <row r="104" spans="1:4" ht="18" customHeight="1" x14ac:dyDescent="0.15">
      <c r="A104" s="8">
        <v>81</v>
      </c>
      <c r="B104" s="21">
        <v>94</v>
      </c>
      <c r="C104" s="6">
        <v>139</v>
      </c>
      <c r="D104" s="5">
        <v>233</v>
      </c>
    </row>
    <row r="105" spans="1:4" ht="18" customHeight="1" x14ac:dyDescent="0.15">
      <c r="A105" s="8">
        <v>82</v>
      </c>
      <c r="B105" s="21">
        <v>83</v>
      </c>
      <c r="C105" s="6">
        <v>151</v>
      </c>
      <c r="D105" s="5">
        <v>234</v>
      </c>
    </row>
    <row r="106" spans="1:4" ht="18" customHeight="1" x14ac:dyDescent="0.15">
      <c r="A106" s="8">
        <v>83</v>
      </c>
      <c r="B106" s="21">
        <v>92</v>
      </c>
      <c r="C106" s="6">
        <v>152</v>
      </c>
      <c r="D106" s="5">
        <v>244</v>
      </c>
    </row>
    <row r="107" spans="1:4" ht="18" customHeight="1" x14ac:dyDescent="0.15">
      <c r="A107" s="8">
        <v>84</v>
      </c>
      <c r="B107" s="21">
        <v>85</v>
      </c>
      <c r="C107" s="6">
        <v>136</v>
      </c>
      <c r="D107" s="5">
        <v>221</v>
      </c>
    </row>
    <row r="108" spans="1:4" ht="18" customHeight="1" x14ac:dyDescent="0.15">
      <c r="A108" s="8" t="s">
        <v>7</v>
      </c>
      <c r="B108" s="21">
        <v>432</v>
      </c>
      <c r="C108" s="6">
        <v>697</v>
      </c>
      <c r="D108" s="5">
        <v>1129</v>
      </c>
    </row>
    <row r="109" spans="1:4" ht="18" customHeight="1" x14ac:dyDescent="0.15">
      <c r="A109" s="8">
        <v>85</v>
      </c>
      <c r="B109" s="21">
        <v>71</v>
      </c>
      <c r="C109" s="6">
        <v>115</v>
      </c>
      <c r="D109" s="5">
        <v>186</v>
      </c>
    </row>
    <row r="110" spans="1:4" ht="18" customHeight="1" x14ac:dyDescent="0.15">
      <c r="A110" s="8">
        <v>86</v>
      </c>
      <c r="B110" s="21">
        <v>71</v>
      </c>
      <c r="C110" s="6">
        <v>84</v>
      </c>
      <c r="D110" s="5">
        <v>155</v>
      </c>
    </row>
    <row r="111" spans="1:4" ht="18" customHeight="1" x14ac:dyDescent="0.15">
      <c r="A111" s="8">
        <v>87</v>
      </c>
      <c r="B111" s="21">
        <v>53</v>
      </c>
      <c r="C111" s="6">
        <v>84</v>
      </c>
      <c r="D111" s="5">
        <v>137</v>
      </c>
    </row>
    <row r="112" spans="1:4" ht="18" customHeight="1" x14ac:dyDescent="0.15">
      <c r="A112" s="8">
        <v>88</v>
      </c>
      <c r="B112" s="21">
        <v>39</v>
      </c>
      <c r="C112" s="6">
        <v>85</v>
      </c>
      <c r="D112" s="5">
        <v>124</v>
      </c>
    </row>
    <row r="113" spans="1:4" ht="18" customHeight="1" x14ac:dyDescent="0.15">
      <c r="A113" s="8">
        <v>89</v>
      </c>
      <c r="B113" s="21">
        <v>45</v>
      </c>
      <c r="C113" s="6">
        <v>92</v>
      </c>
      <c r="D113" s="5">
        <v>137</v>
      </c>
    </row>
    <row r="114" spans="1:4" ht="18" customHeight="1" x14ac:dyDescent="0.15">
      <c r="A114" s="8" t="s">
        <v>6</v>
      </c>
      <c r="B114" s="21">
        <v>279</v>
      </c>
      <c r="C114" s="6">
        <v>460</v>
      </c>
      <c r="D114" s="5">
        <v>739</v>
      </c>
    </row>
    <row r="115" spans="1:4" ht="18" customHeight="1" x14ac:dyDescent="0.15">
      <c r="A115" s="8">
        <v>90</v>
      </c>
      <c r="B115" s="21">
        <v>28</v>
      </c>
      <c r="C115" s="6">
        <v>92</v>
      </c>
      <c r="D115" s="5">
        <v>120</v>
      </c>
    </row>
    <row r="116" spans="1:4" ht="18" customHeight="1" x14ac:dyDescent="0.15">
      <c r="A116" s="8">
        <v>91</v>
      </c>
      <c r="B116" s="21">
        <v>34</v>
      </c>
      <c r="C116" s="6">
        <v>74</v>
      </c>
      <c r="D116" s="5">
        <v>108</v>
      </c>
    </row>
    <row r="117" spans="1:4" ht="18" customHeight="1" x14ac:dyDescent="0.15">
      <c r="A117" s="8">
        <v>92</v>
      </c>
      <c r="B117" s="21">
        <v>16</v>
      </c>
      <c r="C117" s="6">
        <v>53</v>
      </c>
      <c r="D117" s="5">
        <v>69</v>
      </c>
    </row>
    <row r="118" spans="1:4" ht="18" customHeight="1" x14ac:dyDescent="0.15">
      <c r="A118" s="8">
        <v>93</v>
      </c>
      <c r="B118" s="21">
        <v>14</v>
      </c>
      <c r="C118" s="6">
        <v>54</v>
      </c>
      <c r="D118" s="5">
        <v>68</v>
      </c>
    </row>
    <row r="119" spans="1:4" ht="18" customHeight="1" x14ac:dyDescent="0.15">
      <c r="A119" s="8">
        <v>94</v>
      </c>
      <c r="B119" s="21">
        <v>9</v>
      </c>
      <c r="C119" s="6">
        <v>51</v>
      </c>
      <c r="D119" s="5">
        <v>60</v>
      </c>
    </row>
    <row r="120" spans="1:4" ht="18" customHeight="1" x14ac:dyDescent="0.15">
      <c r="A120" s="8" t="s">
        <v>5</v>
      </c>
      <c r="B120" s="21">
        <v>101</v>
      </c>
      <c r="C120" s="6">
        <v>324</v>
      </c>
      <c r="D120" s="5">
        <v>425</v>
      </c>
    </row>
    <row r="121" spans="1:4" ht="18" customHeight="1" x14ac:dyDescent="0.15">
      <c r="A121" s="8">
        <v>95</v>
      </c>
      <c r="B121" s="21">
        <v>10</v>
      </c>
      <c r="C121" s="6">
        <v>46</v>
      </c>
      <c r="D121" s="5">
        <v>56</v>
      </c>
    </row>
    <row r="122" spans="1:4" ht="18" customHeight="1" x14ac:dyDescent="0.15">
      <c r="A122" s="8">
        <v>96</v>
      </c>
      <c r="B122" s="21">
        <v>4</v>
      </c>
      <c r="C122" s="6">
        <v>30</v>
      </c>
      <c r="D122" s="5">
        <v>34</v>
      </c>
    </row>
    <row r="123" spans="1:4" ht="18" customHeight="1" x14ac:dyDescent="0.15">
      <c r="A123" s="8">
        <v>97</v>
      </c>
      <c r="B123" s="21">
        <v>5</v>
      </c>
      <c r="C123" s="6">
        <v>23</v>
      </c>
      <c r="D123" s="5">
        <v>28</v>
      </c>
    </row>
    <row r="124" spans="1:4" ht="18" customHeight="1" x14ac:dyDescent="0.15">
      <c r="A124" s="8">
        <v>98</v>
      </c>
      <c r="B124" s="21">
        <v>1</v>
      </c>
      <c r="C124" s="6">
        <v>11</v>
      </c>
      <c r="D124" s="5">
        <v>12</v>
      </c>
    </row>
    <row r="125" spans="1:4" ht="18" customHeight="1" x14ac:dyDescent="0.15">
      <c r="A125" s="8">
        <v>99</v>
      </c>
      <c r="B125" s="21">
        <v>2</v>
      </c>
      <c r="C125" s="6">
        <v>8</v>
      </c>
      <c r="D125" s="5">
        <v>10</v>
      </c>
    </row>
    <row r="126" spans="1:4" ht="18" customHeight="1" x14ac:dyDescent="0.15">
      <c r="A126" s="8" t="s">
        <v>4</v>
      </c>
      <c r="B126" s="21">
        <v>22</v>
      </c>
      <c r="C126" s="6">
        <v>118</v>
      </c>
      <c r="D126" s="5">
        <v>140</v>
      </c>
    </row>
    <row r="127" spans="1:4" ht="18" customHeight="1" x14ac:dyDescent="0.15">
      <c r="A127" s="8">
        <v>100</v>
      </c>
      <c r="B127" s="21">
        <v>1</v>
      </c>
      <c r="C127" s="6">
        <v>9</v>
      </c>
      <c r="D127" s="5">
        <v>10</v>
      </c>
    </row>
    <row r="128" spans="1:4" ht="18" customHeight="1" x14ac:dyDescent="0.15">
      <c r="A128" s="9" t="s">
        <v>3</v>
      </c>
      <c r="B128" s="21">
        <v>1</v>
      </c>
      <c r="C128" s="6">
        <v>10</v>
      </c>
      <c r="D128" s="5">
        <v>11</v>
      </c>
    </row>
    <row r="129" spans="1:4" ht="18" customHeight="1" x14ac:dyDescent="0.15">
      <c r="A129" s="8" t="s">
        <v>2</v>
      </c>
      <c r="B129" s="21">
        <v>2</v>
      </c>
      <c r="C129" s="6">
        <v>19</v>
      </c>
      <c r="D129" s="5">
        <v>21</v>
      </c>
    </row>
    <row r="130" spans="1:4" ht="18" customHeight="1" x14ac:dyDescent="0.15">
      <c r="A130" s="8" t="s">
        <v>1</v>
      </c>
      <c r="B130" s="21">
        <v>2892</v>
      </c>
      <c r="C130" s="6">
        <v>3872</v>
      </c>
      <c r="D130" s="5">
        <v>6764</v>
      </c>
    </row>
    <row r="131" spans="1:4" ht="18" customHeight="1" x14ac:dyDescent="0.15">
      <c r="A131" s="4" t="s">
        <v>0</v>
      </c>
      <c r="B131" s="20">
        <v>10275</v>
      </c>
      <c r="C131" s="2">
        <v>10575</v>
      </c>
      <c r="D131" s="1">
        <v>2085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3FCEAF-5B49-4A2F-9B31-346D58348FD9}">
  <sheetPr codeName="Sheet6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3</v>
      </c>
      <c r="C5" s="31">
        <v>3</v>
      </c>
      <c r="D5" s="30">
        <v>6</v>
      </c>
    </row>
    <row r="6" spans="1:4" ht="18" customHeight="1" x14ac:dyDescent="0.15">
      <c r="A6" s="8">
        <v>1</v>
      </c>
      <c r="B6" s="26">
        <v>5</v>
      </c>
      <c r="C6" s="6">
        <v>1</v>
      </c>
      <c r="D6" s="5">
        <v>6</v>
      </c>
    </row>
    <row r="7" spans="1:4" ht="18" customHeight="1" x14ac:dyDescent="0.15">
      <c r="A7" s="8">
        <v>2</v>
      </c>
      <c r="B7" s="26">
        <v>1</v>
      </c>
      <c r="C7" s="6">
        <v>6</v>
      </c>
      <c r="D7" s="5">
        <v>7</v>
      </c>
    </row>
    <row r="8" spans="1:4" ht="18" customHeight="1" x14ac:dyDescent="0.15">
      <c r="A8" s="8">
        <v>3</v>
      </c>
      <c r="B8" s="26">
        <v>3</v>
      </c>
      <c r="C8" s="6">
        <v>6</v>
      </c>
      <c r="D8" s="5">
        <v>9</v>
      </c>
    </row>
    <row r="9" spans="1:4" ht="18" customHeight="1" x14ac:dyDescent="0.15">
      <c r="A9" s="8">
        <v>4</v>
      </c>
      <c r="B9" s="29">
        <v>6</v>
      </c>
      <c r="C9" s="28">
        <v>7</v>
      </c>
      <c r="D9" s="27">
        <v>13</v>
      </c>
    </row>
    <row r="10" spans="1:4" ht="18" customHeight="1" x14ac:dyDescent="0.15">
      <c r="A10" s="8" t="s">
        <v>25</v>
      </c>
      <c r="B10" s="21">
        <v>18</v>
      </c>
      <c r="C10" s="6">
        <v>23</v>
      </c>
      <c r="D10" s="5">
        <v>41</v>
      </c>
    </row>
    <row r="11" spans="1:4" ht="18" customHeight="1" x14ac:dyDescent="0.15">
      <c r="A11" s="8">
        <v>5</v>
      </c>
      <c r="B11" s="26">
        <v>1</v>
      </c>
      <c r="C11" s="6">
        <v>5</v>
      </c>
      <c r="D11" s="5">
        <v>6</v>
      </c>
    </row>
    <row r="12" spans="1:4" ht="18" customHeight="1" x14ac:dyDescent="0.15">
      <c r="A12" s="8">
        <v>6</v>
      </c>
      <c r="B12" s="26">
        <v>4</v>
      </c>
      <c r="C12" s="6">
        <v>6</v>
      </c>
      <c r="D12" s="5">
        <v>10</v>
      </c>
    </row>
    <row r="13" spans="1:4" ht="18" customHeight="1" x14ac:dyDescent="0.15">
      <c r="A13" s="8">
        <v>7</v>
      </c>
      <c r="B13" s="26">
        <v>5</v>
      </c>
      <c r="C13" s="6">
        <v>5</v>
      </c>
      <c r="D13" s="5">
        <v>10</v>
      </c>
    </row>
    <row r="14" spans="1:4" ht="18" customHeight="1" x14ac:dyDescent="0.15">
      <c r="A14" s="8">
        <v>8</v>
      </c>
      <c r="B14" s="26">
        <v>6</v>
      </c>
      <c r="C14" s="6">
        <v>5</v>
      </c>
      <c r="D14" s="5">
        <v>11</v>
      </c>
    </row>
    <row r="15" spans="1:4" ht="18" customHeight="1" x14ac:dyDescent="0.15">
      <c r="A15" s="8">
        <v>9</v>
      </c>
      <c r="B15" s="26">
        <v>7</v>
      </c>
      <c r="C15" s="6">
        <v>8</v>
      </c>
      <c r="D15" s="5">
        <v>15</v>
      </c>
    </row>
    <row r="16" spans="1:4" ht="18" customHeight="1" x14ac:dyDescent="0.15">
      <c r="A16" s="8" t="s">
        <v>24</v>
      </c>
      <c r="B16" s="21">
        <v>23</v>
      </c>
      <c r="C16" s="6">
        <v>29</v>
      </c>
      <c r="D16" s="5">
        <v>52</v>
      </c>
    </row>
    <row r="17" spans="1:4" ht="18" customHeight="1" x14ac:dyDescent="0.15">
      <c r="A17" s="8">
        <v>10</v>
      </c>
      <c r="B17" s="21">
        <v>12</v>
      </c>
      <c r="C17" s="6">
        <v>4</v>
      </c>
      <c r="D17" s="5">
        <v>16</v>
      </c>
    </row>
    <row r="18" spans="1:4" ht="18" customHeight="1" x14ac:dyDescent="0.15">
      <c r="A18" s="8">
        <v>11</v>
      </c>
      <c r="B18" s="21">
        <v>11</v>
      </c>
      <c r="C18" s="6">
        <v>5</v>
      </c>
      <c r="D18" s="5">
        <v>16</v>
      </c>
    </row>
    <row r="19" spans="1:4" ht="18" customHeight="1" x14ac:dyDescent="0.15">
      <c r="A19" s="8">
        <v>12</v>
      </c>
      <c r="B19" s="21">
        <v>3</v>
      </c>
      <c r="C19" s="6">
        <v>4</v>
      </c>
      <c r="D19" s="5">
        <v>7</v>
      </c>
    </row>
    <row r="20" spans="1:4" ht="18" customHeight="1" x14ac:dyDescent="0.15">
      <c r="A20" s="8">
        <v>13</v>
      </c>
      <c r="B20" s="21">
        <v>12</v>
      </c>
      <c r="C20" s="6">
        <v>7</v>
      </c>
      <c r="D20" s="5">
        <v>19</v>
      </c>
    </row>
    <row r="21" spans="1:4" ht="18" customHeight="1" x14ac:dyDescent="0.15">
      <c r="A21" s="8">
        <v>14</v>
      </c>
      <c r="B21" s="21">
        <v>5</v>
      </c>
      <c r="C21" s="6">
        <v>8</v>
      </c>
      <c r="D21" s="5">
        <v>13</v>
      </c>
    </row>
    <row r="22" spans="1:4" ht="18" customHeight="1" x14ac:dyDescent="0.15">
      <c r="A22" s="8" t="s">
        <v>23</v>
      </c>
      <c r="B22" s="21">
        <v>43</v>
      </c>
      <c r="C22" s="6">
        <v>28</v>
      </c>
      <c r="D22" s="5">
        <v>71</v>
      </c>
    </row>
    <row r="23" spans="1:4" ht="18" customHeight="1" x14ac:dyDescent="0.15">
      <c r="A23" s="8" t="s">
        <v>22</v>
      </c>
      <c r="B23" s="21">
        <v>84</v>
      </c>
      <c r="C23" s="6">
        <v>80</v>
      </c>
      <c r="D23" s="5">
        <v>164</v>
      </c>
    </row>
    <row r="24" spans="1:4" ht="18" customHeight="1" x14ac:dyDescent="0.15">
      <c r="A24" s="8">
        <v>15</v>
      </c>
      <c r="B24" s="21">
        <v>8</v>
      </c>
      <c r="C24" s="6">
        <v>6</v>
      </c>
      <c r="D24" s="5">
        <v>14</v>
      </c>
    </row>
    <row r="25" spans="1:4" ht="18" customHeight="1" x14ac:dyDescent="0.15">
      <c r="A25" s="8">
        <v>16</v>
      </c>
      <c r="B25" s="21">
        <v>5</v>
      </c>
      <c r="C25" s="6">
        <v>4</v>
      </c>
      <c r="D25" s="5">
        <v>9</v>
      </c>
    </row>
    <row r="26" spans="1:4" ht="18" customHeight="1" x14ac:dyDescent="0.15">
      <c r="A26" s="8">
        <v>17</v>
      </c>
      <c r="B26" s="21">
        <v>8</v>
      </c>
      <c r="C26" s="6">
        <v>6</v>
      </c>
      <c r="D26" s="5">
        <v>14</v>
      </c>
    </row>
    <row r="27" spans="1:4" ht="18" customHeight="1" x14ac:dyDescent="0.15">
      <c r="A27" s="8">
        <v>18</v>
      </c>
      <c r="B27" s="21">
        <v>8</v>
      </c>
      <c r="C27" s="6">
        <v>7</v>
      </c>
      <c r="D27" s="5">
        <v>15</v>
      </c>
    </row>
    <row r="28" spans="1:4" ht="18" customHeight="1" x14ac:dyDescent="0.15">
      <c r="A28" s="8">
        <v>19</v>
      </c>
      <c r="B28" s="21">
        <v>10</v>
      </c>
      <c r="C28" s="6">
        <v>9</v>
      </c>
      <c r="D28" s="5">
        <v>19</v>
      </c>
    </row>
    <row r="29" spans="1:4" ht="18" customHeight="1" x14ac:dyDescent="0.15">
      <c r="A29" s="8" t="s">
        <v>21</v>
      </c>
      <c r="B29" s="21">
        <v>39</v>
      </c>
      <c r="C29" s="6">
        <v>32</v>
      </c>
      <c r="D29" s="5">
        <v>71</v>
      </c>
    </row>
    <row r="30" spans="1:4" ht="18" customHeight="1" x14ac:dyDescent="0.15">
      <c r="A30" s="8">
        <v>20</v>
      </c>
      <c r="B30" s="21">
        <v>11</v>
      </c>
      <c r="C30" s="6">
        <v>7</v>
      </c>
      <c r="D30" s="5">
        <v>18</v>
      </c>
    </row>
    <row r="31" spans="1:4" ht="18" customHeight="1" x14ac:dyDescent="0.15">
      <c r="A31" s="8">
        <v>21</v>
      </c>
      <c r="B31" s="21">
        <v>7</v>
      </c>
      <c r="C31" s="6">
        <v>9</v>
      </c>
      <c r="D31" s="5">
        <v>16</v>
      </c>
    </row>
    <row r="32" spans="1:4" ht="18" customHeight="1" x14ac:dyDescent="0.15">
      <c r="A32" s="8">
        <v>22</v>
      </c>
      <c r="B32" s="21">
        <v>9</v>
      </c>
      <c r="C32" s="6">
        <v>12</v>
      </c>
      <c r="D32" s="5">
        <v>21</v>
      </c>
    </row>
    <row r="33" spans="1:4" ht="18" customHeight="1" x14ac:dyDescent="0.15">
      <c r="A33" s="8">
        <v>23</v>
      </c>
      <c r="B33" s="21">
        <v>8</v>
      </c>
      <c r="C33" s="6">
        <v>8</v>
      </c>
      <c r="D33" s="5">
        <v>16</v>
      </c>
    </row>
    <row r="34" spans="1:4" ht="18" customHeight="1" x14ac:dyDescent="0.15">
      <c r="A34" s="8">
        <v>24</v>
      </c>
      <c r="B34" s="21">
        <v>14</v>
      </c>
      <c r="C34" s="6">
        <v>5</v>
      </c>
      <c r="D34" s="5">
        <v>19</v>
      </c>
    </row>
    <row r="35" spans="1:4" ht="18" customHeight="1" x14ac:dyDescent="0.15">
      <c r="A35" s="8" t="s">
        <v>20</v>
      </c>
      <c r="B35" s="21">
        <v>49</v>
      </c>
      <c r="C35" s="6">
        <v>41</v>
      </c>
      <c r="D35" s="5">
        <v>90</v>
      </c>
    </row>
    <row r="36" spans="1:4" ht="18" customHeight="1" x14ac:dyDescent="0.15">
      <c r="A36" s="8">
        <v>25</v>
      </c>
      <c r="B36" s="21">
        <v>7</v>
      </c>
      <c r="C36" s="6">
        <v>9</v>
      </c>
      <c r="D36" s="5">
        <v>16</v>
      </c>
    </row>
    <row r="37" spans="1:4" ht="18" customHeight="1" x14ac:dyDescent="0.15">
      <c r="A37" s="8">
        <v>26</v>
      </c>
      <c r="B37" s="21">
        <v>16</v>
      </c>
      <c r="C37" s="6">
        <v>9</v>
      </c>
      <c r="D37" s="5">
        <v>25</v>
      </c>
    </row>
    <row r="38" spans="1:4" ht="18" customHeight="1" x14ac:dyDescent="0.15">
      <c r="A38" s="8">
        <v>27</v>
      </c>
      <c r="B38" s="21">
        <v>10</v>
      </c>
      <c r="C38" s="6">
        <v>7</v>
      </c>
      <c r="D38" s="5">
        <v>17</v>
      </c>
    </row>
    <row r="39" spans="1:4" ht="18" customHeight="1" x14ac:dyDescent="0.15">
      <c r="A39" s="8">
        <v>28</v>
      </c>
      <c r="B39" s="21">
        <v>14</v>
      </c>
      <c r="C39" s="6">
        <v>8</v>
      </c>
      <c r="D39" s="5">
        <v>22</v>
      </c>
    </row>
    <row r="40" spans="1:4" ht="18" customHeight="1" x14ac:dyDescent="0.15">
      <c r="A40" s="8">
        <v>29</v>
      </c>
      <c r="B40" s="21">
        <v>4</v>
      </c>
      <c r="C40" s="6">
        <v>8</v>
      </c>
      <c r="D40" s="5">
        <v>12</v>
      </c>
    </row>
    <row r="41" spans="1:4" ht="18" customHeight="1" x14ac:dyDescent="0.15">
      <c r="A41" s="8" t="s">
        <v>19</v>
      </c>
      <c r="B41" s="21">
        <v>51</v>
      </c>
      <c r="C41" s="6">
        <v>41</v>
      </c>
      <c r="D41" s="5">
        <v>92</v>
      </c>
    </row>
    <row r="42" spans="1:4" ht="18" customHeight="1" x14ac:dyDescent="0.15">
      <c r="A42" s="8">
        <v>30</v>
      </c>
      <c r="B42" s="21">
        <v>6</v>
      </c>
      <c r="C42" s="6">
        <v>7</v>
      </c>
      <c r="D42" s="5">
        <v>13</v>
      </c>
    </row>
    <row r="43" spans="1:4" ht="18" customHeight="1" x14ac:dyDescent="0.15">
      <c r="A43" s="8">
        <v>31</v>
      </c>
      <c r="B43" s="21">
        <v>9</v>
      </c>
      <c r="C43" s="6">
        <v>6</v>
      </c>
      <c r="D43" s="5">
        <v>15</v>
      </c>
    </row>
    <row r="44" spans="1:4" ht="18" customHeight="1" x14ac:dyDescent="0.15">
      <c r="A44" s="8">
        <v>32</v>
      </c>
      <c r="B44" s="21">
        <v>6</v>
      </c>
      <c r="C44" s="6">
        <v>8</v>
      </c>
      <c r="D44" s="5">
        <v>14</v>
      </c>
    </row>
    <row r="45" spans="1:4" ht="18" customHeight="1" x14ac:dyDescent="0.15">
      <c r="A45" s="8">
        <v>33</v>
      </c>
      <c r="B45" s="21">
        <v>7</v>
      </c>
      <c r="C45" s="6">
        <v>11</v>
      </c>
      <c r="D45" s="5">
        <v>18</v>
      </c>
    </row>
    <row r="46" spans="1:4" ht="18" customHeight="1" x14ac:dyDescent="0.15">
      <c r="A46" s="8">
        <v>34</v>
      </c>
      <c r="B46" s="21">
        <v>7</v>
      </c>
      <c r="C46" s="6">
        <v>6</v>
      </c>
      <c r="D46" s="5">
        <v>13</v>
      </c>
    </row>
    <row r="47" spans="1:4" ht="18" customHeight="1" x14ac:dyDescent="0.15">
      <c r="A47" s="8" t="s">
        <v>18</v>
      </c>
      <c r="B47" s="21">
        <v>35</v>
      </c>
      <c r="C47" s="6">
        <v>38</v>
      </c>
      <c r="D47" s="5">
        <v>73</v>
      </c>
    </row>
    <row r="48" spans="1:4" ht="18" customHeight="1" x14ac:dyDescent="0.15">
      <c r="A48" s="8">
        <v>35</v>
      </c>
      <c r="B48" s="21">
        <v>4</v>
      </c>
      <c r="C48" s="6">
        <v>4</v>
      </c>
      <c r="D48" s="5">
        <v>8</v>
      </c>
    </row>
    <row r="49" spans="1:4" ht="18" customHeight="1" x14ac:dyDescent="0.15">
      <c r="A49" s="8">
        <v>36</v>
      </c>
      <c r="B49" s="21">
        <v>8</v>
      </c>
      <c r="C49" s="6">
        <v>7</v>
      </c>
      <c r="D49" s="5">
        <v>15</v>
      </c>
    </row>
    <row r="50" spans="1:4" ht="18" customHeight="1" x14ac:dyDescent="0.15">
      <c r="A50" s="8">
        <v>37</v>
      </c>
      <c r="B50" s="21">
        <v>6</v>
      </c>
      <c r="C50" s="6">
        <v>6</v>
      </c>
      <c r="D50" s="5">
        <v>12</v>
      </c>
    </row>
    <row r="51" spans="1:4" ht="18" customHeight="1" x14ac:dyDescent="0.15">
      <c r="A51" s="8">
        <v>38</v>
      </c>
      <c r="B51" s="21">
        <v>14</v>
      </c>
      <c r="C51" s="6">
        <v>7</v>
      </c>
      <c r="D51" s="5">
        <v>21</v>
      </c>
    </row>
    <row r="52" spans="1:4" ht="18" customHeight="1" x14ac:dyDescent="0.15">
      <c r="A52" s="8">
        <v>39</v>
      </c>
      <c r="B52" s="21">
        <v>9</v>
      </c>
      <c r="C52" s="6">
        <v>6</v>
      </c>
      <c r="D52" s="5">
        <v>15</v>
      </c>
    </row>
    <row r="53" spans="1:4" ht="18" customHeight="1" x14ac:dyDescent="0.15">
      <c r="A53" s="8" t="s">
        <v>17</v>
      </c>
      <c r="B53" s="21">
        <v>41</v>
      </c>
      <c r="C53" s="6">
        <v>30</v>
      </c>
      <c r="D53" s="5">
        <v>71</v>
      </c>
    </row>
    <row r="54" spans="1:4" ht="18" customHeight="1" x14ac:dyDescent="0.15">
      <c r="A54" s="8">
        <v>40</v>
      </c>
      <c r="B54" s="21">
        <v>7</v>
      </c>
      <c r="C54" s="6">
        <v>12</v>
      </c>
      <c r="D54" s="5">
        <v>19</v>
      </c>
    </row>
    <row r="55" spans="1:4" ht="18" customHeight="1" x14ac:dyDescent="0.15">
      <c r="A55" s="8">
        <v>41</v>
      </c>
      <c r="B55" s="21">
        <v>24</v>
      </c>
      <c r="C55" s="6">
        <v>8</v>
      </c>
      <c r="D55" s="5">
        <v>32</v>
      </c>
    </row>
    <row r="56" spans="1:4" ht="18" customHeight="1" x14ac:dyDescent="0.15">
      <c r="A56" s="8">
        <v>42</v>
      </c>
      <c r="B56" s="21">
        <v>13</v>
      </c>
      <c r="C56" s="6">
        <v>16</v>
      </c>
      <c r="D56" s="5">
        <v>29</v>
      </c>
    </row>
    <row r="57" spans="1:4" ht="18" customHeight="1" x14ac:dyDescent="0.15">
      <c r="A57" s="8">
        <v>43</v>
      </c>
      <c r="B57" s="21">
        <v>12</v>
      </c>
      <c r="C57" s="6">
        <v>9</v>
      </c>
      <c r="D57" s="5">
        <v>21</v>
      </c>
    </row>
    <row r="58" spans="1:4" ht="18" customHeight="1" x14ac:dyDescent="0.15">
      <c r="A58" s="8">
        <v>44</v>
      </c>
      <c r="B58" s="21">
        <v>11</v>
      </c>
      <c r="C58" s="6">
        <v>8</v>
      </c>
      <c r="D58" s="5">
        <v>19</v>
      </c>
    </row>
    <row r="59" spans="1:4" ht="18" customHeight="1" x14ac:dyDescent="0.15">
      <c r="A59" s="8" t="s">
        <v>16</v>
      </c>
      <c r="B59" s="21">
        <v>67</v>
      </c>
      <c r="C59" s="6">
        <v>53</v>
      </c>
      <c r="D59" s="5">
        <v>120</v>
      </c>
    </row>
    <row r="60" spans="1:4" ht="18" customHeight="1" x14ac:dyDescent="0.15">
      <c r="A60" s="8">
        <v>45</v>
      </c>
      <c r="B60" s="21">
        <v>7</v>
      </c>
      <c r="C60" s="6">
        <v>13</v>
      </c>
      <c r="D60" s="5">
        <v>20</v>
      </c>
    </row>
    <row r="61" spans="1:4" ht="18" customHeight="1" x14ac:dyDescent="0.15">
      <c r="A61" s="8">
        <v>46</v>
      </c>
      <c r="B61" s="21">
        <v>13</v>
      </c>
      <c r="C61" s="6">
        <v>8</v>
      </c>
      <c r="D61" s="5">
        <v>21</v>
      </c>
    </row>
    <row r="62" spans="1:4" ht="18" customHeight="1" x14ac:dyDescent="0.15">
      <c r="A62" s="8">
        <v>47</v>
      </c>
      <c r="B62" s="21">
        <v>7</v>
      </c>
      <c r="C62" s="6">
        <v>11</v>
      </c>
      <c r="D62" s="5">
        <v>18</v>
      </c>
    </row>
    <row r="63" spans="1:4" ht="18" customHeight="1" x14ac:dyDescent="0.15">
      <c r="A63" s="8">
        <v>48</v>
      </c>
      <c r="B63" s="21">
        <v>18</v>
      </c>
      <c r="C63" s="6">
        <v>16</v>
      </c>
      <c r="D63" s="5">
        <v>34</v>
      </c>
    </row>
    <row r="64" spans="1:4" ht="18" customHeight="1" x14ac:dyDescent="0.15">
      <c r="A64" s="8">
        <v>49</v>
      </c>
      <c r="B64" s="21">
        <v>17</v>
      </c>
      <c r="C64" s="6">
        <v>13</v>
      </c>
      <c r="D64" s="5">
        <v>30</v>
      </c>
    </row>
    <row r="65" spans="1:4" ht="18" customHeight="1" x14ac:dyDescent="0.15">
      <c r="A65" s="8" t="s">
        <v>15</v>
      </c>
      <c r="B65" s="21">
        <v>62</v>
      </c>
      <c r="C65" s="6">
        <v>61</v>
      </c>
      <c r="D65" s="5">
        <v>123</v>
      </c>
    </row>
    <row r="66" spans="1:4" ht="18" customHeight="1" x14ac:dyDescent="0.15">
      <c r="A66" s="8">
        <v>50</v>
      </c>
      <c r="B66" s="21">
        <v>18</v>
      </c>
      <c r="C66" s="6">
        <v>18</v>
      </c>
      <c r="D66" s="5">
        <v>36</v>
      </c>
    </row>
    <row r="67" spans="1:4" ht="18" customHeight="1" x14ac:dyDescent="0.15">
      <c r="A67" s="8">
        <v>51</v>
      </c>
      <c r="B67" s="21">
        <v>10</v>
      </c>
      <c r="C67" s="6">
        <v>16</v>
      </c>
      <c r="D67" s="5">
        <v>26</v>
      </c>
    </row>
    <row r="68" spans="1:4" ht="18" customHeight="1" x14ac:dyDescent="0.15">
      <c r="A68" s="8">
        <v>52</v>
      </c>
      <c r="B68" s="21">
        <v>14</v>
      </c>
      <c r="C68" s="6">
        <v>19</v>
      </c>
      <c r="D68" s="5">
        <v>33</v>
      </c>
    </row>
    <row r="69" spans="1:4" ht="18" customHeight="1" x14ac:dyDescent="0.15">
      <c r="A69" s="8">
        <v>53</v>
      </c>
      <c r="B69" s="21">
        <v>24</v>
      </c>
      <c r="C69" s="6">
        <v>19</v>
      </c>
      <c r="D69" s="5">
        <v>43</v>
      </c>
    </row>
    <row r="70" spans="1:4" ht="18" customHeight="1" x14ac:dyDescent="0.15">
      <c r="A70" s="8">
        <v>54</v>
      </c>
      <c r="B70" s="21">
        <v>24</v>
      </c>
      <c r="C70" s="6">
        <v>20</v>
      </c>
      <c r="D70" s="5">
        <v>44</v>
      </c>
    </row>
    <row r="71" spans="1:4" ht="18" customHeight="1" x14ac:dyDescent="0.15">
      <c r="A71" s="8" t="s">
        <v>14</v>
      </c>
      <c r="B71" s="21">
        <v>90</v>
      </c>
      <c r="C71" s="6">
        <v>92</v>
      </c>
      <c r="D71" s="5">
        <v>182</v>
      </c>
    </row>
    <row r="72" spans="1:4" ht="18" customHeight="1" x14ac:dyDescent="0.15">
      <c r="A72" s="8">
        <v>55</v>
      </c>
      <c r="B72" s="21">
        <v>27</v>
      </c>
      <c r="C72" s="6">
        <v>20</v>
      </c>
      <c r="D72" s="5">
        <v>47</v>
      </c>
    </row>
    <row r="73" spans="1:4" ht="18" customHeight="1" x14ac:dyDescent="0.15">
      <c r="A73" s="8">
        <v>56</v>
      </c>
      <c r="B73" s="21">
        <v>14</v>
      </c>
      <c r="C73" s="6">
        <v>19</v>
      </c>
      <c r="D73" s="5">
        <v>33</v>
      </c>
    </row>
    <row r="74" spans="1:4" ht="18" customHeight="1" x14ac:dyDescent="0.15">
      <c r="A74" s="8">
        <v>57</v>
      </c>
      <c r="B74" s="21">
        <v>17</v>
      </c>
      <c r="C74" s="6">
        <v>19</v>
      </c>
      <c r="D74" s="5">
        <v>36</v>
      </c>
    </row>
    <row r="75" spans="1:4" ht="18" customHeight="1" x14ac:dyDescent="0.15">
      <c r="A75" s="8">
        <v>58</v>
      </c>
      <c r="B75" s="21">
        <v>14</v>
      </c>
      <c r="C75" s="6">
        <v>21</v>
      </c>
      <c r="D75" s="5">
        <v>35</v>
      </c>
    </row>
    <row r="76" spans="1:4" ht="18" customHeight="1" x14ac:dyDescent="0.15">
      <c r="A76" s="8">
        <v>59</v>
      </c>
      <c r="B76" s="21">
        <v>15</v>
      </c>
      <c r="C76" s="6">
        <v>10</v>
      </c>
      <c r="D76" s="5">
        <v>25</v>
      </c>
    </row>
    <row r="77" spans="1:4" ht="18" customHeight="1" x14ac:dyDescent="0.15">
      <c r="A77" s="8" t="s">
        <v>13</v>
      </c>
      <c r="B77" s="21">
        <v>87</v>
      </c>
      <c r="C77" s="6">
        <v>89</v>
      </c>
      <c r="D77" s="5">
        <v>176</v>
      </c>
    </row>
    <row r="78" spans="1:4" ht="18" customHeight="1" x14ac:dyDescent="0.15">
      <c r="A78" s="8">
        <v>60</v>
      </c>
      <c r="B78" s="21">
        <v>17</v>
      </c>
      <c r="C78" s="6">
        <v>17</v>
      </c>
      <c r="D78" s="5">
        <v>34</v>
      </c>
    </row>
    <row r="79" spans="1:4" ht="18" customHeight="1" x14ac:dyDescent="0.15">
      <c r="A79" s="8">
        <v>61</v>
      </c>
      <c r="B79" s="21">
        <v>15</v>
      </c>
      <c r="C79" s="6">
        <v>17</v>
      </c>
      <c r="D79" s="5">
        <v>32</v>
      </c>
    </row>
    <row r="80" spans="1:4" ht="18" customHeight="1" x14ac:dyDescent="0.15">
      <c r="A80" s="8">
        <v>62</v>
      </c>
      <c r="B80" s="21">
        <v>14</v>
      </c>
      <c r="C80" s="6">
        <v>15</v>
      </c>
      <c r="D80" s="5">
        <v>29</v>
      </c>
    </row>
    <row r="81" spans="1:4" ht="18" customHeight="1" x14ac:dyDescent="0.15">
      <c r="A81" s="8">
        <v>63</v>
      </c>
      <c r="B81" s="21">
        <v>15</v>
      </c>
      <c r="C81" s="6">
        <v>8</v>
      </c>
      <c r="D81" s="5">
        <v>23</v>
      </c>
    </row>
    <row r="82" spans="1:4" ht="18" customHeight="1" x14ac:dyDescent="0.15">
      <c r="A82" s="8">
        <v>64</v>
      </c>
      <c r="B82" s="21">
        <v>19</v>
      </c>
      <c r="C82" s="6">
        <v>15</v>
      </c>
      <c r="D82" s="5">
        <v>34</v>
      </c>
    </row>
    <row r="83" spans="1:4" ht="18" customHeight="1" x14ac:dyDescent="0.15">
      <c r="A83" s="8" t="s">
        <v>12</v>
      </c>
      <c r="B83" s="21">
        <v>80</v>
      </c>
      <c r="C83" s="6">
        <v>72</v>
      </c>
      <c r="D83" s="5">
        <v>152</v>
      </c>
    </row>
    <row r="84" spans="1:4" ht="18" customHeight="1" x14ac:dyDescent="0.15">
      <c r="A84" s="8" t="s">
        <v>11</v>
      </c>
      <c r="B84" s="21">
        <v>601</v>
      </c>
      <c r="C84" s="6">
        <v>549</v>
      </c>
      <c r="D84" s="5">
        <v>1150</v>
      </c>
    </row>
    <row r="85" spans="1:4" ht="18" customHeight="1" x14ac:dyDescent="0.15">
      <c r="A85" s="8">
        <v>65</v>
      </c>
      <c r="B85" s="21">
        <v>19</v>
      </c>
      <c r="C85" s="6">
        <v>9</v>
      </c>
      <c r="D85" s="5">
        <v>28</v>
      </c>
    </row>
    <row r="86" spans="1:4" ht="18" customHeight="1" x14ac:dyDescent="0.15">
      <c r="A86" s="8">
        <v>66</v>
      </c>
      <c r="B86" s="21">
        <v>14</v>
      </c>
      <c r="C86" s="6">
        <v>22</v>
      </c>
      <c r="D86" s="5">
        <v>36</v>
      </c>
    </row>
    <row r="87" spans="1:4" ht="18" customHeight="1" x14ac:dyDescent="0.15">
      <c r="A87" s="8">
        <v>67</v>
      </c>
      <c r="B87" s="21">
        <v>19</v>
      </c>
      <c r="C87" s="6">
        <v>21</v>
      </c>
      <c r="D87" s="5">
        <v>40</v>
      </c>
    </row>
    <row r="88" spans="1:4" ht="18" customHeight="1" x14ac:dyDescent="0.15">
      <c r="A88" s="8">
        <v>68</v>
      </c>
      <c r="B88" s="21">
        <v>20</v>
      </c>
      <c r="C88" s="6">
        <v>17</v>
      </c>
      <c r="D88" s="5">
        <v>37</v>
      </c>
    </row>
    <row r="89" spans="1:4" ht="18" customHeight="1" x14ac:dyDescent="0.15">
      <c r="A89" s="8">
        <v>69</v>
      </c>
      <c r="B89" s="21">
        <v>13</v>
      </c>
      <c r="C89" s="6">
        <v>24</v>
      </c>
      <c r="D89" s="5">
        <v>37</v>
      </c>
    </row>
    <row r="90" spans="1:4" ht="18" customHeight="1" x14ac:dyDescent="0.15">
      <c r="A90" s="8" t="s">
        <v>10</v>
      </c>
      <c r="B90" s="21">
        <v>85</v>
      </c>
      <c r="C90" s="6">
        <v>93</v>
      </c>
      <c r="D90" s="5">
        <v>178</v>
      </c>
    </row>
    <row r="91" spans="1:4" ht="18" customHeight="1" x14ac:dyDescent="0.15">
      <c r="A91" s="8">
        <v>70</v>
      </c>
      <c r="B91" s="21">
        <v>9</v>
      </c>
      <c r="C91" s="6">
        <v>15</v>
      </c>
      <c r="D91" s="5">
        <v>24</v>
      </c>
    </row>
    <row r="92" spans="1:4" ht="18" customHeight="1" x14ac:dyDescent="0.15">
      <c r="A92" s="8">
        <v>71</v>
      </c>
      <c r="B92" s="21">
        <v>11</v>
      </c>
      <c r="C92" s="6">
        <v>23</v>
      </c>
      <c r="D92" s="5">
        <v>34</v>
      </c>
    </row>
    <row r="93" spans="1:4" ht="18" customHeight="1" x14ac:dyDescent="0.15">
      <c r="A93" s="8">
        <v>72</v>
      </c>
      <c r="B93" s="21">
        <v>17</v>
      </c>
      <c r="C93" s="6">
        <v>23</v>
      </c>
      <c r="D93" s="5">
        <v>40</v>
      </c>
    </row>
    <row r="94" spans="1:4" ht="18" customHeight="1" x14ac:dyDescent="0.15">
      <c r="A94" s="8">
        <v>73</v>
      </c>
      <c r="B94" s="21">
        <v>20</v>
      </c>
      <c r="C94" s="6">
        <v>23</v>
      </c>
      <c r="D94" s="5">
        <v>43</v>
      </c>
    </row>
    <row r="95" spans="1:4" ht="18" customHeight="1" x14ac:dyDescent="0.15">
      <c r="A95" s="8">
        <v>74</v>
      </c>
      <c r="B95" s="21">
        <v>23</v>
      </c>
      <c r="C95" s="6">
        <v>27</v>
      </c>
      <c r="D95" s="5">
        <v>50</v>
      </c>
    </row>
    <row r="96" spans="1:4" ht="18" customHeight="1" x14ac:dyDescent="0.15">
      <c r="A96" s="8" t="s">
        <v>9</v>
      </c>
      <c r="B96" s="21">
        <v>80</v>
      </c>
      <c r="C96" s="6">
        <v>111</v>
      </c>
      <c r="D96" s="5">
        <v>191</v>
      </c>
    </row>
    <row r="97" spans="1:4" ht="18" customHeight="1" x14ac:dyDescent="0.15">
      <c r="A97" s="8">
        <v>75</v>
      </c>
      <c r="B97" s="21">
        <v>26</v>
      </c>
      <c r="C97" s="6">
        <v>28</v>
      </c>
      <c r="D97" s="5">
        <v>54</v>
      </c>
    </row>
    <row r="98" spans="1:4" ht="18" customHeight="1" x14ac:dyDescent="0.15">
      <c r="A98" s="8">
        <v>76</v>
      </c>
      <c r="B98" s="21">
        <v>25</v>
      </c>
      <c r="C98" s="6">
        <v>29</v>
      </c>
      <c r="D98" s="5">
        <v>54</v>
      </c>
    </row>
    <row r="99" spans="1:4" ht="18" customHeight="1" x14ac:dyDescent="0.15">
      <c r="A99" s="8">
        <v>77</v>
      </c>
      <c r="B99" s="21">
        <v>30</v>
      </c>
      <c r="C99" s="6">
        <v>31</v>
      </c>
      <c r="D99" s="5">
        <v>61</v>
      </c>
    </row>
    <row r="100" spans="1:4" ht="18" customHeight="1" x14ac:dyDescent="0.15">
      <c r="A100" s="8">
        <v>78</v>
      </c>
      <c r="B100" s="21">
        <v>37</v>
      </c>
      <c r="C100" s="6">
        <v>29</v>
      </c>
      <c r="D100" s="5">
        <v>66</v>
      </c>
    </row>
    <row r="101" spans="1:4" ht="18" customHeight="1" x14ac:dyDescent="0.15">
      <c r="A101" s="8">
        <v>79</v>
      </c>
      <c r="B101" s="21">
        <v>9</v>
      </c>
      <c r="C101" s="6">
        <v>15</v>
      </c>
      <c r="D101" s="5">
        <v>24</v>
      </c>
    </row>
    <row r="102" spans="1:4" ht="18" customHeight="1" x14ac:dyDescent="0.15">
      <c r="A102" s="8" t="s">
        <v>8</v>
      </c>
      <c r="B102" s="21">
        <v>127</v>
      </c>
      <c r="C102" s="6">
        <v>132</v>
      </c>
      <c r="D102" s="5">
        <v>259</v>
      </c>
    </row>
    <row r="103" spans="1:4" ht="18" customHeight="1" x14ac:dyDescent="0.15">
      <c r="A103" s="8">
        <v>80</v>
      </c>
      <c r="B103" s="21">
        <v>10</v>
      </c>
      <c r="C103" s="6">
        <v>13</v>
      </c>
      <c r="D103" s="5">
        <v>23</v>
      </c>
    </row>
    <row r="104" spans="1:4" ht="18" customHeight="1" x14ac:dyDescent="0.15">
      <c r="A104" s="8">
        <v>81</v>
      </c>
      <c r="B104" s="21">
        <v>18</v>
      </c>
      <c r="C104" s="6">
        <v>33</v>
      </c>
      <c r="D104" s="5">
        <v>51</v>
      </c>
    </row>
    <row r="105" spans="1:4" ht="18" customHeight="1" x14ac:dyDescent="0.15">
      <c r="A105" s="8">
        <v>82</v>
      </c>
      <c r="B105" s="21">
        <v>17</v>
      </c>
      <c r="C105" s="6">
        <v>21</v>
      </c>
      <c r="D105" s="5">
        <v>38</v>
      </c>
    </row>
    <row r="106" spans="1:4" ht="18" customHeight="1" x14ac:dyDescent="0.15">
      <c r="A106" s="8">
        <v>83</v>
      </c>
      <c r="B106" s="21">
        <v>11</v>
      </c>
      <c r="C106" s="6">
        <v>22</v>
      </c>
      <c r="D106" s="5">
        <v>33</v>
      </c>
    </row>
    <row r="107" spans="1:4" ht="18" customHeight="1" x14ac:dyDescent="0.15">
      <c r="A107" s="8">
        <v>84</v>
      </c>
      <c r="B107" s="21">
        <v>11</v>
      </c>
      <c r="C107" s="6">
        <v>24</v>
      </c>
      <c r="D107" s="5">
        <v>35</v>
      </c>
    </row>
    <row r="108" spans="1:4" ht="18" customHeight="1" x14ac:dyDescent="0.15">
      <c r="A108" s="8" t="s">
        <v>7</v>
      </c>
      <c r="B108" s="21">
        <v>67</v>
      </c>
      <c r="C108" s="6">
        <v>113</v>
      </c>
      <c r="D108" s="5">
        <v>180</v>
      </c>
    </row>
    <row r="109" spans="1:4" ht="18" customHeight="1" x14ac:dyDescent="0.15">
      <c r="A109" s="8">
        <v>85</v>
      </c>
      <c r="B109" s="21">
        <v>10</v>
      </c>
      <c r="C109" s="6">
        <v>15</v>
      </c>
      <c r="D109" s="5">
        <v>25</v>
      </c>
    </row>
    <row r="110" spans="1:4" ht="18" customHeight="1" x14ac:dyDescent="0.15">
      <c r="A110" s="8">
        <v>86</v>
      </c>
      <c r="B110" s="21">
        <v>10</v>
      </c>
      <c r="C110" s="6">
        <v>13</v>
      </c>
      <c r="D110" s="5">
        <v>23</v>
      </c>
    </row>
    <row r="111" spans="1:4" ht="18" customHeight="1" x14ac:dyDescent="0.15">
      <c r="A111" s="8">
        <v>87</v>
      </c>
      <c r="B111" s="21">
        <v>6</v>
      </c>
      <c r="C111" s="6">
        <v>17</v>
      </c>
      <c r="D111" s="5">
        <v>23</v>
      </c>
    </row>
    <row r="112" spans="1:4" ht="18" customHeight="1" x14ac:dyDescent="0.15">
      <c r="A112" s="8">
        <v>88</v>
      </c>
      <c r="B112" s="21">
        <v>8</v>
      </c>
      <c r="C112" s="6">
        <v>23</v>
      </c>
      <c r="D112" s="5">
        <v>31</v>
      </c>
    </row>
    <row r="113" spans="1:4" ht="18" customHeight="1" x14ac:dyDescent="0.15">
      <c r="A113" s="8">
        <v>89</v>
      </c>
      <c r="B113" s="21">
        <v>7</v>
      </c>
      <c r="C113" s="6">
        <v>11</v>
      </c>
      <c r="D113" s="5">
        <v>18</v>
      </c>
    </row>
    <row r="114" spans="1:4" ht="18" customHeight="1" x14ac:dyDescent="0.15">
      <c r="A114" s="8" t="s">
        <v>6</v>
      </c>
      <c r="B114" s="21">
        <v>41</v>
      </c>
      <c r="C114" s="6">
        <v>79</v>
      </c>
      <c r="D114" s="5">
        <v>120</v>
      </c>
    </row>
    <row r="115" spans="1:4" ht="18" customHeight="1" x14ac:dyDescent="0.15">
      <c r="A115" s="8">
        <v>90</v>
      </c>
      <c r="B115" s="21">
        <v>4</v>
      </c>
      <c r="C115" s="6">
        <v>12</v>
      </c>
      <c r="D115" s="5">
        <v>16</v>
      </c>
    </row>
    <row r="116" spans="1:4" ht="18" customHeight="1" x14ac:dyDescent="0.15">
      <c r="A116" s="8">
        <v>91</v>
      </c>
      <c r="B116" s="21">
        <v>8</v>
      </c>
      <c r="C116" s="6">
        <v>12</v>
      </c>
      <c r="D116" s="5">
        <v>20</v>
      </c>
    </row>
    <row r="117" spans="1:4" ht="18" customHeight="1" x14ac:dyDescent="0.15">
      <c r="A117" s="8">
        <v>92</v>
      </c>
      <c r="B117" s="21">
        <v>5</v>
      </c>
      <c r="C117" s="6">
        <v>12</v>
      </c>
      <c r="D117" s="5">
        <v>17</v>
      </c>
    </row>
    <row r="118" spans="1:4" ht="18" customHeight="1" x14ac:dyDescent="0.15">
      <c r="A118" s="8">
        <v>93</v>
      </c>
      <c r="B118" s="21">
        <v>1</v>
      </c>
      <c r="C118" s="6">
        <v>5</v>
      </c>
      <c r="D118" s="5">
        <v>6</v>
      </c>
    </row>
    <row r="119" spans="1:4" ht="18" customHeight="1" x14ac:dyDescent="0.15">
      <c r="A119" s="8">
        <v>94</v>
      </c>
      <c r="B119" s="21">
        <v>1</v>
      </c>
      <c r="C119" s="6">
        <v>8</v>
      </c>
      <c r="D119" s="5">
        <v>9</v>
      </c>
    </row>
    <row r="120" spans="1:4" ht="18" customHeight="1" x14ac:dyDescent="0.15">
      <c r="A120" s="8" t="s">
        <v>5</v>
      </c>
      <c r="B120" s="21">
        <v>19</v>
      </c>
      <c r="C120" s="6">
        <v>49</v>
      </c>
      <c r="D120" s="5">
        <v>68</v>
      </c>
    </row>
    <row r="121" spans="1:4" ht="18" customHeight="1" x14ac:dyDescent="0.15">
      <c r="A121" s="8">
        <v>95</v>
      </c>
      <c r="B121" s="21">
        <v>3</v>
      </c>
      <c r="C121" s="6">
        <v>6</v>
      </c>
      <c r="D121" s="5">
        <v>9</v>
      </c>
    </row>
    <row r="122" spans="1:4" ht="18" customHeight="1" x14ac:dyDescent="0.15">
      <c r="A122" s="8">
        <v>96</v>
      </c>
      <c r="B122" s="21">
        <v>0</v>
      </c>
      <c r="C122" s="6">
        <v>4</v>
      </c>
      <c r="D122" s="5">
        <v>4</v>
      </c>
    </row>
    <row r="123" spans="1:4" ht="18" customHeight="1" x14ac:dyDescent="0.15">
      <c r="A123" s="8">
        <v>97</v>
      </c>
      <c r="B123" s="21">
        <v>1</v>
      </c>
      <c r="C123" s="6">
        <v>4</v>
      </c>
      <c r="D123" s="5">
        <v>5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4</v>
      </c>
      <c r="C126" s="6">
        <v>19</v>
      </c>
      <c r="D126" s="5">
        <v>23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423</v>
      </c>
      <c r="C130" s="6">
        <v>600</v>
      </c>
      <c r="D130" s="5">
        <v>1023</v>
      </c>
    </row>
    <row r="131" spans="1:4" ht="18" customHeight="1" x14ac:dyDescent="0.15">
      <c r="A131" s="4" t="s">
        <v>0</v>
      </c>
      <c r="B131" s="20">
        <v>1108</v>
      </c>
      <c r="C131" s="2">
        <v>1229</v>
      </c>
      <c r="D131" s="1">
        <v>233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65E14D4-ED6A-441F-826E-5AF9CD13A84E}">
  <sheetPr codeName="Sheet1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7</v>
      </c>
      <c r="C5" s="11">
        <v>7</v>
      </c>
      <c r="D5" s="10">
        <v>14</v>
      </c>
    </row>
    <row r="6" spans="1:4" ht="18" customHeight="1" x14ac:dyDescent="0.15">
      <c r="A6" s="8">
        <v>1</v>
      </c>
      <c r="B6" s="21">
        <v>5</v>
      </c>
      <c r="C6" s="6">
        <v>12</v>
      </c>
      <c r="D6" s="5">
        <v>17</v>
      </c>
    </row>
    <row r="7" spans="1:4" ht="18" customHeight="1" x14ac:dyDescent="0.15">
      <c r="A7" s="8">
        <v>2</v>
      </c>
      <c r="B7" s="21">
        <v>12</v>
      </c>
      <c r="C7" s="6">
        <v>10</v>
      </c>
      <c r="D7" s="5">
        <v>22</v>
      </c>
    </row>
    <row r="8" spans="1:4" ht="18" customHeight="1" x14ac:dyDescent="0.15">
      <c r="A8" s="8">
        <v>3</v>
      </c>
      <c r="B8" s="21">
        <v>11</v>
      </c>
      <c r="C8" s="6">
        <v>11</v>
      </c>
      <c r="D8" s="5">
        <v>22</v>
      </c>
    </row>
    <row r="9" spans="1:4" ht="18" customHeight="1" x14ac:dyDescent="0.15">
      <c r="A9" s="8">
        <v>4</v>
      </c>
      <c r="B9" s="21">
        <v>4</v>
      </c>
      <c r="C9" s="6">
        <v>8</v>
      </c>
      <c r="D9" s="5">
        <v>12</v>
      </c>
    </row>
    <row r="10" spans="1:4" ht="18" customHeight="1" x14ac:dyDescent="0.15">
      <c r="A10" s="8" t="s">
        <v>25</v>
      </c>
      <c r="B10" s="21">
        <v>39</v>
      </c>
      <c r="C10" s="6">
        <v>48</v>
      </c>
      <c r="D10" s="5">
        <v>87</v>
      </c>
    </row>
    <row r="11" spans="1:4" ht="18" customHeight="1" x14ac:dyDescent="0.15">
      <c r="A11" s="8">
        <v>5</v>
      </c>
      <c r="B11" s="21">
        <v>9</v>
      </c>
      <c r="C11" s="6">
        <v>8</v>
      </c>
      <c r="D11" s="5">
        <v>17</v>
      </c>
    </row>
    <row r="12" spans="1:4" ht="18" customHeight="1" x14ac:dyDescent="0.15">
      <c r="A12" s="8">
        <v>6</v>
      </c>
      <c r="B12" s="21">
        <v>17</v>
      </c>
      <c r="C12" s="6">
        <v>14</v>
      </c>
      <c r="D12" s="5">
        <v>31</v>
      </c>
    </row>
    <row r="13" spans="1:4" ht="18" customHeight="1" x14ac:dyDescent="0.15">
      <c r="A13" s="8">
        <v>7</v>
      </c>
      <c r="B13" s="21">
        <v>10</v>
      </c>
      <c r="C13" s="6">
        <v>17</v>
      </c>
      <c r="D13" s="5">
        <v>27</v>
      </c>
    </row>
    <row r="14" spans="1:4" ht="18" customHeight="1" x14ac:dyDescent="0.15">
      <c r="A14" s="8">
        <v>8</v>
      </c>
      <c r="B14" s="21">
        <v>15</v>
      </c>
      <c r="C14" s="6">
        <v>11</v>
      </c>
      <c r="D14" s="5">
        <v>26</v>
      </c>
    </row>
    <row r="15" spans="1:4" ht="18" customHeight="1" x14ac:dyDescent="0.15">
      <c r="A15" s="8">
        <v>9</v>
      </c>
      <c r="B15" s="21">
        <v>11</v>
      </c>
      <c r="C15" s="6">
        <v>16</v>
      </c>
      <c r="D15" s="5">
        <v>27</v>
      </c>
    </row>
    <row r="16" spans="1:4" ht="18" customHeight="1" x14ac:dyDescent="0.15">
      <c r="A16" s="8" t="s">
        <v>24</v>
      </c>
      <c r="B16" s="21">
        <v>62</v>
      </c>
      <c r="C16" s="6">
        <v>66</v>
      </c>
      <c r="D16" s="5">
        <v>128</v>
      </c>
    </row>
    <row r="17" spans="1:4" ht="18" customHeight="1" x14ac:dyDescent="0.15">
      <c r="A17" s="8">
        <v>10</v>
      </c>
      <c r="B17" s="21">
        <v>12</v>
      </c>
      <c r="C17" s="6">
        <v>11</v>
      </c>
      <c r="D17" s="5">
        <v>23</v>
      </c>
    </row>
    <row r="18" spans="1:4" ht="18" customHeight="1" x14ac:dyDescent="0.15">
      <c r="A18" s="8">
        <v>11</v>
      </c>
      <c r="B18" s="21">
        <v>6</v>
      </c>
      <c r="C18" s="6">
        <v>13</v>
      </c>
      <c r="D18" s="5">
        <v>19</v>
      </c>
    </row>
    <row r="19" spans="1:4" ht="18" customHeight="1" x14ac:dyDescent="0.15">
      <c r="A19" s="8">
        <v>12</v>
      </c>
      <c r="B19" s="21">
        <v>12</v>
      </c>
      <c r="C19" s="6">
        <v>6</v>
      </c>
      <c r="D19" s="5">
        <v>18</v>
      </c>
    </row>
    <row r="20" spans="1:4" ht="18" customHeight="1" x14ac:dyDescent="0.15">
      <c r="A20" s="8">
        <v>13</v>
      </c>
      <c r="B20" s="21">
        <v>10</v>
      </c>
      <c r="C20" s="6">
        <v>6</v>
      </c>
      <c r="D20" s="5">
        <v>16</v>
      </c>
    </row>
    <row r="21" spans="1:4" ht="18" customHeight="1" x14ac:dyDescent="0.15">
      <c r="A21" s="8">
        <v>14</v>
      </c>
      <c r="B21" s="21">
        <v>18</v>
      </c>
      <c r="C21" s="6">
        <v>10</v>
      </c>
      <c r="D21" s="5">
        <v>28</v>
      </c>
    </row>
    <row r="22" spans="1:4" ht="18" customHeight="1" x14ac:dyDescent="0.15">
      <c r="A22" s="8" t="s">
        <v>23</v>
      </c>
      <c r="B22" s="21">
        <v>58</v>
      </c>
      <c r="C22" s="6">
        <v>46</v>
      </c>
      <c r="D22" s="5">
        <v>104</v>
      </c>
    </row>
    <row r="23" spans="1:4" ht="18" customHeight="1" x14ac:dyDescent="0.15">
      <c r="A23" s="8" t="s">
        <v>22</v>
      </c>
      <c r="B23" s="21">
        <v>159</v>
      </c>
      <c r="C23" s="6">
        <v>160</v>
      </c>
      <c r="D23" s="5">
        <v>319</v>
      </c>
    </row>
    <row r="24" spans="1:4" ht="18" customHeight="1" x14ac:dyDescent="0.15">
      <c r="A24" s="8">
        <v>15</v>
      </c>
      <c r="B24" s="21">
        <v>10</v>
      </c>
      <c r="C24" s="6">
        <v>10</v>
      </c>
      <c r="D24" s="5">
        <v>20</v>
      </c>
    </row>
    <row r="25" spans="1:4" ht="18" customHeight="1" x14ac:dyDescent="0.15">
      <c r="A25" s="8">
        <v>16</v>
      </c>
      <c r="B25" s="21">
        <v>7</v>
      </c>
      <c r="C25" s="6">
        <v>10</v>
      </c>
      <c r="D25" s="5">
        <v>17</v>
      </c>
    </row>
    <row r="26" spans="1:4" ht="18" customHeight="1" x14ac:dyDescent="0.15">
      <c r="A26" s="8">
        <v>17</v>
      </c>
      <c r="B26" s="21">
        <v>10</v>
      </c>
      <c r="C26" s="6">
        <v>19</v>
      </c>
      <c r="D26" s="5">
        <v>29</v>
      </c>
    </row>
    <row r="27" spans="1:4" ht="18" customHeight="1" x14ac:dyDescent="0.15">
      <c r="A27" s="8">
        <v>18</v>
      </c>
      <c r="B27" s="21">
        <v>12</v>
      </c>
      <c r="C27" s="6">
        <v>6</v>
      </c>
      <c r="D27" s="5">
        <v>18</v>
      </c>
    </row>
    <row r="28" spans="1:4" ht="18" customHeight="1" x14ac:dyDescent="0.15">
      <c r="A28" s="8">
        <v>19</v>
      </c>
      <c r="B28" s="21">
        <v>10</v>
      </c>
      <c r="C28" s="6">
        <v>11</v>
      </c>
      <c r="D28" s="5">
        <v>21</v>
      </c>
    </row>
    <row r="29" spans="1:4" ht="18" customHeight="1" x14ac:dyDescent="0.15">
      <c r="A29" s="8" t="s">
        <v>21</v>
      </c>
      <c r="B29" s="21">
        <v>49</v>
      </c>
      <c r="C29" s="6">
        <v>56</v>
      </c>
      <c r="D29" s="5">
        <v>105</v>
      </c>
    </row>
    <row r="30" spans="1:4" ht="18" customHeight="1" x14ac:dyDescent="0.15">
      <c r="A30" s="8">
        <v>20</v>
      </c>
      <c r="B30" s="21">
        <v>6</v>
      </c>
      <c r="C30" s="6">
        <v>9</v>
      </c>
      <c r="D30" s="5">
        <v>15</v>
      </c>
    </row>
    <row r="31" spans="1:4" ht="18" customHeight="1" x14ac:dyDescent="0.15">
      <c r="A31" s="8">
        <v>21</v>
      </c>
      <c r="B31" s="21">
        <v>12</v>
      </c>
      <c r="C31" s="6">
        <v>12</v>
      </c>
      <c r="D31" s="5">
        <v>24</v>
      </c>
    </row>
    <row r="32" spans="1:4" ht="18" customHeight="1" x14ac:dyDescent="0.15">
      <c r="A32" s="8">
        <v>22</v>
      </c>
      <c r="B32" s="21">
        <v>10</v>
      </c>
      <c r="C32" s="6">
        <v>14</v>
      </c>
      <c r="D32" s="5">
        <v>24</v>
      </c>
    </row>
    <row r="33" spans="1:4" ht="18" customHeight="1" x14ac:dyDescent="0.15">
      <c r="A33" s="8">
        <v>23</v>
      </c>
      <c r="B33" s="21">
        <v>15</v>
      </c>
      <c r="C33" s="6">
        <v>8</v>
      </c>
      <c r="D33" s="5">
        <v>23</v>
      </c>
    </row>
    <row r="34" spans="1:4" ht="18" customHeight="1" x14ac:dyDescent="0.15">
      <c r="A34" s="8">
        <v>24</v>
      </c>
      <c r="B34" s="21">
        <v>13</v>
      </c>
      <c r="C34" s="6">
        <v>12</v>
      </c>
      <c r="D34" s="5">
        <v>25</v>
      </c>
    </row>
    <row r="35" spans="1:4" ht="18" customHeight="1" x14ac:dyDescent="0.15">
      <c r="A35" s="8" t="s">
        <v>20</v>
      </c>
      <c r="B35" s="21">
        <v>56</v>
      </c>
      <c r="C35" s="6">
        <v>55</v>
      </c>
      <c r="D35" s="5">
        <v>111</v>
      </c>
    </row>
    <row r="36" spans="1:4" ht="18" customHeight="1" x14ac:dyDescent="0.15">
      <c r="A36" s="8">
        <v>25</v>
      </c>
      <c r="B36" s="21">
        <v>13</v>
      </c>
      <c r="C36" s="6">
        <v>5</v>
      </c>
      <c r="D36" s="5">
        <v>18</v>
      </c>
    </row>
    <row r="37" spans="1:4" ht="18" customHeight="1" x14ac:dyDescent="0.15">
      <c r="A37" s="8">
        <v>26</v>
      </c>
      <c r="B37" s="21">
        <v>16</v>
      </c>
      <c r="C37" s="6">
        <v>10</v>
      </c>
      <c r="D37" s="5">
        <v>26</v>
      </c>
    </row>
    <row r="38" spans="1:4" ht="18" customHeight="1" x14ac:dyDescent="0.15">
      <c r="A38" s="8">
        <v>27</v>
      </c>
      <c r="B38" s="21">
        <v>9</v>
      </c>
      <c r="C38" s="6">
        <v>6</v>
      </c>
      <c r="D38" s="5">
        <v>15</v>
      </c>
    </row>
    <row r="39" spans="1:4" ht="18" customHeight="1" x14ac:dyDescent="0.15">
      <c r="A39" s="8">
        <v>28</v>
      </c>
      <c r="B39" s="21">
        <v>13</v>
      </c>
      <c r="C39" s="6">
        <v>12</v>
      </c>
      <c r="D39" s="5">
        <v>25</v>
      </c>
    </row>
    <row r="40" spans="1:4" ht="18" customHeight="1" x14ac:dyDescent="0.15">
      <c r="A40" s="8">
        <v>29</v>
      </c>
      <c r="B40" s="21">
        <v>14</v>
      </c>
      <c r="C40" s="6">
        <v>12</v>
      </c>
      <c r="D40" s="5">
        <v>26</v>
      </c>
    </row>
    <row r="41" spans="1:4" ht="18" customHeight="1" x14ac:dyDescent="0.15">
      <c r="A41" s="8" t="s">
        <v>19</v>
      </c>
      <c r="B41" s="21">
        <v>65</v>
      </c>
      <c r="C41" s="6">
        <v>45</v>
      </c>
      <c r="D41" s="5">
        <v>110</v>
      </c>
    </row>
    <row r="42" spans="1:4" ht="18" customHeight="1" x14ac:dyDescent="0.15">
      <c r="A42" s="8">
        <v>30</v>
      </c>
      <c r="B42" s="21">
        <v>12</v>
      </c>
      <c r="C42" s="6">
        <v>12</v>
      </c>
      <c r="D42" s="5">
        <v>24</v>
      </c>
    </row>
    <row r="43" spans="1:4" ht="18" customHeight="1" x14ac:dyDescent="0.15">
      <c r="A43" s="8">
        <v>31</v>
      </c>
      <c r="B43" s="21">
        <v>13</v>
      </c>
      <c r="C43" s="6">
        <v>7</v>
      </c>
      <c r="D43" s="5">
        <v>20</v>
      </c>
    </row>
    <row r="44" spans="1:4" ht="18" customHeight="1" x14ac:dyDescent="0.15">
      <c r="A44" s="8">
        <v>32</v>
      </c>
      <c r="B44" s="21">
        <v>15</v>
      </c>
      <c r="C44" s="6">
        <v>16</v>
      </c>
      <c r="D44" s="5">
        <v>31</v>
      </c>
    </row>
    <row r="45" spans="1:4" ht="18" customHeight="1" x14ac:dyDescent="0.15">
      <c r="A45" s="8">
        <v>33</v>
      </c>
      <c r="B45" s="21">
        <v>16</v>
      </c>
      <c r="C45" s="6">
        <v>18</v>
      </c>
      <c r="D45" s="5">
        <v>34</v>
      </c>
    </row>
    <row r="46" spans="1:4" ht="18" customHeight="1" x14ac:dyDescent="0.15">
      <c r="A46" s="8">
        <v>34</v>
      </c>
      <c r="B46" s="21">
        <v>6</v>
      </c>
      <c r="C46" s="6">
        <v>7</v>
      </c>
      <c r="D46" s="5">
        <v>13</v>
      </c>
    </row>
    <row r="47" spans="1:4" ht="18" customHeight="1" x14ac:dyDescent="0.15">
      <c r="A47" s="8" t="s">
        <v>18</v>
      </c>
      <c r="B47" s="21">
        <v>62</v>
      </c>
      <c r="C47" s="6">
        <v>60</v>
      </c>
      <c r="D47" s="5">
        <v>122</v>
      </c>
    </row>
    <row r="48" spans="1:4" ht="18" customHeight="1" x14ac:dyDescent="0.15">
      <c r="A48" s="8">
        <v>35</v>
      </c>
      <c r="B48" s="21">
        <v>10</v>
      </c>
      <c r="C48" s="6">
        <v>18</v>
      </c>
      <c r="D48" s="5">
        <v>28</v>
      </c>
    </row>
    <row r="49" spans="1:4" ht="18" customHeight="1" x14ac:dyDescent="0.15">
      <c r="A49" s="8">
        <v>36</v>
      </c>
      <c r="B49" s="21">
        <v>19</v>
      </c>
      <c r="C49" s="6">
        <v>15</v>
      </c>
      <c r="D49" s="5">
        <v>34</v>
      </c>
    </row>
    <row r="50" spans="1:4" ht="18" customHeight="1" x14ac:dyDescent="0.15">
      <c r="A50" s="8">
        <v>37</v>
      </c>
      <c r="B50" s="21">
        <v>16</v>
      </c>
      <c r="C50" s="6">
        <v>18</v>
      </c>
      <c r="D50" s="5">
        <v>34</v>
      </c>
    </row>
    <row r="51" spans="1:4" ht="18" customHeight="1" x14ac:dyDescent="0.15">
      <c r="A51" s="8">
        <v>38</v>
      </c>
      <c r="B51" s="21">
        <v>15</v>
      </c>
      <c r="C51" s="6">
        <v>20</v>
      </c>
      <c r="D51" s="5">
        <v>35</v>
      </c>
    </row>
    <row r="52" spans="1:4" ht="18" customHeight="1" x14ac:dyDescent="0.15">
      <c r="A52" s="8">
        <v>39</v>
      </c>
      <c r="B52" s="21">
        <v>21</v>
      </c>
      <c r="C52" s="6">
        <v>16</v>
      </c>
      <c r="D52" s="5">
        <v>37</v>
      </c>
    </row>
    <row r="53" spans="1:4" ht="18" customHeight="1" x14ac:dyDescent="0.15">
      <c r="A53" s="8" t="s">
        <v>17</v>
      </c>
      <c r="B53" s="21">
        <v>81</v>
      </c>
      <c r="C53" s="6">
        <v>87</v>
      </c>
      <c r="D53" s="5">
        <v>168</v>
      </c>
    </row>
    <row r="54" spans="1:4" ht="18" customHeight="1" x14ac:dyDescent="0.15">
      <c r="A54" s="8">
        <v>40</v>
      </c>
      <c r="B54" s="21">
        <v>18</v>
      </c>
      <c r="C54" s="6">
        <v>17</v>
      </c>
      <c r="D54" s="5">
        <v>35</v>
      </c>
    </row>
    <row r="55" spans="1:4" ht="18" customHeight="1" x14ac:dyDescent="0.15">
      <c r="A55" s="8">
        <v>41</v>
      </c>
      <c r="B55" s="21">
        <v>24</v>
      </c>
      <c r="C55" s="6">
        <v>15</v>
      </c>
      <c r="D55" s="5">
        <v>39</v>
      </c>
    </row>
    <row r="56" spans="1:4" ht="18" customHeight="1" x14ac:dyDescent="0.15">
      <c r="A56" s="8">
        <v>42</v>
      </c>
      <c r="B56" s="21">
        <v>24</v>
      </c>
      <c r="C56" s="6">
        <v>19</v>
      </c>
      <c r="D56" s="5">
        <v>43</v>
      </c>
    </row>
    <row r="57" spans="1:4" ht="18" customHeight="1" x14ac:dyDescent="0.15">
      <c r="A57" s="8">
        <v>43</v>
      </c>
      <c r="B57" s="21">
        <v>23</v>
      </c>
      <c r="C57" s="6">
        <v>29</v>
      </c>
      <c r="D57" s="5">
        <v>52</v>
      </c>
    </row>
    <row r="58" spans="1:4" ht="18" customHeight="1" x14ac:dyDescent="0.15">
      <c r="A58" s="8">
        <v>44</v>
      </c>
      <c r="B58" s="21">
        <v>11</v>
      </c>
      <c r="C58" s="6">
        <v>18</v>
      </c>
      <c r="D58" s="5">
        <v>29</v>
      </c>
    </row>
    <row r="59" spans="1:4" ht="18" customHeight="1" x14ac:dyDescent="0.15">
      <c r="A59" s="8" t="s">
        <v>16</v>
      </c>
      <c r="B59" s="21">
        <v>100</v>
      </c>
      <c r="C59" s="6">
        <v>98</v>
      </c>
      <c r="D59" s="5">
        <v>198</v>
      </c>
    </row>
    <row r="60" spans="1:4" ht="18" customHeight="1" x14ac:dyDescent="0.15">
      <c r="A60" s="8">
        <v>45</v>
      </c>
      <c r="B60" s="21">
        <v>22</v>
      </c>
      <c r="C60" s="6">
        <v>20</v>
      </c>
      <c r="D60" s="5">
        <v>42</v>
      </c>
    </row>
    <row r="61" spans="1:4" ht="18" customHeight="1" x14ac:dyDescent="0.15">
      <c r="A61" s="8">
        <v>46</v>
      </c>
      <c r="B61" s="21">
        <v>24</v>
      </c>
      <c r="C61" s="6">
        <v>17</v>
      </c>
      <c r="D61" s="5">
        <v>41</v>
      </c>
    </row>
    <row r="62" spans="1:4" ht="18" customHeight="1" x14ac:dyDescent="0.15">
      <c r="A62" s="8">
        <v>47</v>
      </c>
      <c r="B62" s="21">
        <v>19</v>
      </c>
      <c r="C62" s="6">
        <v>24</v>
      </c>
      <c r="D62" s="5">
        <v>43</v>
      </c>
    </row>
    <row r="63" spans="1:4" ht="18" customHeight="1" x14ac:dyDescent="0.15">
      <c r="A63" s="8">
        <v>48</v>
      </c>
      <c r="B63" s="21">
        <v>22</v>
      </c>
      <c r="C63" s="6">
        <v>29</v>
      </c>
      <c r="D63" s="5">
        <v>51</v>
      </c>
    </row>
    <row r="64" spans="1:4" ht="18" customHeight="1" x14ac:dyDescent="0.15">
      <c r="A64" s="8">
        <v>49</v>
      </c>
      <c r="B64" s="21">
        <v>35</v>
      </c>
      <c r="C64" s="6">
        <v>28</v>
      </c>
      <c r="D64" s="5">
        <v>63</v>
      </c>
    </row>
    <row r="65" spans="1:4" ht="18" customHeight="1" x14ac:dyDescent="0.15">
      <c r="A65" s="8" t="s">
        <v>15</v>
      </c>
      <c r="B65" s="21">
        <v>122</v>
      </c>
      <c r="C65" s="6">
        <v>118</v>
      </c>
      <c r="D65" s="5">
        <v>240</v>
      </c>
    </row>
    <row r="66" spans="1:4" ht="18" customHeight="1" x14ac:dyDescent="0.15">
      <c r="A66" s="8">
        <v>50</v>
      </c>
      <c r="B66" s="21">
        <v>20</v>
      </c>
      <c r="C66" s="6">
        <v>25</v>
      </c>
      <c r="D66" s="5">
        <v>45</v>
      </c>
    </row>
    <row r="67" spans="1:4" ht="18" customHeight="1" x14ac:dyDescent="0.15">
      <c r="A67" s="8">
        <v>51</v>
      </c>
      <c r="B67" s="21">
        <v>27</v>
      </c>
      <c r="C67" s="6">
        <v>35</v>
      </c>
      <c r="D67" s="5">
        <v>62</v>
      </c>
    </row>
    <row r="68" spans="1:4" ht="18" customHeight="1" x14ac:dyDescent="0.15">
      <c r="A68" s="8">
        <v>52</v>
      </c>
      <c r="B68" s="21">
        <v>26</v>
      </c>
      <c r="C68" s="6">
        <v>24</v>
      </c>
      <c r="D68" s="5">
        <v>50</v>
      </c>
    </row>
    <row r="69" spans="1:4" ht="18" customHeight="1" x14ac:dyDescent="0.15">
      <c r="A69" s="8">
        <v>53</v>
      </c>
      <c r="B69" s="21">
        <v>28</v>
      </c>
      <c r="C69" s="6">
        <v>47</v>
      </c>
      <c r="D69" s="5">
        <v>75</v>
      </c>
    </row>
    <row r="70" spans="1:4" ht="18" customHeight="1" x14ac:dyDescent="0.15">
      <c r="A70" s="8">
        <v>54</v>
      </c>
      <c r="B70" s="21">
        <v>21</v>
      </c>
      <c r="C70" s="6">
        <v>26</v>
      </c>
      <c r="D70" s="5">
        <v>47</v>
      </c>
    </row>
    <row r="71" spans="1:4" ht="18" customHeight="1" x14ac:dyDescent="0.15">
      <c r="A71" s="8" t="s">
        <v>14</v>
      </c>
      <c r="B71" s="21">
        <v>122</v>
      </c>
      <c r="C71" s="6">
        <v>157</v>
      </c>
      <c r="D71" s="5">
        <v>279</v>
      </c>
    </row>
    <row r="72" spans="1:4" ht="18" customHeight="1" x14ac:dyDescent="0.15">
      <c r="A72" s="8">
        <v>55</v>
      </c>
      <c r="B72" s="21">
        <v>31</v>
      </c>
      <c r="C72" s="6">
        <v>29</v>
      </c>
      <c r="D72" s="5">
        <v>60</v>
      </c>
    </row>
    <row r="73" spans="1:4" ht="18" customHeight="1" x14ac:dyDescent="0.15">
      <c r="A73" s="8">
        <v>56</v>
      </c>
      <c r="B73" s="21">
        <v>27</v>
      </c>
      <c r="C73" s="6">
        <v>23</v>
      </c>
      <c r="D73" s="5">
        <v>50</v>
      </c>
    </row>
    <row r="74" spans="1:4" ht="18" customHeight="1" x14ac:dyDescent="0.15">
      <c r="A74" s="8">
        <v>57</v>
      </c>
      <c r="B74" s="21">
        <v>29</v>
      </c>
      <c r="C74" s="6">
        <v>29</v>
      </c>
      <c r="D74" s="5">
        <v>58</v>
      </c>
    </row>
    <row r="75" spans="1:4" ht="18" customHeight="1" x14ac:dyDescent="0.15">
      <c r="A75" s="8">
        <v>58</v>
      </c>
      <c r="B75" s="21">
        <v>29</v>
      </c>
      <c r="C75" s="6">
        <v>34</v>
      </c>
      <c r="D75" s="5">
        <v>63</v>
      </c>
    </row>
    <row r="76" spans="1:4" ht="18" customHeight="1" x14ac:dyDescent="0.15">
      <c r="A76" s="8">
        <v>59</v>
      </c>
      <c r="B76" s="21">
        <v>19</v>
      </c>
      <c r="C76" s="6">
        <v>22</v>
      </c>
      <c r="D76" s="5">
        <v>41</v>
      </c>
    </row>
    <row r="77" spans="1:4" ht="18" customHeight="1" x14ac:dyDescent="0.15">
      <c r="A77" s="8" t="s">
        <v>13</v>
      </c>
      <c r="B77" s="21">
        <v>135</v>
      </c>
      <c r="C77" s="6">
        <v>137</v>
      </c>
      <c r="D77" s="5">
        <v>272</v>
      </c>
    </row>
    <row r="78" spans="1:4" ht="18" customHeight="1" x14ac:dyDescent="0.15">
      <c r="A78" s="8">
        <v>60</v>
      </c>
      <c r="B78" s="21">
        <v>33</v>
      </c>
      <c r="C78" s="6">
        <v>36</v>
      </c>
      <c r="D78" s="5">
        <v>69</v>
      </c>
    </row>
    <row r="79" spans="1:4" ht="18" customHeight="1" x14ac:dyDescent="0.15">
      <c r="A79" s="8">
        <v>61</v>
      </c>
      <c r="B79" s="21">
        <v>32</v>
      </c>
      <c r="C79" s="6">
        <v>30</v>
      </c>
      <c r="D79" s="5">
        <v>62</v>
      </c>
    </row>
    <row r="80" spans="1:4" ht="18" customHeight="1" x14ac:dyDescent="0.15">
      <c r="A80" s="8">
        <v>62</v>
      </c>
      <c r="B80" s="21">
        <v>19</v>
      </c>
      <c r="C80" s="6">
        <v>36</v>
      </c>
      <c r="D80" s="5">
        <v>55</v>
      </c>
    </row>
    <row r="81" spans="1:4" ht="18" customHeight="1" x14ac:dyDescent="0.15">
      <c r="A81" s="8">
        <v>63</v>
      </c>
      <c r="B81" s="21">
        <v>19</v>
      </c>
      <c r="C81" s="6">
        <v>24</v>
      </c>
      <c r="D81" s="5">
        <v>43</v>
      </c>
    </row>
    <row r="82" spans="1:4" ht="18" customHeight="1" x14ac:dyDescent="0.15">
      <c r="A82" s="8">
        <v>64</v>
      </c>
      <c r="B82" s="21">
        <v>21</v>
      </c>
      <c r="C82" s="6">
        <v>28</v>
      </c>
      <c r="D82" s="5">
        <v>49</v>
      </c>
    </row>
    <row r="83" spans="1:4" ht="18" customHeight="1" x14ac:dyDescent="0.15">
      <c r="A83" s="8" t="s">
        <v>12</v>
      </c>
      <c r="B83" s="21">
        <v>124</v>
      </c>
      <c r="C83" s="6">
        <v>154</v>
      </c>
      <c r="D83" s="5">
        <v>278</v>
      </c>
    </row>
    <row r="84" spans="1:4" ht="18" customHeight="1" x14ac:dyDescent="0.15">
      <c r="A84" s="8" t="s">
        <v>11</v>
      </c>
      <c r="B84" s="21">
        <v>916</v>
      </c>
      <c r="C84" s="6">
        <v>967</v>
      </c>
      <c r="D84" s="5">
        <v>1883</v>
      </c>
    </row>
    <row r="85" spans="1:4" ht="18" customHeight="1" x14ac:dyDescent="0.15">
      <c r="A85" s="8">
        <v>65</v>
      </c>
      <c r="B85" s="21">
        <v>24</v>
      </c>
      <c r="C85" s="6">
        <v>30</v>
      </c>
      <c r="D85" s="5">
        <v>54</v>
      </c>
    </row>
    <row r="86" spans="1:4" ht="18" customHeight="1" x14ac:dyDescent="0.15">
      <c r="A86" s="8">
        <v>66</v>
      </c>
      <c r="B86" s="21">
        <v>26</v>
      </c>
      <c r="C86" s="6">
        <v>33</v>
      </c>
      <c r="D86" s="5">
        <v>59</v>
      </c>
    </row>
    <row r="87" spans="1:4" ht="18" customHeight="1" x14ac:dyDescent="0.15">
      <c r="A87" s="8">
        <v>67</v>
      </c>
      <c r="B87" s="21">
        <v>22</v>
      </c>
      <c r="C87" s="6">
        <v>28</v>
      </c>
      <c r="D87" s="5">
        <v>50</v>
      </c>
    </row>
    <row r="88" spans="1:4" ht="18" customHeight="1" x14ac:dyDescent="0.15">
      <c r="A88" s="8">
        <v>68</v>
      </c>
      <c r="B88" s="21">
        <v>25</v>
      </c>
      <c r="C88" s="6">
        <v>26</v>
      </c>
      <c r="D88" s="5">
        <v>51</v>
      </c>
    </row>
    <row r="89" spans="1:4" ht="18" customHeight="1" x14ac:dyDescent="0.15">
      <c r="A89" s="8">
        <v>69</v>
      </c>
      <c r="B89" s="21">
        <v>26</v>
      </c>
      <c r="C89" s="6">
        <v>19</v>
      </c>
      <c r="D89" s="5">
        <v>45</v>
      </c>
    </row>
    <row r="90" spans="1:4" ht="18" customHeight="1" x14ac:dyDescent="0.15">
      <c r="A90" s="8" t="s">
        <v>10</v>
      </c>
      <c r="B90" s="21">
        <v>123</v>
      </c>
      <c r="C90" s="6">
        <v>136</v>
      </c>
      <c r="D90" s="5">
        <v>259</v>
      </c>
    </row>
    <row r="91" spans="1:4" ht="18" customHeight="1" x14ac:dyDescent="0.15">
      <c r="A91" s="8">
        <v>70</v>
      </c>
      <c r="B91" s="21">
        <v>26</v>
      </c>
      <c r="C91" s="6">
        <v>22</v>
      </c>
      <c r="D91" s="5">
        <v>48</v>
      </c>
    </row>
    <row r="92" spans="1:4" ht="18" customHeight="1" x14ac:dyDescent="0.15">
      <c r="A92" s="8">
        <v>71</v>
      </c>
      <c r="B92" s="21">
        <v>20</v>
      </c>
      <c r="C92" s="6">
        <v>30</v>
      </c>
      <c r="D92" s="5">
        <v>50</v>
      </c>
    </row>
    <row r="93" spans="1:4" ht="18" customHeight="1" x14ac:dyDescent="0.15">
      <c r="A93" s="8">
        <v>72</v>
      </c>
      <c r="B93" s="21">
        <v>21</v>
      </c>
      <c r="C93" s="6">
        <v>19</v>
      </c>
      <c r="D93" s="5">
        <v>40</v>
      </c>
    </row>
    <row r="94" spans="1:4" ht="18" customHeight="1" x14ac:dyDescent="0.15">
      <c r="A94" s="8">
        <v>73</v>
      </c>
      <c r="B94" s="21">
        <v>24</v>
      </c>
      <c r="C94" s="6">
        <v>25</v>
      </c>
      <c r="D94" s="5">
        <v>49</v>
      </c>
    </row>
    <row r="95" spans="1:4" ht="18" customHeight="1" x14ac:dyDescent="0.15">
      <c r="A95" s="8">
        <v>74</v>
      </c>
      <c r="B95" s="21">
        <v>26</v>
      </c>
      <c r="C95" s="6">
        <v>29</v>
      </c>
      <c r="D95" s="5">
        <v>55</v>
      </c>
    </row>
    <row r="96" spans="1:4" ht="18" customHeight="1" x14ac:dyDescent="0.15">
      <c r="A96" s="8" t="s">
        <v>9</v>
      </c>
      <c r="B96" s="21">
        <v>117</v>
      </c>
      <c r="C96" s="6">
        <v>125</v>
      </c>
      <c r="D96" s="5">
        <v>242</v>
      </c>
    </row>
    <row r="97" spans="1:4" ht="18" customHeight="1" x14ac:dyDescent="0.15">
      <c r="A97" s="8">
        <v>75</v>
      </c>
      <c r="B97" s="21">
        <v>19</v>
      </c>
      <c r="C97" s="6">
        <v>34</v>
      </c>
      <c r="D97" s="5">
        <v>53</v>
      </c>
    </row>
    <row r="98" spans="1:4" ht="18" customHeight="1" x14ac:dyDescent="0.15">
      <c r="A98" s="8">
        <v>76</v>
      </c>
      <c r="B98" s="21">
        <v>32</v>
      </c>
      <c r="C98" s="6">
        <v>27</v>
      </c>
      <c r="D98" s="5">
        <v>59</v>
      </c>
    </row>
    <row r="99" spans="1:4" ht="18" customHeight="1" x14ac:dyDescent="0.15">
      <c r="A99" s="8">
        <v>77</v>
      </c>
      <c r="B99" s="21">
        <v>28</v>
      </c>
      <c r="C99" s="6">
        <v>39</v>
      </c>
      <c r="D99" s="5">
        <v>67</v>
      </c>
    </row>
    <row r="100" spans="1:4" ht="18" customHeight="1" x14ac:dyDescent="0.15">
      <c r="A100" s="8">
        <v>78</v>
      </c>
      <c r="B100" s="21">
        <v>17</v>
      </c>
      <c r="C100" s="6">
        <v>28</v>
      </c>
      <c r="D100" s="5">
        <v>45</v>
      </c>
    </row>
    <row r="101" spans="1:4" ht="18" customHeight="1" x14ac:dyDescent="0.15">
      <c r="A101" s="8">
        <v>79</v>
      </c>
      <c r="B101" s="21">
        <v>7</v>
      </c>
      <c r="C101" s="6">
        <v>29</v>
      </c>
      <c r="D101" s="5">
        <v>36</v>
      </c>
    </row>
    <row r="102" spans="1:4" ht="18" customHeight="1" x14ac:dyDescent="0.15">
      <c r="A102" s="8" t="s">
        <v>8</v>
      </c>
      <c r="B102" s="21">
        <v>103</v>
      </c>
      <c r="C102" s="6">
        <v>157</v>
      </c>
      <c r="D102" s="5">
        <v>260</v>
      </c>
    </row>
    <row r="103" spans="1:4" ht="18" customHeight="1" x14ac:dyDescent="0.15">
      <c r="A103" s="8">
        <v>80</v>
      </c>
      <c r="B103" s="21">
        <v>13</v>
      </c>
      <c r="C103" s="6">
        <v>16</v>
      </c>
      <c r="D103" s="5">
        <v>29</v>
      </c>
    </row>
    <row r="104" spans="1:4" ht="18" customHeight="1" x14ac:dyDescent="0.15">
      <c r="A104" s="8">
        <v>81</v>
      </c>
      <c r="B104" s="21">
        <v>12</v>
      </c>
      <c r="C104" s="6">
        <v>21</v>
      </c>
      <c r="D104" s="5">
        <v>33</v>
      </c>
    </row>
    <row r="105" spans="1:4" ht="18" customHeight="1" x14ac:dyDescent="0.15">
      <c r="A105" s="8">
        <v>82</v>
      </c>
      <c r="B105" s="21">
        <v>15</v>
      </c>
      <c r="C105" s="6">
        <v>30</v>
      </c>
      <c r="D105" s="5">
        <v>45</v>
      </c>
    </row>
    <row r="106" spans="1:4" ht="18" customHeight="1" x14ac:dyDescent="0.15">
      <c r="A106" s="8">
        <v>83</v>
      </c>
      <c r="B106" s="21">
        <v>16</v>
      </c>
      <c r="C106" s="6">
        <v>21</v>
      </c>
      <c r="D106" s="5">
        <v>37</v>
      </c>
    </row>
    <row r="107" spans="1:4" ht="18" customHeight="1" x14ac:dyDescent="0.15">
      <c r="A107" s="8">
        <v>84</v>
      </c>
      <c r="B107" s="21">
        <v>13</v>
      </c>
      <c r="C107" s="6">
        <v>23</v>
      </c>
      <c r="D107" s="5">
        <v>36</v>
      </c>
    </row>
    <row r="108" spans="1:4" ht="18" customHeight="1" x14ac:dyDescent="0.15">
      <c r="A108" s="8" t="s">
        <v>7</v>
      </c>
      <c r="B108" s="21">
        <v>69</v>
      </c>
      <c r="C108" s="6">
        <v>111</v>
      </c>
      <c r="D108" s="5">
        <v>180</v>
      </c>
    </row>
    <row r="109" spans="1:4" ht="18" customHeight="1" x14ac:dyDescent="0.15">
      <c r="A109" s="8">
        <v>85</v>
      </c>
      <c r="B109" s="21">
        <v>9</v>
      </c>
      <c r="C109" s="6">
        <v>25</v>
      </c>
      <c r="D109" s="5">
        <v>34</v>
      </c>
    </row>
    <row r="110" spans="1:4" ht="18" customHeight="1" x14ac:dyDescent="0.15">
      <c r="A110" s="8">
        <v>86</v>
      </c>
      <c r="B110" s="21">
        <v>10</v>
      </c>
      <c r="C110" s="6">
        <v>26</v>
      </c>
      <c r="D110" s="5">
        <v>36</v>
      </c>
    </row>
    <row r="111" spans="1:4" ht="18" customHeight="1" x14ac:dyDescent="0.15">
      <c r="A111" s="8">
        <v>87</v>
      </c>
      <c r="B111" s="21">
        <v>12</v>
      </c>
      <c r="C111" s="6">
        <v>19</v>
      </c>
      <c r="D111" s="5">
        <v>31</v>
      </c>
    </row>
    <row r="112" spans="1:4" ht="18" customHeight="1" x14ac:dyDescent="0.15">
      <c r="A112" s="8">
        <v>88</v>
      </c>
      <c r="B112" s="21">
        <v>6</v>
      </c>
      <c r="C112" s="6">
        <v>18</v>
      </c>
      <c r="D112" s="5">
        <v>24</v>
      </c>
    </row>
    <row r="113" spans="1:4" ht="18" customHeight="1" x14ac:dyDescent="0.15">
      <c r="A113" s="8">
        <v>89</v>
      </c>
      <c r="B113" s="21">
        <v>8</v>
      </c>
      <c r="C113" s="6">
        <v>15</v>
      </c>
      <c r="D113" s="5">
        <v>23</v>
      </c>
    </row>
    <row r="114" spans="1:4" ht="18" customHeight="1" x14ac:dyDescent="0.15">
      <c r="A114" s="8" t="s">
        <v>6</v>
      </c>
      <c r="B114" s="21">
        <v>45</v>
      </c>
      <c r="C114" s="6">
        <v>103</v>
      </c>
      <c r="D114" s="5">
        <v>148</v>
      </c>
    </row>
    <row r="115" spans="1:4" ht="18" customHeight="1" x14ac:dyDescent="0.15">
      <c r="A115" s="8">
        <v>90</v>
      </c>
      <c r="B115" s="21">
        <v>9</v>
      </c>
      <c r="C115" s="6">
        <v>26</v>
      </c>
      <c r="D115" s="5">
        <v>35</v>
      </c>
    </row>
    <row r="116" spans="1:4" ht="18" customHeight="1" x14ac:dyDescent="0.15">
      <c r="A116" s="8">
        <v>91</v>
      </c>
      <c r="B116" s="21">
        <v>3</v>
      </c>
      <c r="C116" s="6">
        <v>12</v>
      </c>
      <c r="D116" s="5">
        <v>15</v>
      </c>
    </row>
    <row r="117" spans="1:4" ht="18" customHeight="1" x14ac:dyDescent="0.15">
      <c r="A117" s="8">
        <v>92</v>
      </c>
      <c r="B117" s="21">
        <v>6</v>
      </c>
      <c r="C117" s="6">
        <v>16</v>
      </c>
      <c r="D117" s="5">
        <v>22</v>
      </c>
    </row>
    <row r="118" spans="1:4" ht="18" customHeight="1" x14ac:dyDescent="0.15">
      <c r="A118" s="8">
        <v>93</v>
      </c>
      <c r="B118" s="21">
        <v>5</v>
      </c>
      <c r="C118" s="6">
        <v>14</v>
      </c>
      <c r="D118" s="5">
        <v>19</v>
      </c>
    </row>
    <row r="119" spans="1:4" ht="18" customHeight="1" x14ac:dyDescent="0.15">
      <c r="A119" s="8">
        <v>94</v>
      </c>
      <c r="B119" s="21">
        <v>0</v>
      </c>
      <c r="C119" s="6">
        <v>11</v>
      </c>
      <c r="D119" s="5">
        <v>11</v>
      </c>
    </row>
    <row r="120" spans="1:4" ht="18" customHeight="1" x14ac:dyDescent="0.15">
      <c r="A120" s="8" t="s">
        <v>5</v>
      </c>
      <c r="B120" s="21">
        <v>23</v>
      </c>
      <c r="C120" s="6">
        <v>79</v>
      </c>
      <c r="D120" s="5">
        <v>102</v>
      </c>
    </row>
    <row r="121" spans="1:4" ht="18" customHeight="1" x14ac:dyDescent="0.15">
      <c r="A121" s="8">
        <v>95</v>
      </c>
      <c r="B121" s="21">
        <v>4</v>
      </c>
      <c r="C121" s="6">
        <v>5</v>
      </c>
      <c r="D121" s="5">
        <v>9</v>
      </c>
    </row>
    <row r="122" spans="1:4" ht="18" customHeight="1" x14ac:dyDescent="0.15">
      <c r="A122" s="8">
        <v>96</v>
      </c>
      <c r="B122" s="21">
        <v>1</v>
      </c>
      <c r="C122" s="6">
        <v>9</v>
      </c>
      <c r="D122" s="5">
        <v>10</v>
      </c>
    </row>
    <row r="123" spans="1:4" ht="18" customHeight="1" x14ac:dyDescent="0.15">
      <c r="A123" s="8">
        <v>97</v>
      </c>
      <c r="B123" s="21">
        <v>0</v>
      </c>
      <c r="C123" s="6">
        <v>7</v>
      </c>
      <c r="D123" s="5">
        <v>7</v>
      </c>
    </row>
    <row r="124" spans="1:4" ht="18" customHeight="1" x14ac:dyDescent="0.15">
      <c r="A124" s="8">
        <v>98</v>
      </c>
      <c r="B124" s="21">
        <v>1</v>
      </c>
      <c r="C124" s="6">
        <v>5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6</v>
      </c>
      <c r="C126" s="6">
        <v>28</v>
      </c>
      <c r="D126" s="5">
        <v>34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486</v>
      </c>
      <c r="C130" s="6">
        <v>739</v>
      </c>
      <c r="D130" s="5">
        <v>1225</v>
      </c>
    </row>
    <row r="131" spans="1:4" ht="18" customHeight="1" x14ac:dyDescent="0.15">
      <c r="A131" s="4" t="s">
        <v>0</v>
      </c>
      <c r="B131" s="20">
        <v>1561</v>
      </c>
      <c r="C131" s="2">
        <v>1866</v>
      </c>
      <c r="D131" s="1">
        <v>342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F9D1D7-3889-494C-AA20-93D77C797921}">
  <sheetPr codeName="Sheet7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0</v>
      </c>
      <c r="D5" s="30">
        <v>2</v>
      </c>
    </row>
    <row r="6" spans="1:4" ht="18" customHeight="1" x14ac:dyDescent="0.15">
      <c r="A6" s="8">
        <v>1</v>
      </c>
      <c r="B6" s="26">
        <v>0</v>
      </c>
      <c r="C6" s="6">
        <v>1</v>
      </c>
      <c r="D6" s="5">
        <v>1</v>
      </c>
    </row>
    <row r="7" spans="1:4" ht="18" customHeight="1" x14ac:dyDescent="0.15">
      <c r="A7" s="8">
        <v>2</v>
      </c>
      <c r="B7" s="26">
        <v>1</v>
      </c>
      <c r="C7" s="6">
        <v>0</v>
      </c>
      <c r="D7" s="5">
        <v>1</v>
      </c>
    </row>
    <row r="8" spans="1:4" ht="18" customHeight="1" x14ac:dyDescent="0.15">
      <c r="A8" s="8">
        <v>3</v>
      </c>
      <c r="B8" s="26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9">
        <v>1</v>
      </c>
      <c r="C9" s="28">
        <v>0</v>
      </c>
      <c r="D9" s="27">
        <v>1</v>
      </c>
    </row>
    <row r="10" spans="1:4" ht="18" customHeight="1" x14ac:dyDescent="0.15">
      <c r="A10" s="8" t="s">
        <v>25</v>
      </c>
      <c r="B10" s="21">
        <v>5</v>
      </c>
      <c r="C10" s="6">
        <v>1</v>
      </c>
      <c r="D10" s="5">
        <v>6</v>
      </c>
    </row>
    <row r="11" spans="1:4" ht="18" customHeight="1" x14ac:dyDescent="0.15">
      <c r="A11" s="8">
        <v>5</v>
      </c>
      <c r="B11" s="26">
        <v>1</v>
      </c>
      <c r="C11" s="6">
        <v>1</v>
      </c>
      <c r="D11" s="5">
        <v>2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1</v>
      </c>
      <c r="C13" s="6">
        <v>1</v>
      </c>
      <c r="D13" s="5">
        <v>2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2</v>
      </c>
      <c r="C15" s="6">
        <v>3</v>
      </c>
      <c r="D15" s="5">
        <v>5</v>
      </c>
    </row>
    <row r="16" spans="1:4" ht="18" customHeight="1" x14ac:dyDescent="0.15">
      <c r="A16" s="8" t="s">
        <v>24</v>
      </c>
      <c r="B16" s="21">
        <v>4</v>
      </c>
      <c r="C16" s="6">
        <v>7</v>
      </c>
      <c r="D16" s="5">
        <v>11</v>
      </c>
    </row>
    <row r="17" spans="1:4" ht="18" customHeight="1" x14ac:dyDescent="0.15">
      <c r="A17" s="8">
        <v>10</v>
      </c>
      <c r="B17" s="21">
        <v>0</v>
      </c>
      <c r="C17" s="6">
        <v>0</v>
      </c>
      <c r="D17" s="5">
        <v>0</v>
      </c>
    </row>
    <row r="18" spans="1:4" ht="18" customHeight="1" x14ac:dyDescent="0.15">
      <c r="A18" s="8">
        <v>11</v>
      </c>
      <c r="B18" s="21">
        <v>0</v>
      </c>
      <c r="C18" s="6">
        <v>3</v>
      </c>
      <c r="D18" s="5">
        <v>3</v>
      </c>
    </row>
    <row r="19" spans="1:4" ht="18" customHeight="1" x14ac:dyDescent="0.15">
      <c r="A19" s="8">
        <v>12</v>
      </c>
      <c r="B19" s="21">
        <v>2</v>
      </c>
      <c r="C19" s="6">
        <v>0</v>
      </c>
      <c r="D19" s="5">
        <v>2</v>
      </c>
    </row>
    <row r="20" spans="1:4" ht="18" customHeight="1" x14ac:dyDescent="0.15">
      <c r="A20" s="8">
        <v>13</v>
      </c>
      <c r="B20" s="21">
        <v>0</v>
      </c>
      <c r="C20" s="6">
        <v>2</v>
      </c>
      <c r="D20" s="5">
        <v>2</v>
      </c>
    </row>
    <row r="21" spans="1:4" ht="18" customHeight="1" x14ac:dyDescent="0.15">
      <c r="A21" s="8">
        <v>14</v>
      </c>
      <c r="B21" s="21">
        <v>1</v>
      </c>
      <c r="C21" s="6">
        <v>0</v>
      </c>
      <c r="D21" s="5">
        <v>1</v>
      </c>
    </row>
    <row r="22" spans="1:4" ht="18" customHeight="1" x14ac:dyDescent="0.15">
      <c r="A22" s="8" t="s">
        <v>23</v>
      </c>
      <c r="B22" s="21">
        <v>3</v>
      </c>
      <c r="C22" s="6">
        <v>5</v>
      </c>
      <c r="D22" s="5">
        <v>8</v>
      </c>
    </row>
    <row r="23" spans="1:4" ht="18" customHeight="1" x14ac:dyDescent="0.15">
      <c r="A23" s="8" t="s">
        <v>22</v>
      </c>
      <c r="B23" s="21">
        <v>12</v>
      </c>
      <c r="C23" s="6">
        <v>13</v>
      </c>
      <c r="D23" s="5">
        <v>25</v>
      </c>
    </row>
    <row r="24" spans="1:4" ht="18" customHeight="1" x14ac:dyDescent="0.15">
      <c r="A24" s="8">
        <v>15</v>
      </c>
      <c r="B24" s="21">
        <v>2</v>
      </c>
      <c r="C24" s="6">
        <v>2</v>
      </c>
      <c r="D24" s="5">
        <v>4</v>
      </c>
    </row>
    <row r="25" spans="1:4" ht="18" customHeight="1" x14ac:dyDescent="0.15">
      <c r="A25" s="8">
        <v>16</v>
      </c>
      <c r="B25" s="21">
        <v>1</v>
      </c>
      <c r="C25" s="6">
        <v>1</v>
      </c>
      <c r="D25" s="5">
        <v>2</v>
      </c>
    </row>
    <row r="26" spans="1:4" ht="18" customHeight="1" x14ac:dyDescent="0.15">
      <c r="A26" s="8">
        <v>17</v>
      </c>
      <c r="B26" s="21">
        <v>1</v>
      </c>
      <c r="C26" s="6">
        <v>0</v>
      </c>
      <c r="D26" s="5">
        <v>1</v>
      </c>
    </row>
    <row r="27" spans="1:4" ht="18" customHeight="1" x14ac:dyDescent="0.15">
      <c r="A27" s="8">
        <v>18</v>
      </c>
      <c r="B27" s="21">
        <v>0</v>
      </c>
      <c r="C27" s="6">
        <v>4</v>
      </c>
      <c r="D27" s="5">
        <v>4</v>
      </c>
    </row>
    <row r="28" spans="1:4" ht="18" customHeight="1" x14ac:dyDescent="0.15">
      <c r="A28" s="8">
        <v>19</v>
      </c>
      <c r="B28" s="21">
        <v>4</v>
      </c>
      <c r="C28" s="6">
        <v>2</v>
      </c>
      <c r="D28" s="5">
        <v>6</v>
      </c>
    </row>
    <row r="29" spans="1:4" ht="18" customHeight="1" x14ac:dyDescent="0.15">
      <c r="A29" s="8" t="s">
        <v>21</v>
      </c>
      <c r="B29" s="21">
        <v>8</v>
      </c>
      <c r="C29" s="6">
        <v>9</v>
      </c>
      <c r="D29" s="5">
        <v>17</v>
      </c>
    </row>
    <row r="30" spans="1:4" ht="18" customHeight="1" x14ac:dyDescent="0.15">
      <c r="A30" s="8">
        <v>20</v>
      </c>
      <c r="B30" s="21">
        <v>3</v>
      </c>
      <c r="C30" s="6">
        <v>3</v>
      </c>
      <c r="D30" s="5">
        <v>6</v>
      </c>
    </row>
    <row r="31" spans="1:4" ht="18" customHeight="1" x14ac:dyDescent="0.15">
      <c r="A31" s="8">
        <v>21</v>
      </c>
      <c r="B31" s="21">
        <v>5</v>
      </c>
      <c r="C31" s="6">
        <v>1</v>
      </c>
      <c r="D31" s="5">
        <v>6</v>
      </c>
    </row>
    <row r="32" spans="1:4" ht="18" customHeight="1" x14ac:dyDescent="0.15">
      <c r="A32" s="8">
        <v>22</v>
      </c>
      <c r="B32" s="21">
        <v>1</v>
      </c>
      <c r="C32" s="6">
        <v>4</v>
      </c>
      <c r="D32" s="5">
        <v>5</v>
      </c>
    </row>
    <row r="33" spans="1:4" ht="18" customHeight="1" x14ac:dyDescent="0.15">
      <c r="A33" s="8">
        <v>23</v>
      </c>
      <c r="B33" s="21">
        <v>5</v>
      </c>
      <c r="C33" s="6">
        <v>3</v>
      </c>
      <c r="D33" s="5">
        <v>8</v>
      </c>
    </row>
    <row r="34" spans="1:4" ht="18" customHeight="1" x14ac:dyDescent="0.15">
      <c r="A34" s="8">
        <v>24</v>
      </c>
      <c r="B34" s="21">
        <v>2</v>
      </c>
      <c r="C34" s="6">
        <v>1</v>
      </c>
      <c r="D34" s="5">
        <v>3</v>
      </c>
    </row>
    <row r="35" spans="1:4" ht="18" customHeight="1" x14ac:dyDescent="0.15">
      <c r="A35" s="8" t="s">
        <v>20</v>
      </c>
      <c r="B35" s="21">
        <v>16</v>
      </c>
      <c r="C35" s="6">
        <v>12</v>
      </c>
      <c r="D35" s="5">
        <v>28</v>
      </c>
    </row>
    <row r="36" spans="1:4" ht="18" customHeight="1" x14ac:dyDescent="0.15">
      <c r="A36" s="8">
        <v>25</v>
      </c>
      <c r="B36" s="21">
        <v>0</v>
      </c>
      <c r="C36" s="6">
        <v>1</v>
      </c>
      <c r="D36" s="5">
        <v>1</v>
      </c>
    </row>
    <row r="37" spans="1:4" ht="18" customHeight="1" x14ac:dyDescent="0.15">
      <c r="A37" s="8">
        <v>26</v>
      </c>
      <c r="B37" s="21">
        <v>0</v>
      </c>
      <c r="C37" s="6">
        <v>1</v>
      </c>
      <c r="D37" s="5">
        <v>1</v>
      </c>
    </row>
    <row r="38" spans="1:4" ht="18" customHeight="1" x14ac:dyDescent="0.15">
      <c r="A38" s="8">
        <v>27</v>
      </c>
      <c r="B38" s="21">
        <v>0</v>
      </c>
      <c r="C38" s="6">
        <v>3</v>
      </c>
      <c r="D38" s="5">
        <v>3</v>
      </c>
    </row>
    <row r="39" spans="1:4" ht="18" customHeight="1" x14ac:dyDescent="0.15">
      <c r="A39" s="8">
        <v>28</v>
      </c>
      <c r="B39" s="21">
        <v>2</v>
      </c>
      <c r="C39" s="6">
        <v>0</v>
      </c>
      <c r="D39" s="5">
        <v>2</v>
      </c>
    </row>
    <row r="40" spans="1:4" ht="18" customHeight="1" x14ac:dyDescent="0.15">
      <c r="A40" s="8">
        <v>29</v>
      </c>
      <c r="B40" s="21">
        <v>3</v>
      </c>
      <c r="C40" s="6">
        <v>1</v>
      </c>
      <c r="D40" s="5">
        <v>4</v>
      </c>
    </row>
    <row r="41" spans="1:4" ht="18" customHeight="1" x14ac:dyDescent="0.15">
      <c r="A41" s="8" t="s">
        <v>19</v>
      </c>
      <c r="B41" s="21">
        <v>5</v>
      </c>
      <c r="C41" s="6">
        <v>6</v>
      </c>
      <c r="D41" s="5">
        <v>11</v>
      </c>
    </row>
    <row r="42" spans="1:4" ht="18" customHeight="1" x14ac:dyDescent="0.15">
      <c r="A42" s="8">
        <v>30</v>
      </c>
      <c r="B42" s="21">
        <v>3</v>
      </c>
      <c r="C42" s="6">
        <v>1</v>
      </c>
      <c r="D42" s="5">
        <v>4</v>
      </c>
    </row>
    <row r="43" spans="1:4" ht="18" customHeight="1" x14ac:dyDescent="0.15">
      <c r="A43" s="8">
        <v>31</v>
      </c>
      <c r="B43" s="21">
        <v>1</v>
      </c>
      <c r="C43" s="6">
        <v>2</v>
      </c>
      <c r="D43" s="5">
        <v>3</v>
      </c>
    </row>
    <row r="44" spans="1:4" ht="18" customHeight="1" x14ac:dyDescent="0.15">
      <c r="A44" s="8">
        <v>32</v>
      </c>
      <c r="B44" s="21">
        <v>7</v>
      </c>
      <c r="C44" s="6">
        <v>1</v>
      </c>
      <c r="D44" s="5">
        <v>8</v>
      </c>
    </row>
    <row r="45" spans="1:4" ht="18" customHeight="1" x14ac:dyDescent="0.15">
      <c r="A45" s="8">
        <v>33</v>
      </c>
      <c r="B45" s="21">
        <v>0</v>
      </c>
      <c r="C45" s="6">
        <v>3</v>
      </c>
      <c r="D45" s="5">
        <v>3</v>
      </c>
    </row>
    <row r="46" spans="1:4" ht="18" customHeight="1" x14ac:dyDescent="0.15">
      <c r="A46" s="8">
        <v>34</v>
      </c>
      <c r="B46" s="21">
        <v>1</v>
      </c>
      <c r="C46" s="6">
        <v>2</v>
      </c>
      <c r="D46" s="5">
        <v>3</v>
      </c>
    </row>
    <row r="47" spans="1:4" ht="18" customHeight="1" x14ac:dyDescent="0.15">
      <c r="A47" s="8" t="s">
        <v>18</v>
      </c>
      <c r="B47" s="21">
        <v>12</v>
      </c>
      <c r="C47" s="6">
        <v>9</v>
      </c>
      <c r="D47" s="5">
        <v>21</v>
      </c>
    </row>
    <row r="48" spans="1:4" ht="18" customHeight="1" x14ac:dyDescent="0.15">
      <c r="A48" s="8">
        <v>35</v>
      </c>
      <c r="B48" s="21">
        <v>3</v>
      </c>
      <c r="C48" s="6">
        <v>1</v>
      </c>
      <c r="D48" s="5">
        <v>4</v>
      </c>
    </row>
    <row r="49" spans="1:4" ht="18" customHeight="1" x14ac:dyDescent="0.15">
      <c r="A49" s="8">
        <v>36</v>
      </c>
      <c r="B49" s="21">
        <v>1</v>
      </c>
      <c r="C49" s="6">
        <v>4</v>
      </c>
      <c r="D49" s="5">
        <v>5</v>
      </c>
    </row>
    <row r="50" spans="1:4" ht="18" customHeight="1" x14ac:dyDescent="0.15">
      <c r="A50" s="8">
        <v>37</v>
      </c>
      <c r="B50" s="21">
        <v>2</v>
      </c>
      <c r="C50" s="6">
        <v>2</v>
      </c>
      <c r="D50" s="5">
        <v>4</v>
      </c>
    </row>
    <row r="51" spans="1:4" ht="18" customHeight="1" x14ac:dyDescent="0.15">
      <c r="A51" s="8">
        <v>38</v>
      </c>
      <c r="B51" s="21">
        <v>2</v>
      </c>
      <c r="C51" s="6">
        <v>0</v>
      </c>
      <c r="D51" s="5">
        <v>2</v>
      </c>
    </row>
    <row r="52" spans="1:4" ht="18" customHeight="1" x14ac:dyDescent="0.15">
      <c r="A52" s="8">
        <v>39</v>
      </c>
      <c r="B52" s="21">
        <v>4</v>
      </c>
      <c r="C52" s="6">
        <v>4</v>
      </c>
      <c r="D52" s="5">
        <v>8</v>
      </c>
    </row>
    <row r="53" spans="1:4" ht="18" customHeight="1" x14ac:dyDescent="0.15">
      <c r="A53" s="8" t="s">
        <v>17</v>
      </c>
      <c r="B53" s="21">
        <v>12</v>
      </c>
      <c r="C53" s="6">
        <v>11</v>
      </c>
      <c r="D53" s="5">
        <v>23</v>
      </c>
    </row>
    <row r="54" spans="1:4" ht="18" customHeight="1" x14ac:dyDescent="0.15">
      <c r="A54" s="8">
        <v>40</v>
      </c>
      <c r="B54" s="21">
        <v>2</v>
      </c>
      <c r="C54" s="6">
        <v>2</v>
      </c>
      <c r="D54" s="5">
        <v>4</v>
      </c>
    </row>
    <row r="55" spans="1:4" ht="18" customHeight="1" x14ac:dyDescent="0.15">
      <c r="A55" s="8">
        <v>41</v>
      </c>
      <c r="B55" s="21">
        <v>5</v>
      </c>
      <c r="C55" s="6">
        <v>2</v>
      </c>
      <c r="D55" s="5">
        <v>7</v>
      </c>
    </row>
    <row r="56" spans="1:4" ht="18" customHeight="1" x14ac:dyDescent="0.15">
      <c r="A56" s="8">
        <v>42</v>
      </c>
      <c r="B56" s="21">
        <v>7</v>
      </c>
      <c r="C56" s="6">
        <v>5</v>
      </c>
      <c r="D56" s="5">
        <v>12</v>
      </c>
    </row>
    <row r="57" spans="1:4" ht="18" customHeight="1" x14ac:dyDescent="0.15">
      <c r="A57" s="8">
        <v>43</v>
      </c>
      <c r="B57" s="21">
        <v>0</v>
      </c>
      <c r="C57" s="6">
        <v>5</v>
      </c>
      <c r="D57" s="5">
        <v>5</v>
      </c>
    </row>
    <row r="58" spans="1:4" ht="18" customHeight="1" x14ac:dyDescent="0.15">
      <c r="A58" s="8">
        <v>44</v>
      </c>
      <c r="B58" s="21">
        <v>0</v>
      </c>
      <c r="C58" s="6">
        <v>2</v>
      </c>
      <c r="D58" s="5">
        <v>2</v>
      </c>
    </row>
    <row r="59" spans="1:4" ht="18" customHeight="1" x14ac:dyDescent="0.15">
      <c r="A59" s="8" t="s">
        <v>16</v>
      </c>
      <c r="B59" s="21">
        <v>14</v>
      </c>
      <c r="C59" s="6">
        <v>16</v>
      </c>
      <c r="D59" s="5">
        <v>30</v>
      </c>
    </row>
    <row r="60" spans="1:4" ht="18" customHeight="1" x14ac:dyDescent="0.15">
      <c r="A60" s="8">
        <v>45</v>
      </c>
      <c r="B60" s="21">
        <v>3</v>
      </c>
      <c r="C60" s="6">
        <v>0</v>
      </c>
      <c r="D60" s="5">
        <v>3</v>
      </c>
    </row>
    <row r="61" spans="1:4" ht="18" customHeight="1" x14ac:dyDescent="0.15">
      <c r="A61" s="8">
        <v>46</v>
      </c>
      <c r="B61" s="21">
        <v>2</v>
      </c>
      <c r="C61" s="6">
        <v>3</v>
      </c>
      <c r="D61" s="5">
        <v>5</v>
      </c>
    </row>
    <row r="62" spans="1:4" ht="18" customHeight="1" x14ac:dyDescent="0.15">
      <c r="A62" s="8">
        <v>47</v>
      </c>
      <c r="B62" s="21">
        <v>2</v>
      </c>
      <c r="C62" s="6">
        <v>5</v>
      </c>
      <c r="D62" s="5">
        <v>7</v>
      </c>
    </row>
    <row r="63" spans="1:4" ht="18" customHeight="1" x14ac:dyDescent="0.15">
      <c r="A63" s="8">
        <v>48</v>
      </c>
      <c r="B63" s="21">
        <v>3</v>
      </c>
      <c r="C63" s="6">
        <v>4</v>
      </c>
      <c r="D63" s="5">
        <v>7</v>
      </c>
    </row>
    <row r="64" spans="1:4" ht="18" customHeight="1" x14ac:dyDescent="0.15">
      <c r="A64" s="8">
        <v>49</v>
      </c>
      <c r="B64" s="21">
        <v>2</v>
      </c>
      <c r="C64" s="6">
        <v>1</v>
      </c>
      <c r="D64" s="5">
        <v>3</v>
      </c>
    </row>
    <row r="65" spans="1:4" ht="18" customHeight="1" x14ac:dyDescent="0.15">
      <c r="A65" s="8" t="s">
        <v>15</v>
      </c>
      <c r="B65" s="21">
        <v>12</v>
      </c>
      <c r="C65" s="6">
        <v>13</v>
      </c>
      <c r="D65" s="5">
        <v>25</v>
      </c>
    </row>
    <row r="66" spans="1:4" ht="18" customHeight="1" x14ac:dyDescent="0.15">
      <c r="A66" s="8">
        <v>50</v>
      </c>
      <c r="B66" s="21">
        <v>9</v>
      </c>
      <c r="C66" s="6">
        <v>1</v>
      </c>
      <c r="D66" s="5">
        <v>10</v>
      </c>
    </row>
    <row r="67" spans="1:4" ht="18" customHeight="1" x14ac:dyDescent="0.15">
      <c r="A67" s="8">
        <v>51</v>
      </c>
      <c r="B67" s="21">
        <v>2</v>
      </c>
      <c r="C67" s="6">
        <v>4</v>
      </c>
      <c r="D67" s="5">
        <v>6</v>
      </c>
    </row>
    <row r="68" spans="1:4" ht="18" customHeight="1" x14ac:dyDescent="0.15">
      <c r="A68" s="8">
        <v>52</v>
      </c>
      <c r="B68" s="21">
        <v>8</v>
      </c>
      <c r="C68" s="6">
        <v>5</v>
      </c>
      <c r="D68" s="5">
        <v>13</v>
      </c>
    </row>
    <row r="69" spans="1:4" ht="18" customHeight="1" x14ac:dyDescent="0.15">
      <c r="A69" s="8">
        <v>53</v>
      </c>
      <c r="B69" s="21">
        <v>3</v>
      </c>
      <c r="C69" s="6">
        <v>8</v>
      </c>
      <c r="D69" s="5">
        <v>11</v>
      </c>
    </row>
    <row r="70" spans="1:4" ht="18" customHeight="1" x14ac:dyDescent="0.15">
      <c r="A70" s="8">
        <v>54</v>
      </c>
      <c r="B70" s="21">
        <v>7</v>
      </c>
      <c r="C70" s="6">
        <v>4</v>
      </c>
      <c r="D70" s="5">
        <v>11</v>
      </c>
    </row>
    <row r="71" spans="1:4" ht="18" customHeight="1" x14ac:dyDescent="0.15">
      <c r="A71" s="8" t="s">
        <v>14</v>
      </c>
      <c r="B71" s="21">
        <v>29</v>
      </c>
      <c r="C71" s="6">
        <v>22</v>
      </c>
      <c r="D71" s="5">
        <v>51</v>
      </c>
    </row>
    <row r="72" spans="1:4" ht="18" customHeight="1" x14ac:dyDescent="0.15">
      <c r="A72" s="8">
        <v>55</v>
      </c>
      <c r="B72" s="21">
        <v>5</v>
      </c>
      <c r="C72" s="6">
        <v>4</v>
      </c>
      <c r="D72" s="5">
        <v>9</v>
      </c>
    </row>
    <row r="73" spans="1:4" ht="18" customHeight="1" x14ac:dyDescent="0.15">
      <c r="A73" s="8">
        <v>56</v>
      </c>
      <c r="B73" s="21">
        <v>5</v>
      </c>
      <c r="C73" s="6">
        <v>5</v>
      </c>
      <c r="D73" s="5">
        <v>10</v>
      </c>
    </row>
    <row r="74" spans="1:4" ht="18" customHeight="1" x14ac:dyDescent="0.15">
      <c r="A74" s="8">
        <v>57</v>
      </c>
      <c r="B74" s="21">
        <v>6</v>
      </c>
      <c r="C74" s="6">
        <v>5</v>
      </c>
      <c r="D74" s="5">
        <v>11</v>
      </c>
    </row>
    <row r="75" spans="1:4" ht="18" customHeight="1" x14ac:dyDescent="0.15">
      <c r="A75" s="8">
        <v>58</v>
      </c>
      <c r="B75" s="21">
        <v>3</v>
      </c>
      <c r="C75" s="6">
        <v>4</v>
      </c>
      <c r="D75" s="5">
        <v>7</v>
      </c>
    </row>
    <row r="76" spans="1:4" ht="18" customHeight="1" x14ac:dyDescent="0.15">
      <c r="A76" s="8">
        <v>59</v>
      </c>
      <c r="B76" s="21">
        <v>0</v>
      </c>
      <c r="C76" s="6">
        <v>2</v>
      </c>
      <c r="D76" s="5">
        <v>2</v>
      </c>
    </row>
    <row r="77" spans="1:4" ht="18" customHeight="1" x14ac:dyDescent="0.15">
      <c r="A77" s="8" t="s">
        <v>13</v>
      </c>
      <c r="B77" s="21">
        <v>19</v>
      </c>
      <c r="C77" s="6">
        <v>20</v>
      </c>
      <c r="D77" s="5">
        <v>39</v>
      </c>
    </row>
    <row r="78" spans="1:4" ht="18" customHeight="1" x14ac:dyDescent="0.15">
      <c r="A78" s="8">
        <v>60</v>
      </c>
      <c r="B78" s="21">
        <v>0</v>
      </c>
      <c r="C78" s="6">
        <v>5</v>
      </c>
      <c r="D78" s="5">
        <v>5</v>
      </c>
    </row>
    <row r="79" spans="1:4" ht="18" customHeight="1" x14ac:dyDescent="0.15">
      <c r="A79" s="8">
        <v>61</v>
      </c>
      <c r="B79" s="21">
        <v>1</v>
      </c>
      <c r="C79" s="6">
        <v>5</v>
      </c>
      <c r="D79" s="5">
        <v>6</v>
      </c>
    </row>
    <row r="80" spans="1:4" ht="18" customHeight="1" x14ac:dyDescent="0.15">
      <c r="A80" s="8">
        <v>62</v>
      </c>
      <c r="B80" s="21">
        <v>10</v>
      </c>
      <c r="C80" s="6">
        <v>5</v>
      </c>
      <c r="D80" s="5">
        <v>15</v>
      </c>
    </row>
    <row r="81" spans="1:4" ht="18" customHeight="1" x14ac:dyDescent="0.15">
      <c r="A81" s="8">
        <v>63</v>
      </c>
      <c r="B81" s="21">
        <v>5</v>
      </c>
      <c r="C81" s="6">
        <v>7</v>
      </c>
      <c r="D81" s="5">
        <v>12</v>
      </c>
    </row>
    <row r="82" spans="1:4" ht="18" customHeight="1" x14ac:dyDescent="0.15">
      <c r="A82" s="8">
        <v>64</v>
      </c>
      <c r="B82" s="21">
        <v>4</v>
      </c>
      <c r="C82" s="6">
        <v>7</v>
      </c>
      <c r="D82" s="5">
        <v>11</v>
      </c>
    </row>
    <row r="83" spans="1:4" ht="18" customHeight="1" x14ac:dyDescent="0.15">
      <c r="A83" s="8" t="s">
        <v>12</v>
      </c>
      <c r="B83" s="21">
        <v>20</v>
      </c>
      <c r="C83" s="6">
        <v>29</v>
      </c>
      <c r="D83" s="5">
        <v>49</v>
      </c>
    </row>
    <row r="84" spans="1:4" ht="18" customHeight="1" x14ac:dyDescent="0.15">
      <c r="A84" s="8" t="s">
        <v>11</v>
      </c>
      <c r="B84" s="21">
        <v>147</v>
      </c>
      <c r="C84" s="6">
        <v>147</v>
      </c>
      <c r="D84" s="5">
        <v>294</v>
      </c>
    </row>
    <row r="85" spans="1:4" ht="18" customHeight="1" x14ac:dyDescent="0.15">
      <c r="A85" s="8">
        <v>65</v>
      </c>
      <c r="B85" s="21">
        <v>5</v>
      </c>
      <c r="C85" s="6">
        <v>7</v>
      </c>
      <c r="D85" s="5">
        <v>12</v>
      </c>
    </row>
    <row r="86" spans="1:4" ht="18" customHeight="1" x14ac:dyDescent="0.15">
      <c r="A86" s="8">
        <v>66</v>
      </c>
      <c r="B86" s="21">
        <v>12</v>
      </c>
      <c r="C86" s="6">
        <v>10</v>
      </c>
      <c r="D86" s="5">
        <v>22</v>
      </c>
    </row>
    <row r="87" spans="1:4" ht="18" customHeight="1" x14ac:dyDescent="0.15">
      <c r="A87" s="8">
        <v>67</v>
      </c>
      <c r="B87" s="21">
        <v>6</v>
      </c>
      <c r="C87" s="6">
        <v>6</v>
      </c>
      <c r="D87" s="5">
        <v>12</v>
      </c>
    </row>
    <row r="88" spans="1:4" ht="18" customHeight="1" x14ac:dyDescent="0.15">
      <c r="A88" s="8">
        <v>68</v>
      </c>
      <c r="B88" s="21">
        <v>5</v>
      </c>
      <c r="C88" s="6">
        <v>8</v>
      </c>
      <c r="D88" s="5">
        <v>13</v>
      </c>
    </row>
    <row r="89" spans="1:4" ht="18" customHeight="1" x14ac:dyDescent="0.15">
      <c r="A89" s="8">
        <v>69</v>
      </c>
      <c r="B89" s="21">
        <v>4</v>
      </c>
      <c r="C89" s="6">
        <v>6</v>
      </c>
      <c r="D89" s="5">
        <v>10</v>
      </c>
    </row>
    <row r="90" spans="1:4" ht="18" customHeight="1" x14ac:dyDescent="0.15">
      <c r="A90" s="8" t="s">
        <v>10</v>
      </c>
      <c r="B90" s="21">
        <v>32</v>
      </c>
      <c r="C90" s="6">
        <v>37</v>
      </c>
      <c r="D90" s="5">
        <v>69</v>
      </c>
    </row>
    <row r="91" spans="1:4" ht="18" customHeight="1" x14ac:dyDescent="0.15">
      <c r="A91" s="8">
        <v>70</v>
      </c>
      <c r="B91" s="21">
        <v>6</v>
      </c>
      <c r="C91" s="6">
        <v>8</v>
      </c>
      <c r="D91" s="5">
        <v>14</v>
      </c>
    </row>
    <row r="92" spans="1:4" ht="18" customHeight="1" x14ac:dyDescent="0.15">
      <c r="A92" s="8">
        <v>71</v>
      </c>
      <c r="B92" s="21">
        <v>9</v>
      </c>
      <c r="C92" s="6">
        <v>8</v>
      </c>
      <c r="D92" s="5">
        <v>17</v>
      </c>
    </row>
    <row r="93" spans="1:4" ht="18" customHeight="1" x14ac:dyDescent="0.15">
      <c r="A93" s="8">
        <v>72</v>
      </c>
      <c r="B93" s="21">
        <v>4</v>
      </c>
      <c r="C93" s="6">
        <v>5</v>
      </c>
      <c r="D93" s="5">
        <v>9</v>
      </c>
    </row>
    <row r="94" spans="1:4" ht="18" customHeight="1" x14ac:dyDescent="0.15">
      <c r="A94" s="8">
        <v>73</v>
      </c>
      <c r="B94" s="21">
        <v>0</v>
      </c>
      <c r="C94" s="6">
        <v>5</v>
      </c>
      <c r="D94" s="5">
        <v>5</v>
      </c>
    </row>
    <row r="95" spans="1:4" ht="18" customHeight="1" x14ac:dyDescent="0.15">
      <c r="A95" s="8">
        <v>74</v>
      </c>
      <c r="B95" s="21">
        <v>8</v>
      </c>
      <c r="C95" s="6">
        <v>11</v>
      </c>
      <c r="D95" s="5">
        <v>19</v>
      </c>
    </row>
    <row r="96" spans="1:4" ht="18" customHeight="1" x14ac:dyDescent="0.15">
      <c r="A96" s="8" t="s">
        <v>9</v>
      </c>
      <c r="B96" s="21">
        <v>27</v>
      </c>
      <c r="C96" s="6">
        <v>37</v>
      </c>
      <c r="D96" s="5">
        <v>64</v>
      </c>
    </row>
    <row r="97" spans="1:4" ht="18" customHeight="1" x14ac:dyDescent="0.15">
      <c r="A97" s="8">
        <v>75</v>
      </c>
      <c r="B97" s="21">
        <v>10</v>
      </c>
      <c r="C97" s="6">
        <v>10</v>
      </c>
      <c r="D97" s="5">
        <v>20</v>
      </c>
    </row>
    <row r="98" spans="1:4" ht="18" customHeight="1" x14ac:dyDescent="0.15">
      <c r="A98" s="8">
        <v>76</v>
      </c>
      <c r="B98" s="21">
        <v>7</v>
      </c>
      <c r="C98" s="6">
        <v>13</v>
      </c>
      <c r="D98" s="5">
        <v>20</v>
      </c>
    </row>
    <row r="99" spans="1:4" ht="18" customHeight="1" x14ac:dyDescent="0.15">
      <c r="A99" s="8">
        <v>77</v>
      </c>
      <c r="B99" s="21">
        <v>9</v>
      </c>
      <c r="C99" s="6">
        <v>11</v>
      </c>
      <c r="D99" s="5">
        <v>20</v>
      </c>
    </row>
    <row r="100" spans="1:4" ht="18" customHeight="1" x14ac:dyDescent="0.15">
      <c r="A100" s="8">
        <v>78</v>
      </c>
      <c r="B100" s="21">
        <v>11</v>
      </c>
      <c r="C100" s="6">
        <v>7</v>
      </c>
      <c r="D100" s="5">
        <v>18</v>
      </c>
    </row>
    <row r="101" spans="1:4" ht="18" customHeight="1" x14ac:dyDescent="0.15">
      <c r="A101" s="8">
        <v>79</v>
      </c>
      <c r="B101" s="21">
        <v>4</v>
      </c>
      <c r="C101" s="6">
        <v>11</v>
      </c>
      <c r="D101" s="5">
        <v>15</v>
      </c>
    </row>
    <row r="102" spans="1:4" ht="18" customHeight="1" x14ac:dyDescent="0.15">
      <c r="A102" s="8" t="s">
        <v>8</v>
      </c>
      <c r="B102" s="21">
        <v>41</v>
      </c>
      <c r="C102" s="6">
        <v>52</v>
      </c>
      <c r="D102" s="5">
        <v>93</v>
      </c>
    </row>
    <row r="103" spans="1:4" ht="18" customHeight="1" x14ac:dyDescent="0.15">
      <c r="A103" s="8">
        <v>80</v>
      </c>
      <c r="B103" s="21">
        <v>6</v>
      </c>
      <c r="C103" s="6">
        <v>8</v>
      </c>
      <c r="D103" s="5">
        <v>14</v>
      </c>
    </row>
    <row r="104" spans="1:4" ht="18" customHeight="1" x14ac:dyDescent="0.15">
      <c r="A104" s="8">
        <v>81</v>
      </c>
      <c r="B104" s="21">
        <v>3</v>
      </c>
      <c r="C104" s="6">
        <v>10</v>
      </c>
      <c r="D104" s="5">
        <v>13</v>
      </c>
    </row>
    <row r="105" spans="1:4" ht="18" customHeight="1" x14ac:dyDescent="0.15">
      <c r="A105" s="8">
        <v>82</v>
      </c>
      <c r="B105" s="21">
        <v>5</v>
      </c>
      <c r="C105" s="6">
        <v>5</v>
      </c>
      <c r="D105" s="5">
        <v>10</v>
      </c>
    </row>
    <row r="106" spans="1:4" ht="18" customHeight="1" x14ac:dyDescent="0.15">
      <c r="A106" s="8">
        <v>83</v>
      </c>
      <c r="B106" s="21">
        <v>8</v>
      </c>
      <c r="C106" s="6">
        <v>13</v>
      </c>
      <c r="D106" s="5">
        <v>21</v>
      </c>
    </row>
    <row r="107" spans="1:4" ht="18" customHeight="1" x14ac:dyDescent="0.15">
      <c r="A107" s="8">
        <v>84</v>
      </c>
      <c r="B107" s="21">
        <v>6</v>
      </c>
      <c r="C107" s="6">
        <v>9</v>
      </c>
      <c r="D107" s="5">
        <v>15</v>
      </c>
    </row>
    <row r="108" spans="1:4" ht="18" customHeight="1" x14ac:dyDescent="0.15">
      <c r="A108" s="8" t="s">
        <v>7</v>
      </c>
      <c r="B108" s="21">
        <v>28</v>
      </c>
      <c r="C108" s="6">
        <v>45</v>
      </c>
      <c r="D108" s="5">
        <v>73</v>
      </c>
    </row>
    <row r="109" spans="1:4" ht="18" customHeight="1" x14ac:dyDescent="0.15">
      <c r="A109" s="8">
        <v>85</v>
      </c>
      <c r="B109" s="21">
        <v>6</v>
      </c>
      <c r="C109" s="6">
        <v>5</v>
      </c>
      <c r="D109" s="5">
        <v>11</v>
      </c>
    </row>
    <row r="110" spans="1:4" ht="18" customHeight="1" x14ac:dyDescent="0.15">
      <c r="A110" s="8">
        <v>86</v>
      </c>
      <c r="B110" s="21">
        <v>2</v>
      </c>
      <c r="C110" s="6">
        <v>6</v>
      </c>
      <c r="D110" s="5">
        <v>8</v>
      </c>
    </row>
    <row r="111" spans="1:4" ht="18" customHeight="1" x14ac:dyDescent="0.15">
      <c r="A111" s="8">
        <v>87</v>
      </c>
      <c r="B111" s="21">
        <v>3</v>
      </c>
      <c r="C111" s="6">
        <v>7</v>
      </c>
      <c r="D111" s="5">
        <v>10</v>
      </c>
    </row>
    <row r="112" spans="1:4" ht="18" customHeight="1" x14ac:dyDescent="0.15">
      <c r="A112" s="8">
        <v>88</v>
      </c>
      <c r="B112" s="21">
        <v>6</v>
      </c>
      <c r="C112" s="6">
        <v>7</v>
      </c>
      <c r="D112" s="5">
        <v>13</v>
      </c>
    </row>
    <row r="113" spans="1:4" ht="18" customHeight="1" x14ac:dyDescent="0.15">
      <c r="A113" s="8">
        <v>89</v>
      </c>
      <c r="B113" s="21">
        <v>1</v>
      </c>
      <c r="C113" s="6">
        <v>7</v>
      </c>
      <c r="D113" s="5">
        <v>8</v>
      </c>
    </row>
    <row r="114" spans="1:4" ht="18" customHeight="1" x14ac:dyDescent="0.15">
      <c r="A114" s="8" t="s">
        <v>6</v>
      </c>
      <c r="B114" s="21">
        <v>18</v>
      </c>
      <c r="C114" s="6">
        <v>32</v>
      </c>
      <c r="D114" s="5">
        <v>50</v>
      </c>
    </row>
    <row r="115" spans="1:4" ht="18" customHeight="1" x14ac:dyDescent="0.15">
      <c r="A115" s="8">
        <v>90</v>
      </c>
      <c r="B115" s="21">
        <v>6</v>
      </c>
      <c r="C115" s="6">
        <v>4</v>
      </c>
      <c r="D115" s="5">
        <v>10</v>
      </c>
    </row>
    <row r="116" spans="1:4" ht="18" customHeight="1" x14ac:dyDescent="0.15">
      <c r="A116" s="8">
        <v>91</v>
      </c>
      <c r="B116" s="21">
        <v>5</v>
      </c>
      <c r="C116" s="6">
        <v>10</v>
      </c>
      <c r="D116" s="5">
        <v>15</v>
      </c>
    </row>
    <row r="117" spans="1:4" ht="18" customHeight="1" x14ac:dyDescent="0.15">
      <c r="A117" s="8">
        <v>92</v>
      </c>
      <c r="B117" s="21">
        <v>3</v>
      </c>
      <c r="C117" s="6">
        <v>6</v>
      </c>
      <c r="D117" s="5">
        <v>9</v>
      </c>
    </row>
    <row r="118" spans="1:4" ht="18" customHeight="1" x14ac:dyDescent="0.15">
      <c r="A118" s="8">
        <v>93</v>
      </c>
      <c r="B118" s="21">
        <v>2</v>
      </c>
      <c r="C118" s="6">
        <v>6</v>
      </c>
      <c r="D118" s="5">
        <v>8</v>
      </c>
    </row>
    <row r="119" spans="1:4" ht="18" customHeight="1" x14ac:dyDescent="0.15">
      <c r="A119" s="8">
        <v>94</v>
      </c>
      <c r="B119" s="21">
        <v>1</v>
      </c>
      <c r="C119" s="6">
        <v>5</v>
      </c>
      <c r="D119" s="5">
        <v>6</v>
      </c>
    </row>
    <row r="120" spans="1:4" ht="18" customHeight="1" x14ac:dyDescent="0.15">
      <c r="A120" s="8" t="s">
        <v>5</v>
      </c>
      <c r="B120" s="21">
        <v>17</v>
      </c>
      <c r="C120" s="6">
        <v>31</v>
      </c>
      <c r="D120" s="5">
        <v>48</v>
      </c>
    </row>
    <row r="121" spans="1:4" ht="18" customHeight="1" x14ac:dyDescent="0.15">
      <c r="A121" s="8">
        <v>95</v>
      </c>
      <c r="B121" s="21">
        <v>1</v>
      </c>
      <c r="C121" s="6">
        <v>4</v>
      </c>
      <c r="D121" s="5">
        <v>5</v>
      </c>
    </row>
    <row r="122" spans="1:4" ht="18" customHeight="1" x14ac:dyDescent="0.15">
      <c r="A122" s="8">
        <v>96</v>
      </c>
      <c r="B122" s="21">
        <v>2</v>
      </c>
      <c r="C122" s="6">
        <v>1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3</v>
      </c>
      <c r="C126" s="6">
        <v>6</v>
      </c>
      <c r="D126" s="5">
        <v>9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66</v>
      </c>
      <c r="C130" s="6">
        <v>242</v>
      </c>
      <c r="D130" s="5">
        <v>408</v>
      </c>
    </row>
    <row r="131" spans="1:4" ht="18" customHeight="1" x14ac:dyDescent="0.15">
      <c r="A131" s="4" t="s">
        <v>0</v>
      </c>
      <c r="B131" s="20">
        <v>325</v>
      </c>
      <c r="C131" s="2">
        <v>402</v>
      </c>
      <c r="D131" s="1">
        <v>72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342FC60-4A44-4F16-AD64-6BFA7AB2E4E2}">
  <sheetPr codeName="Sheet7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5</v>
      </c>
      <c r="C5" s="31">
        <v>5</v>
      </c>
      <c r="D5" s="30">
        <v>10</v>
      </c>
    </row>
    <row r="6" spans="1:4" ht="18" customHeight="1" x14ac:dyDescent="0.15">
      <c r="A6" s="8">
        <v>1</v>
      </c>
      <c r="B6" s="26">
        <v>8</v>
      </c>
      <c r="C6" s="6">
        <v>5</v>
      </c>
      <c r="D6" s="5">
        <v>13</v>
      </c>
    </row>
    <row r="7" spans="1:4" ht="18" customHeight="1" x14ac:dyDescent="0.15">
      <c r="A7" s="8">
        <v>2</v>
      </c>
      <c r="B7" s="26">
        <v>6</v>
      </c>
      <c r="C7" s="6">
        <v>7</v>
      </c>
      <c r="D7" s="5">
        <v>13</v>
      </c>
    </row>
    <row r="8" spans="1:4" ht="18" customHeight="1" x14ac:dyDescent="0.15">
      <c r="A8" s="8">
        <v>3</v>
      </c>
      <c r="B8" s="26">
        <v>7</v>
      </c>
      <c r="C8" s="6">
        <v>11</v>
      </c>
      <c r="D8" s="5">
        <v>18</v>
      </c>
    </row>
    <row r="9" spans="1:4" ht="18" customHeight="1" x14ac:dyDescent="0.15">
      <c r="A9" s="8">
        <v>4</v>
      </c>
      <c r="B9" s="29">
        <v>10</v>
      </c>
      <c r="C9" s="28">
        <v>9</v>
      </c>
      <c r="D9" s="27">
        <v>19</v>
      </c>
    </row>
    <row r="10" spans="1:4" ht="18" customHeight="1" x14ac:dyDescent="0.15">
      <c r="A10" s="8" t="s">
        <v>25</v>
      </c>
      <c r="B10" s="21">
        <v>36</v>
      </c>
      <c r="C10" s="6">
        <v>37</v>
      </c>
      <c r="D10" s="5">
        <v>73</v>
      </c>
    </row>
    <row r="11" spans="1:4" ht="18" customHeight="1" x14ac:dyDescent="0.15">
      <c r="A11" s="8">
        <v>5</v>
      </c>
      <c r="B11" s="26">
        <v>9</v>
      </c>
      <c r="C11" s="6">
        <v>11</v>
      </c>
      <c r="D11" s="5">
        <v>20</v>
      </c>
    </row>
    <row r="12" spans="1:4" ht="18" customHeight="1" x14ac:dyDescent="0.15">
      <c r="A12" s="8">
        <v>6</v>
      </c>
      <c r="B12" s="26">
        <v>11</v>
      </c>
      <c r="C12" s="6">
        <v>9</v>
      </c>
      <c r="D12" s="5">
        <v>20</v>
      </c>
    </row>
    <row r="13" spans="1:4" ht="18" customHeight="1" x14ac:dyDescent="0.15">
      <c r="A13" s="8">
        <v>7</v>
      </c>
      <c r="B13" s="26">
        <v>14</v>
      </c>
      <c r="C13" s="6">
        <v>18</v>
      </c>
      <c r="D13" s="5">
        <v>32</v>
      </c>
    </row>
    <row r="14" spans="1:4" ht="18" customHeight="1" x14ac:dyDescent="0.15">
      <c r="A14" s="8">
        <v>8</v>
      </c>
      <c r="B14" s="26">
        <v>21</v>
      </c>
      <c r="C14" s="6">
        <v>16</v>
      </c>
      <c r="D14" s="5">
        <v>37</v>
      </c>
    </row>
    <row r="15" spans="1:4" ht="18" customHeight="1" x14ac:dyDescent="0.15">
      <c r="A15" s="8">
        <v>9</v>
      </c>
      <c r="B15" s="26">
        <v>21</v>
      </c>
      <c r="C15" s="6">
        <v>9</v>
      </c>
      <c r="D15" s="5">
        <v>30</v>
      </c>
    </row>
    <row r="16" spans="1:4" ht="18" customHeight="1" x14ac:dyDescent="0.15">
      <c r="A16" s="8" t="s">
        <v>24</v>
      </c>
      <c r="B16" s="21">
        <v>76</v>
      </c>
      <c r="C16" s="6">
        <v>63</v>
      </c>
      <c r="D16" s="5">
        <v>139</v>
      </c>
    </row>
    <row r="17" spans="1:4" ht="18" customHeight="1" x14ac:dyDescent="0.15">
      <c r="A17" s="8">
        <v>10</v>
      </c>
      <c r="B17" s="21">
        <v>11</v>
      </c>
      <c r="C17" s="6">
        <v>21</v>
      </c>
      <c r="D17" s="5">
        <v>32</v>
      </c>
    </row>
    <row r="18" spans="1:4" ht="18" customHeight="1" x14ac:dyDescent="0.15">
      <c r="A18" s="8">
        <v>11</v>
      </c>
      <c r="B18" s="21">
        <v>20</v>
      </c>
      <c r="C18" s="6">
        <v>12</v>
      </c>
      <c r="D18" s="5">
        <v>32</v>
      </c>
    </row>
    <row r="19" spans="1:4" ht="18" customHeight="1" x14ac:dyDescent="0.15">
      <c r="A19" s="8">
        <v>12</v>
      </c>
      <c r="B19" s="21">
        <v>18</v>
      </c>
      <c r="C19" s="6">
        <v>22</v>
      </c>
      <c r="D19" s="5">
        <v>40</v>
      </c>
    </row>
    <row r="20" spans="1:4" ht="18" customHeight="1" x14ac:dyDescent="0.15">
      <c r="A20" s="8">
        <v>13</v>
      </c>
      <c r="B20" s="21">
        <v>22</v>
      </c>
      <c r="C20" s="6">
        <v>14</v>
      </c>
      <c r="D20" s="5">
        <v>36</v>
      </c>
    </row>
    <row r="21" spans="1:4" ht="18" customHeight="1" x14ac:dyDescent="0.15">
      <c r="A21" s="8">
        <v>14</v>
      </c>
      <c r="B21" s="21">
        <v>26</v>
      </c>
      <c r="C21" s="6">
        <v>20</v>
      </c>
      <c r="D21" s="5">
        <v>46</v>
      </c>
    </row>
    <row r="22" spans="1:4" ht="18" customHeight="1" x14ac:dyDescent="0.15">
      <c r="A22" s="8" t="s">
        <v>23</v>
      </c>
      <c r="B22" s="21">
        <v>97</v>
      </c>
      <c r="C22" s="6">
        <v>89</v>
      </c>
      <c r="D22" s="5">
        <v>186</v>
      </c>
    </row>
    <row r="23" spans="1:4" ht="18" customHeight="1" x14ac:dyDescent="0.15">
      <c r="A23" s="8" t="s">
        <v>22</v>
      </c>
      <c r="B23" s="21">
        <v>209</v>
      </c>
      <c r="C23" s="6">
        <v>189</v>
      </c>
      <c r="D23" s="5">
        <v>398</v>
      </c>
    </row>
    <row r="24" spans="1:4" ht="18" customHeight="1" x14ac:dyDescent="0.15">
      <c r="A24" s="8">
        <v>15</v>
      </c>
      <c r="B24" s="21">
        <v>20</v>
      </c>
      <c r="C24" s="6">
        <v>13</v>
      </c>
      <c r="D24" s="5">
        <v>33</v>
      </c>
    </row>
    <row r="25" spans="1:4" ht="18" customHeight="1" x14ac:dyDescent="0.15">
      <c r="A25" s="8">
        <v>16</v>
      </c>
      <c r="B25" s="21">
        <v>28</v>
      </c>
      <c r="C25" s="6">
        <v>24</v>
      </c>
      <c r="D25" s="5">
        <v>52</v>
      </c>
    </row>
    <row r="26" spans="1:4" ht="18" customHeight="1" x14ac:dyDescent="0.15">
      <c r="A26" s="8">
        <v>17</v>
      </c>
      <c r="B26" s="21">
        <v>26</v>
      </c>
      <c r="C26" s="6">
        <v>25</v>
      </c>
      <c r="D26" s="5">
        <v>51</v>
      </c>
    </row>
    <row r="27" spans="1:4" ht="18" customHeight="1" x14ac:dyDescent="0.15">
      <c r="A27" s="8">
        <v>18</v>
      </c>
      <c r="B27" s="21">
        <v>24</v>
      </c>
      <c r="C27" s="6">
        <v>27</v>
      </c>
      <c r="D27" s="5">
        <v>51</v>
      </c>
    </row>
    <row r="28" spans="1:4" ht="18" customHeight="1" x14ac:dyDescent="0.15">
      <c r="A28" s="8">
        <v>19</v>
      </c>
      <c r="B28" s="21">
        <v>23</v>
      </c>
      <c r="C28" s="6">
        <v>19</v>
      </c>
      <c r="D28" s="5">
        <v>42</v>
      </c>
    </row>
    <row r="29" spans="1:4" ht="18" customHeight="1" x14ac:dyDescent="0.15">
      <c r="A29" s="8" t="s">
        <v>21</v>
      </c>
      <c r="B29" s="21">
        <v>121</v>
      </c>
      <c r="C29" s="6">
        <v>108</v>
      </c>
      <c r="D29" s="5">
        <v>229</v>
      </c>
    </row>
    <row r="30" spans="1:4" ht="18" customHeight="1" x14ac:dyDescent="0.15">
      <c r="A30" s="8">
        <v>20</v>
      </c>
      <c r="B30" s="21">
        <v>34</v>
      </c>
      <c r="C30" s="6">
        <v>26</v>
      </c>
      <c r="D30" s="5">
        <v>60</v>
      </c>
    </row>
    <row r="31" spans="1:4" ht="18" customHeight="1" x14ac:dyDescent="0.15">
      <c r="A31" s="8">
        <v>21</v>
      </c>
      <c r="B31" s="21">
        <v>30</v>
      </c>
      <c r="C31" s="6">
        <v>29</v>
      </c>
      <c r="D31" s="5">
        <v>59</v>
      </c>
    </row>
    <row r="32" spans="1:4" ht="18" customHeight="1" x14ac:dyDescent="0.15">
      <c r="A32" s="8">
        <v>22</v>
      </c>
      <c r="B32" s="21">
        <v>38</v>
      </c>
      <c r="C32" s="6">
        <v>25</v>
      </c>
      <c r="D32" s="5">
        <v>63</v>
      </c>
    </row>
    <row r="33" spans="1:4" ht="18" customHeight="1" x14ac:dyDescent="0.15">
      <c r="A33" s="8">
        <v>23</v>
      </c>
      <c r="B33" s="21">
        <v>23</v>
      </c>
      <c r="C33" s="6">
        <v>33</v>
      </c>
      <c r="D33" s="5">
        <v>56</v>
      </c>
    </row>
    <row r="34" spans="1:4" ht="18" customHeight="1" x14ac:dyDescent="0.15">
      <c r="A34" s="8">
        <v>24</v>
      </c>
      <c r="B34" s="21">
        <v>19</v>
      </c>
      <c r="C34" s="6">
        <v>26</v>
      </c>
      <c r="D34" s="5">
        <v>45</v>
      </c>
    </row>
    <row r="35" spans="1:4" ht="18" customHeight="1" x14ac:dyDescent="0.15">
      <c r="A35" s="8" t="s">
        <v>20</v>
      </c>
      <c r="B35" s="21">
        <v>144</v>
      </c>
      <c r="C35" s="6">
        <v>139</v>
      </c>
      <c r="D35" s="5">
        <v>283</v>
      </c>
    </row>
    <row r="36" spans="1:4" ht="18" customHeight="1" x14ac:dyDescent="0.15">
      <c r="A36" s="8">
        <v>25</v>
      </c>
      <c r="B36" s="21">
        <v>24</v>
      </c>
      <c r="C36" s="6">
        <v>16</v>
      </c>
      <c r="D36" s="5">
        <v>40</v>
      </c>
    </row>
    <row r="37" spans="1:4" ht="18" customHeight="1" x14ac:dyDescent="0.15">
      <c r="A37" s="8">
        <v>26</v>
      </c>
      <c r="B37" s="21">
        <v>26</v>
      </c>
      <c r="C37" s="6">
        <v>16</v>
      </c>
      <c r="D37" s="5">
        <v>42</v>
      </c>
    </row>
    <row r="38" spans="1:4" ht="18" customHeight="1" x14ac:dyDescent="0.15">
      <c r="A38" s="8">
        <v>27</v>
      </c>
      <c r="B38" s="21">
        <v>21</v>
      </c>
      <c r="C38" s="6">
        <v>24</v>
      </c>
      <c r="D38" s="5">
        <v>45</v>
      </c>
    </row>
    <row r="39" spans="1:4" ht="18" customHeight="1" x14ac:dyDescent="0.15">
      <c r="A39" s="8">
        <v>28</v>
      </c>
      <c r="B39" s="21">
        <v>22</v>
      </c>
      <c r="C39" s="6">
        <v>15</v>
      </c>
      <c r="D39" s="5">
        <v>37</v>
      </c>
    </row>
    <row r="40" spans="1:4" ht="18" customHeight="1" x14ac:dyDescent="0.15">
      <c r="A40" s="8">
        <v>29</v>
      </c>
      <c r="B40" s="21">
        <v>24</v>
      </c>
      <c r="C40" s="6">
        <v>11</v>
      </c>
      <c r="D40" s="5">
        <v>35</v>
      </c>
    </row>
    <row r="41" spans="1:4" ht="18" customHeight="1" x14ac:dyDescent="0.15">
      <c r="A41" s="8" t="s">
        <v>19</v>
      </c>
      <c r="B41" s="21">
        <v>117</v>
      </c>
      <c r="C41" s="6">
        <v>82</v>
      </c>
      <c r="D41" s="5">
        <v>199</v>
      </c>
    </row>
    <row r="42" spans="1:4" ht="18" customHeight="1" x14ac:dyDescent="0.15">
      <c r="A42" s="8">
        <v>30</v>
      </c>
      <c r="B42" s="21">
        <v>14</v>
      </c>
      <c r="C42" s="6">
        <v>20</v>
      </c>
      <c r="D42" s="5">
        <v>34</v>
      </c>
    </row>
    <row r="43" spans="1:4" ht="18" customHeight="1" x14ac:dyDescent="0.15">
      <c r="A43" s="8">
        <v>31</v>
      </c>
      <c r="B43" s="21">
        <v>17</v>
      </c>
      <c r="C43" s="6">
        <v>15</v>
      </c>
      <c r="D43" s="5">
        <v>32</v>
      </c>
    </row>
    <row r="44" spans="1:4" ht="18" customHeight="1" x14ac:dyDescent="0.15">
      <c r="A44" s="8">
        <v>32</v>
      </c>
      <c r="B44" s="21">
        <v>14</v>
      </c>
      <c r="C44" s="6">
        <v>16</v>
      </c>
      <c r="D44" s="5">
        <v>30</v>
      </c>
    </row>
    <row r="45" spans="1:4" ht="18" customHeight="1" x14ac:dyDescent="0.15">
      <c r="A45" s="8">
        <v>33</v>
      </c>
      <c r="B45" s="21">
        <v>12</v>
      </c>
      <c r="C45" s="6">
        <v>15</v>
      </c>
      <c r="D45" s="5">
        <v>27</v>
      </c>
    </row>
    <row r="46" spans="1:4" ht="18" customHeight="1" x14ac:dyDescent="0.15">
      <c r="A46" s="8">
        <v>34</v>
      </c>
      <c r="B46" s="21">
        <v>11</v>
      </c>
      <c r="C46" s="6">
        <v>6</v>
      </c>
      <c r="D46" s="5">
        <v>17</v>
      </c>
    </row>
    <row r="47" spans="1:4" ht="18" customHeight="1" x14ac:dyDescent="0.15">
      <c r="A47" s="8" t="s">
        <v>18</v>
      </c>
      <c r="B47" s="21">
        <v>68</v>
      </c>
      <c r="C47" s="6">
        <v>72</v>
      </c>
      <c r="D47" s="5">
        <v>140</v>
      </c>
    </row>
    <row r="48" spans="1:4" ht="18" customHeight="1" x14ac:dyDescent="0.15">
      <c r="A48" s="8">
        <v>35</v>
      </c>
      <c r="B48" s="21">
        <v>10</v>
      </c>
      <c r="C48" s="6">
        <v>18</v>
      </c>
      <c r="D48" s="5">
        <v>28</v>
      </c>
    </row>
    <row r="49" spans="1:4" ht="18" customHeight="1" x14ac:dyDescent="0.15">
      <c r="A49" s="8">
        <v>36</v>
      </c>
      <c r="B49" s="21">
        <v>24</v>
      </c>
      <c r="C49" s="6">
        <v>16</v>
      </c>
      <c r="D49" s="5">
        <v>40</v>
      </c>
    </row>
    <row r="50" spans="1:4" ht="18" customHeight="1" x14ac:dyDescent="0.15">
      <c r="A50" s="8">
        <v>37</v>
      </c>
      <c r="B50" s="21">
        <v>21</v>
      </c>
      <c r="C50" s="6">
        <v>17</v>
      </c>
      <c r="D50" s="5">
        <v>38</v>
      </c>
    </row>
    <row r="51" spans="1:4" ht="18" customHeight="1" x14ac:dyDescent="0.15">
      <c r="A51" s="8">
        <v>38</v>
      </c>
      <c r="B51" s="21">
        <v>17</v>
      </c>
      <c r="C51" s="6">
        <v>15</v>
      </c>
      <c r="D51" s="5">
        <v>32</v>
      </c>
    </row>
    <row r="52" spans="1:4" ht="18" customHeight="1" x14ac:dyDescent="0.15">
      <c r="A52" s="8">
        <v>39</v>
      </c>
      <c r="B52" s="21">
        <v>14</v>
      </c>
      <c r="C52" s="6">
        <v>11</v>
      </c>
      <c r="D52" s="5">
        <v>25</v>
      </c>
    </row>
    <row r="53" spans="1:4" ht="18" customHeight="1" x14ac:dyDescent="0.15">
      <c r="A53" s="8" t="s">
        <v>17</v>
      </c>
      <c r="B53" s="21">
        <v>86</v>
      </c>
      <c r="C53" s="6">
        <v>77</v>
      </c>
      <c r="D53" s="5">
        <v>163</v>
      </c>
    </row>
    <row r="54" spans="1:4" ht="18" customHeight="1" x14ac:dyDescent="0.15">
      <c r="A54" s="8">
        <v>40</v>
      </c>
      <c r="B54" s="21">
        <v>18</v>
      </c>
      <c r="C54" s="6">
        <v>15</v>
      </c>
      <c r="D54" s="5">
        <v>33</v>
      </c>
    </row>
    <row r="55" spans="1:4" ht="18" customHeight="1" x14ac:dyDescent="0.15">
      <c r="A55" s="8">
        <v>41</v>
      </c>
      <c r="B55" s="21">
        <v>22</v>
      </c>
      <c r="C55" s="6">
        <v>21</v>
      </c>
      <c r="D55" s="5">
        <v>43</v>
      </c>
    </row>
    <row r="56" spans="1:4" ht="18" customHeight="1" x14ac:dyDescent="0.15">
      <c r="A56" s="8">
        <v>42</v>
      </c>
      <c r="B56" s="21">
        <v>26</v>
      </c>
      <c r="C56" s="6">
        <v>29</v>
      </c>
      <c r="D56" s="5">
        <v>55</v>
      </c>
    </row>
    <row r="57" spans="1:4" ht="18" customHeight="1" x14ac:dyDescent="0.15">
      <c r="A57" s="8">
        <v>43</v>
      </c>
      <c r="B57" s="21">
        <v>19</v>
      </c>
      <c r="C57" s="6">
        <v>25</v>
      </c>
      <c r="D57" s="5">
        <v>44</v>
      </c>
    </row>
    <row r="58" spans="1:4" ht="18" customHeight="1" x14ac:dyDescent="0.15">
      <c r="A58" s="8">
        <v>44</v>
      </c>
      <c r="B58" s="21">
        <v>19</v>
      </c>
      <c r="C58" s="6">
        <v>31</v>
      </c>
      <c r="D58" s="5">
        <v>50</v>
      </c>
    </row>
    <row r="59" spans="1:4" ht="18" customHeight="1" x14ac:dyDescent="0.15">
      <c r="A59" s="8" t="s">
        <v>16</v>
      </c>
      <c r="B59" s="21">
        <v>104</v>
      </c>
      <c r="C59" s="6">
        <v>121</v>
      </c>
      <c r="D59" s="5">
        <v>225</v>
      </c>
    </row>
    <row r="60" spans="1:4" ht="18" customHeight="1" x14ac:dyDescent="0.15">
      <c r="A60" s="8">
        <v>45</v>
      </c>
      <c r="B60" s="21">
        <v>28</v>
      </c>
      <c r="C60" s="6">
        <v>23</v>
      </c>
      <c r="D60" s="5">
        <v>51</v>
      </c>
    </row>
    <row r="61" spans="1:4" ht="18" customHeight="1" x14ac:dyDescent="0.15">
      <c r="A61" s="8">
        <v>46</v>
      </c>
      <c r="B61" s="21">
        <v>34</v>
      </c>
      <c r="C61" s="6">
        <v>32</v>
      </c>
      <c r="D61" s="5">
        <v>66</v>
      </c>
    </row>
    <row r="62" spans="1:4" ht="18" customHeight="1" x14ac:dyDescent="0.15">
      <c r="A62" s="8">
        <v>47</v>
      </c>
      <c r="B62" s="21">
        <v>36</v>
      </c>
      <c r="C62" s="6">
        <v>31</v>
      </c>
      <c r="D62" s="5">
        <v>67</v>
      </c>
    </row>
    <row r="63" spans="1:4" ht="18" customHeight="1" x14ac:dyDescent="0.15">
      <c r="A63" s="8">
        <v>48</v>
      </c>
      <c r="B63" s="21">
        <v>34</v>
      </c>
      <c r="C63" s="6">
        <v>35</v>
      </c>
      <c r="D63" s="5">
        <v>69</v>
      </c>
    </row>
    <row r="64" spans="1:4" ht="18" customHeight="1" x14ac:dyDescent="0.15">
      <c r="A64" s="8">
        <v>49</v>
      </c>
      <c r="B64" s="21">
        <v>46</v>
      </c>
      <c r="C64" s="6">
        <v>34</v>
      </c>
      <c r="D64" s="5">
        <v>80</v>
      </c>
    </row>
    <row r="65" spans="1:4" ht="18" customHeight="1" x14ac:dyDescent="0.15">
      <c r="A65" s="8" t="s">
        <v>15</v>
      </c>
      <c r="B65" s="21">
        <v>178</v>
      </c>
      <c r="C65" s="6">
        <v>155</v>
      </c>
      <c r="D65" s="5">
        <v>333</v>
      </c>
    </row>
    <row r="66" spans="1:4" ht="18" customHeight="1" x14ac:dyDescent="0.15">
      <c r="A66" s="8">
        <v>50</v>
      </c>
      <c r="B66" s="21">
        <v>42</v>
      </c>
      <c r="C66" s="6">
        <v>39</v>
      </c>
      <c r="D66" s="5">
        <v>81</v>
      </c>
    </row>
    <row r="67" spans="1:4" ht="18" customHeight="1" x14ac:dyDescent="0.15">
      <c r="A67" s="8">
        <v>51</v>
      </c>
      <c r="B67" s="21">
        <v>54</v>
      </c>
      <c r="C67" s="6">
        <v>52</v>
      </c>
      <c r="D67" s="5">
        <v>106</v>
      </c>
    </row>
    <row r="68" spans="1:4" ht="18" customHeight="1" x14ac:dyDescent="0.15">
      <c r="A68" s="8">
        <v>52</v>
      </c>
      <c r="B68" s="21">
        <v>47</v>
      </c>
      <c r="C68" s="6">
        <v>56</v>
      </c>
      <c r="D68" s="5">
        <v>103</v>
      </c>
    </row>
    <row r="69" spans="1:4" ht="18" customHeight="1" x14ac:dyDescent="0.15">
      <c r="A69" s="8">
        <v>53</v>
      </c>
      <c r="B69" s="21">
        <v>49</v>
      </c>
      <c r="C69" s="6">
        <v>55</v>
      </c>
      <c r="D69" s="5">
        <v>104</v>
      </c>
    </row>
    <row r="70" spans="1:4" ht="18" customHeight="1" x14ac:dyDescent="0.15">
      <c r="A70" s="8">
        <v>54</v>
      </c>
      <c r="B70" s="21">
        <v>52</v>
      </c>
      <c r="C70" s="6">
        <v>56</v>
      </c>
      <c r="D70" s="5">
        <v>108</v>
      </c>
    </row>
    <row r="71" spans="1:4" ht="18" customHeight="1" x14ac:dyDescent="0.15">
      <c r="A71" s="8" t="s">
        <v>14</v>
      </c>
      <c r="B71" s="21">
        <v>244</v>
      </c>
      <c r="C71" s="6">
        <v>258</v>
      </c>
      <c r="D71" s="5">
        <v>502</v>
      </c>
    </row>
    <row r="72" spans="1:4" ht="18" customHeight="1" x14ac:dyDescent="0.15">
      <c r="A72" s="8">
        <v>55</v>
      </c>
      <c r="B72" s="21">
        <v>39</v>
      </c>
      <c r="C72" s="6">
        <v>54</v>
      </c>
      <c r="D72" s="5">
        <v>93</v>
      </c>
    </row>
    <row r="73" spans="1:4" ht="18" customHeight="1" x14ac:dyDescent="0.15">
      <c r="A73" s="8">
        <v>56</v>
      </c>
      <c r="B73" s="21">
        <v>50</v>
      </c>
      <c r="C73" s="6">
        <v>34</v>
      </c>
      <c r="D73" s="5">
        <v>84</v>
      </c>
    </row>
    <row r="74" spans="1:4" ht="18" customHeight="1" x14ac:dyDescent="0.15">
      <c r="A74" s="8">
        <v>57</v>
      </c>
      <c r="B74" s="21">
        <v>46</v>
      </c>
      <c r="C74" s="6">
        <v>45</v>
      </c>
      <c r="D74" s="5">
        <v>91</v>
      </c>
    </row>
    <row r="75" spans="1:4" ht="18" customHeight="1" x14ac:dyDescent="0.15">
      <c r="A75" s="8">
        <v>58</v>
      </c>
      <c r="B75" s="21">
        <v>43</v>
      </c>
      <c r="C75" s="6">
        <v>37</v>
      </c>
      <c r="D75" s="5">
        <v>80</v>
      </c>
    </row>
    <row r="76" spans="1:4" ht="18" customHeight="1" x14ac:dyDescent="0.15">
      <c r="A76" s="8">
        <v>59</v>
      </c>
      <c r="B76" s="21">
        <v>33</v>
      </c>
      <c r="C76" s="6">
        <v>27</v>
      </c>
      <c r="D76" s="5">
        <v>60</v>
      </c>
    </row>
    <row r="77" spans="1:4" ht="18" customHeight="1" x14ac:dyDescent="0.15">
      <c r="A77" s="8" t="s">
        <v>13</v>
      </c>
      <c r="B77" s="21">
        <v>211</v>
      </c>
      <c r="C77" s="6">
        <v>197</v>
      </c>
      <c r="D77" s="5">
        <v>408</v>
      </c>
    </row>
    <row r="78" spans="1:4" ht="18" customHeight="1" x14ac:dyDescent="0.15">
      <c r="A78" s="8">
        <v>60</v>
      </c>
      <c r="B78" s="21">
        <v>31</v>
      </c>
      <c r="C78" s="6">
        <v>28</v>
      </c>
      <c r="D78" s="5">
        <v>59</v>
      </c>
    </row>
    <row r="79" spans="1:4" ht="18" customHeight="1" x14ac:dyDescent="0.15">
      <c r="A79" s="8">
        <v>61</v>
      </c>
      <c r="B79" s="21">
        <v>27</v>
      </c>
      <c r="C79" s="6">
        <v>28</v>
      </c>
      <c r="D79" s="5">
        <v>55</v>
      </c>
    </row>
    <row r="80" spans="1:4" ht="18" customHeight="1" x14ac:dyDescent="0.15">
      <c r="A80" s="8">
        <v>62</v>
      </c>
      <c r="B80" s="21">
        <v>46</v>
      </c>
      <c r="C80" s="6">
        <v>34</v>
      </c>
      <c r="D80" s="5">
        <v>80</v>
      </c>
    </row>
    <row r="81" spans="1:4" ht="18" customHeight="1" x14ac:dyDescent="0.15">
      <c r="A81" s="8">
        <v>63</v>
      </c>
      <c r="B81" s="21">
        <v>34</v>
      </c>
      <c r="C81" s="6">
        <v>32</v>
      </c>
      <c r="D81" s="5">
        <v>66</v>
      </c>
    </row>
    <row r="82" spans="1:4" ht="18" customHeight="1" x14ac:dyDescent="0.15">
      <c r="A82" s="8">
        <v>64</v>
      </c>
      <c r="B82" s="21">
        <v>24</v>
      </c>
      <c r="C82" s="6">
        <v>33</v>
      </c>
      <c r="D82" s="5">
        <v>57</v>
      </c>
    </row>
    <row r="83" spans="1:4" ht="18" customHeight="1" x14ac:dyDescent="0.15">
      <c r="A83" s="8" t="s">
        <v>12</v>
      </c>
      <c r="B83" s="21">
        <v>162</v>
      </c>
      <c r="C83" s="6">
        <v>155</v>
      </c>
      <c r="D83" s="5">
        <v>317</v>
      </c>
    </row>
    <row r="84" spans="1:4" ht="18" customHeight="1" x14ac:dyDescent="0.15">
      <c r="A84" s="8" t="s">
        <v>11</v>
      </c>
      <c r="B84" s="21">
        <v>1435</v>
      </c>
      <c r="C84" s="6">
        <v>1364</v>
      </c>
      <c r="D84" s="5">
        <v>2799</v>
      </c>
    </row>
    <row r="85" spans="1:4" ht="18" customHeight="1" x14ac:dyDescent="0.15">
      <c r="A85" s="8">
        <v>65</v>
      </c>
      <c r="B85" s="21">
        <v>28</v>
      </c>
      <c r="C85" s="6">
        <v>32</v>
      </c>
      <c r="D85" s="5">
        <v>60</v>
      </c>
    </row>
    <row r="86" spans="1:4" ht="18" customHeight="1" x14ac:dyDescent="0.15">
      <c r="A86" s="8">
        <v>66</v>
      </c>
      <c r="B86" s="21">
        <v>25</v>
      </c>
      <c r="C86" s="6">
        <v>29</v>
      </c>
      <c r="D86" s="5">
        <v>54</v>
      </c>
    </row>
    <row r="87" spans="1:4" ht="18" customHeight="1" x14ac:dyDescent="0.15">
      <c r="A87" s="8">
        <v>67</v>
      </c>
      <c r="B87" s="21">
        <v>33</v>
      </c>
      <c r="C87" s="6">
        <v>29</v>
      </c>
      <c r="D87" s="5">
        <v>62</v>
      </c>
    </row>
    <row r="88" spans="1:4" ht="18" customHeight="1" x14ac:dyDescent="0.15">
      <c r="A88" s="8">
        <v>68</v>
      </c>
      <c r="B88" s="21">
        <v>30</v>
      </c>
      <c r="C88" s="6">
        <v>26</v>
      </c>
      <c r="D88" s="5">
        <v>56</v>
      </c>
    </row>
    <row r="89" spans="1:4" ht="18" customHeight="1" x14ac:dyDescent="0.15">
      <c r="A89" s="8">
        <v>69</v>
      </c>
      <c r="B89" s="21">
        <v>29</v>
      </c>
      <c r="C89" s="6">
        <v>29</v>
      </c>
      <c r="D89" s="5">
        <v>58</v>
      </c>
    </row>
    <row r="90" spans="1:4" ht="18" customHeight="1" x14ac:dyDescent="0.15">
      <c r="A90" s="8" t="s">
        <v>10</v>
      </c>
      <c r="B90" s="21">
        <v>145</v>
      </c>
      <c r="C90" s="6">
        <v>145</v>
      </c>
      <c r="D90" s="5">
        <v>290</v>
      </c>
    </row>
    <row r="91" spans="1:4" ht="18" customHeight="1" x14ac:dyDescent="0.15">
      <c r="A91" s="8">
        <v>70</v>
      </c>
      <c r="B91" s="21">
        <v>34</v>
      </c>
      <c r="C91" s="6">
        <v>32</v>
      </c>
      <c r="D91" s="5">
        <v>66</v>
      </c>
    </row>
    <row r="92" spans="1:4" ht="18" customHeight="1" x14ac:dyDescent="0.15">
      <c r="A92" s="8">
        <v>71</v>
      </c>
      <c r="B92" s="21">
        <v>34</v>
      </c>
      <c r="C92" s="6">
        <v>31</v>
      </c>
      <c r="D92" s="5">
        <v>65</v>
      </c>
    </row>
    <row r="93" spans="1:4" ht="18" customHeight="1" x14ac:dyDescent="0.15">
      <c r="A93" s="8">
        <v>72</v>
      </c>
      <c r="B93" s="21">
        <v>33</v>
      </c>
      <c r="C93" s="6">
        <v>38</v>
      </c>
      <c r="D93" s="5">
        <v>71</v>
      </c>
    </row>
    <row r="94" spans="1:4" ht="18" customHeight="1" x14ac:dyDescent="0.15">
      <c r="A94" s="8">
        <v>73</v>
      </c>
      <c r="B94" s="21">
        <v>30</v>
      </c>
      <c r="C94" s="6">
        <v>23</v>
      </c>
      <c r="D94" s="5">
        <v>53</v>
      </c>
    </row>
    <row r="95" spans="1:4" ht="18" customHeight="1" x14ac:dyDescent="0.15">
      <c r="A95" s="8">
        <v>74</v>
      </c>
      <c r="B95" s="21">
        <v>30</v>
      </c>
      <c r="C95" s="6">
        <v>39</v>
      </c>
      <c r="D95" s="5">
        <v>69</v>
      </c>
    </row>
    <row r="96" spans="1:4" ht="18" customHeight="1" x14ac:dyDescent="0.15">
      <c r="A96" s="8" t="s">
        <v>9</v>
      </c>
      <c r="B96" s="21">
        <v>161</v>
      </c>
      <c r="C96" s="6">
        <v>163</v>
      </c>
      <c r="D96" s="5">
        <v>324</v>
      </c>
    </row>
    <row r="97" spans="1:4" ht="18" customHeight="1" x14ac:dyDescent="0.15">
      <c r="A97" s="8">
        <v>75</v>
      </c>
      <c r="B97" s="21">
        <v>32</v>
      </c>
      <c r="C97" s="6">
        <v>37</v>
      </c>
      <c r="D97" s="5">
        <v>69</v>
      </c>
    </row>
    <row r="98" spans="1:4" ht="18" customHeight="1" x14ac:dyDescent="0.15">
      <c r="A98" s="8">
        <v>76</v>
      </c>
      <c r="B98" s="21">
        <v>32</v>
      </c>
      <c r="C98" s="6">
        <v>40</v>
      </c>
      <c r="D98" s="5">
        <v>72</v>
      </c>
    </row>
    <row r="99" spans="1:4" ht="18" customHeight="1" x14ac:dyDescent="0.15">
      <c r="A99" s="8">
        <v>77</v>
      </c>
      <c r="B99" s="21">
        <v>39</v>
      </c>
      <c r="C99" s="6">
        <v>50</v>
      </c>
      <c r="D99" s="5">
        <v>89</v>
      </c>
    </row>
    <row r="100" spans="1:4" ht="18" customHeight="1" x14ac:dyDescent="0.15">
      <c r="A100" s="8">
        <v>78</v>
      </c>
      <c r="B100" s="21">
        <v>39</v>
      </c>
      <c r="C100" s="6">
        <v>55</v>
      </c>
      <c r="D100" s="5">
        <v>94</v>
      </c>
    </row>
    <row r="101" spans="1:4" ht="18" customHeight="1" x14ac:dyDescent="0.15">
      <c r="A101" s="8">
        <v>79</v>
      </c>
      <c r="B101" s="21">
        <v>21</v>
      </c>
      <c r="C101" s="6">
        <v>25</v>
      </c>
      <c r="D101" s="5">
        <v>46</v>
      </c>
    </row>
    <row r="102" spans="1:4" ht="18" customHeight="1" x14ac:dyDescent="0.15">
      <c r="A102" s="8" t="s">
        <v>8</v>
      </c>
      <c r="B102" s="21">
        <v>163</v>
      </c>
      <c r="C102" s="6">
        <v>207</v>
      </c>
      <c r="D102" s="5">
        <v>370</v>
      </c>
    </row>
    <row r="103" spans="1:4" ht="18" customHeight="1" x14ac:dyDescent="0.15">
      <c r="A103" s="8">
        <v>80</v>
      </c>
      <c r="B103" s="21">
        <v>17</v>
      </c>
      <c r="C103" s="6">
        <v>23</v>
      </c>
      <c r="D103" s="5">
        <v>40</v>
      </c>
    </row>
    <row r="104" spans="1:4" ht="18" customHeight="1" x14ac:dyDescent="0.15">
      <c r="A104" s="8">
        <v>81</v>
      </c>
      <c r="B104" s="21">
        <v>21</v>
      </c>
      <c r="C104" s="6">
        <v>37</v>
      </c>
      <c r="D104" s="5">
        <v>58</v>
      </c>
    </row>
    <row r="105" spans="1:4" ht="18" customHeight="1" x14ac:dyDescent="0.15">
      <c r="A105" s="8">
        <v>82</v>
      </c>
      <c r="B105" s="21">
        <v>20</v>
      </c>
      <c r="C105" s="6">
        <v>23</v>
      </c>
      <c r="D105" s="5">
        <v>43</v>
      </c>
    </row>
    <row r="106" spans="1:4" ht="18" customHeight="1" x14ac:dyDescent="0.15">
      <c r="A106" s="8">
        <v>83</v>
      </c>
      <c r="B106" s="21">
        <v>16</v>
      </c>
      <c r="C106" s="6">
        <v>18</v>
      </c>
      <c r="D106" s="5">
        <v>34</v>
      </c>
    </row>
    <row r="107" spans="1:4" ht="18" customHeight="1" x14ac:dyDescent="0.15">
      <c r="A107" s="8">
        <v>84</v>
      </c>
      <c r="B107" s="21">
        <v>12</v>
      </c>
      <c r="C107" s="6">
        <v>25</v>
      </c>
      <c r="D107" s="5">
        <v>37</v>
      </c>
    </row>
    <row r="108" spans="1:4" ht="18" customHeight="1" x14ac:dyDescent="0.15">
      <c r="A108" s="8" t="s">
        <v>7</v>
      </c>
      <c r="B108" s="21">
        <v>86</v>
      </c>
      <c r="C108" s="6">
        <v>126</v>
      </c>
      <c r="D108" s="5">
        <v>212</v>
      </c>
    </row>
    <row r="109" spans="1:4" ht="18" customHeight="1" x14ac:dyDescent="0.15">
      <c r="A109" s="8">
        <v>85</v>
      </c>
      <c r="B109" s="21">
        <v>14</v>
      </c>
      <c r="C109" s="6">
        <v>20</v>
      </c>
      <c r="D109" s="5">
        <v>34</v>
      </c>
    </row>
    <row r="110" spans="1:4" ht="18" customHeight="1" x14ac:dyDescent="0.15">
      <c r="A110" s="8">
        <v>86</v>
      </c>
      <c r="B110" s="21">
        <v>6</v>
      </c>
      <c r="C110" s="6">
        <v>21</v>
      </c>
      <c r="D110" s="5">
        <v>27</v>
      </c>
    </row>
    <row r="111" spans="1:4" ht="18" customHeight="1" x14ac:dyDescent="0.15">
      <c r="A111" s="8">
        <v>87</v>
      </c>
      <c r="B111" s="21">
        <v>11</v>
      </c>
      <c r="C111" s="6">
        <v>14</v>
      </c>
      <c r="D111" s="5">
        <v>25</v>
      </c>
    </row>
    <row r="112" spans="1:4" ht="18" customHeight="1" x14ac:dyDescent="0.15">
      <c r="A112" s="8">
        <v>88</v>
      </c>
      <c r="B112" s="21">
        <v>6</v>
      </c>
      <c r="C112" s="6">
        <v>12</v>
      </c>
      <c r="D112" s="5">
        <v>18</v>
      </c>
    </row>
    <row r="113" spans="1:4" ht="18" customHeight="1" x14ac:dyDescent="0.15">
      <c r="A113" s="8">
        <v>89</v>
      </c>
      <c r="B113" s="21">
        <v>9</v>
      </c>
      <c r="C113" s="6">
        <v>20</v>
      </c>
      <c r="D113" s="5">
        <v>29</v>
      </c>
    </row>
    <row r="114" spans="1:4" ht="18" customHeight="1" x14ac:dyDescent="0.15">
      <c r="A114" s="8" t="s">
        <v>6</v>
      </c>
      <c r="B114" s="21">
        <v>46</v>
      </c>
      <c r="C114" s="6">
        <v>87</v>
      </c>
      <c r="D114" s="5">
        <v>133</v>
      </c>
    </row>
    <row r="115" spans="1:4" ht="18" customHeight="1" x14ac:dyDescent="0.15">
      <c r="A115" s="8">
        <v>90</v>
      </c>
      <c r="B115" s="21">
        <v>6</v>
      </c>
      <c r="C115" s="6">
        <v>9</v>
      </c>
      <c r="D115" s="5">
        <v>15</v>
      </c>
    </row>
    <row r="116" spans="1:4" ht="18" customHeight="1" x14ac:dyDescent="0.15">
      <c r="A116" s="8">
        <v>91</v>
      </c>
      <c r="B116" s="21">
        <v>3</v>
      </c>
      <c r="C116" s="6">
        <v>11</v>
      </c>
      <c r="D116" s="5">
        <v>14</v>
      </c>
    </row>
    <row r="117" spans="1:4" ht="18" customHeight="1" x14ac:dyDescent="0.15">
      <c r="A117" s="8">
        <v>92</v>
      </c>
      <c r="B117" s="21">
        <v>3</v>
      </c>
      <c r="C117" s="6">
        <v>12</v>
      </c>
      <c r="D117" s="5">
        <v>15</v>
      </c>
    </row>
    <row r="118" spans="1:4" ht="18" customHeight="1" x14ac:dyDescent="0.15">
      <c r="A118" s="8">
        <v>93</v>
      </c>
      <c r="B118" s="21">
        <v>2</v>
      </c>
      <c r="C118" s="6">
        <v>9</v>
      </c>
      <c r="D118" s="5">
        <v>11</v>
      </c>
    </row>
    <row r="119" spans="1:4" ht="18" customHeight="1" x14ac:dyDescent="0.15">
      <c r="A119" s="8">
        <v>94</v>
      </c>
      <c r="B119" s="21">
        <v>1</v>
      </c>
      <c r="C119" s="6">
        <v>6</v>
      </c>
      <c r="D119" s="5">
        <v>7</v>
      </c>
    </row>
    <row r="120" spans="1:4" ht="18" customHeight="1" x14ac:dyDescent="0.15">
      <c r="A120" s="8" t="s">
        <v>5</v>
      </c>
      <c r="B120" s="21">
        <v>15</v>
      </c>
      <c r="C120" s="6">
        <v>47</v>
      </c>
      <c r="D120" s="5">
        <v>62</v>
      </c>
    </row>
    <row r="121" spans="1:4" ht="18" customHeight="1" x14ac:dyDescent="0.15">
      <c r="A121" s="8">
        <v>95</v>
      </c>
      <c r="B121" s="21">
        <v>2</v>
      </c>
      <c r="C121" s="6">
        <v>1</v>
      </c>
      <c r="D121" s="5">
        <v>3</v>
      </c>
    </row>
    <row r="122" spans="1:4" ht="18" customHeight="1" x14ac:dyDescent="0.15">
      <c r="A122" s="8">
        <v>96</v>
      </c>
      <c r="B122" s="21">
        <v>0</v>
      </c>
      <c r="C122" s="6">
        <v>8</v>
      </c>
      <c r="D122" s="5">
        <v>8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4</v>
      </c>
      <c r="C126" s="6">
        <v>17</v>
      </c>
      <c r="D126" s="5">
        <v>21</v>
      </c>
    </row>
    <row r="127" spans="1:4" ht="18" customHeight="1" x14ac:dyDescent="0.15">
      <c r="A127" s="8">
        <v>100</v>
      </c>
      <c r="B127" s="21">
        <v>0</v>
      </c>
      <c r="C127" s="6">
        <v>4</v>
      </c>
      <c r="D127" s="5">
        <v>4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8</v>
      </c>
      <c r="D129" s="5">
        <v>8</v>
      </c>
    </row>
    <row r="130" spans="1:4" ht="18" customHeight="1" x14ac:dyDescent="0.15">
      <c r="A130" s="8" t="s">
        <v>1</v>
      </c>
      <c r="B130" s="21">
        <v>620</v>
      </c>
      <c r="C130" s="6">
        <v>800</v>
      </c>
      <c r="D130" s="5">
        <v>1420</v>
      </c>
    </row>
    <row r="131" spans="1:4" ht="18" customHeight="1" x14ac:dyDescent="0.15">
      <c r="A131" s="4" t="s">
        <v>0</v>
      </c>
      <c r="B131" s="20">
        <v>2264</v>
      </c>
      <c r="C131" s="2">
        <v>2353</v>
      </c>
      <c r="D131" s="1">
        <v>46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7610A3-5D6F-432B-A1D3-39BB4EC73A8A}">
  <sheetPr codeName="Sheet7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0</v>
      </c>
      <c r="D5" s="30">
        <v>2</v>
      </c>
    </row>
    <row r="6" spans="1:4" ht="18" customHeight="1" x14ac:dyDescent="0.15">
      <c r="A6" s="8">
        <v>1</v>
      </c>
      <c r="B6" s="26">
        <v>2</v>
      </c>
      <c r="C6" s="6">
        <v>0</v>
      </c>
      <c r="D6" s="5">
        <v>2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1</v>
      </c>
      <c r="D8" s="5">
        <v>1</v>
      </c>
    </row>
    <row r="9" spans="1:4" ht="18" customHeight="1" x14ac:dyDescent="0.15">
      <c r="A9" s="8">
        <v>4</v>
      </c>
      <c r="B9" s="29">
        <v>1</v>
      </c>
      <c r="C9" s="28">
        <v>4</v>
      </c>
      <c r="D9" s="27">
        <v>5</v>
      </c>
    </row>
    <row r="10" spans="1:4" ht="18" customHeight="1" x14ac:dyDescent="0.15">
      <c r="A10" s="8" t="s">
        <v>25</v>
      </c>
      <c r="B10" s="21">
        <v>5</v>
      </c>
      <c r="C10" s="6">
        <v>5</v>
      </c>
      <c r="D10" s="5">
        <v>10</v>
      </c>
    </row>
    <row r="11" spans="1:4" ht="18" customHeight="1" x14ac:dyDescent="0.15">
      <c r="A11" s="8">
        <v>5</v>
      </c>
      <c r="B11" s="26">
        <v>1</v>
      </c>
      <c r="C11" s="6">
        <v>0</v>
      </c>
      <c r="D11" s="5">
        <v>1</v>
      </c>
    </row>
    <row r="12" spans="1:4" ht="18" customHeight="1" x14ac:dyDescent="0.15">
      <c r="A12" s="8">
        <v>6</v>
      </c>
      <c r="B12" s="26">
        <v>1</v>
      </c>
      <c r="C12" s="6">
        <v>1</v>
      </c>
      <c r="D12" s="5">
        <v>2</v>
      </c>
    </row>
    <row r="13" spans="1:4" ht="18" customHeight="1" x14ac:dyDescent="0.15">
      <c r="A13" s="8">
        <v>7</v>
      </c>
      <c r="B13" s="26">
        <v>1</v>
      </c>
      <c r="C13" s="6">
        <v>1</v>
      </c>
      <c r="D13" s="5">
        <v>2</v>
      </c>
    </row>
    <row r="14" spans="1:4" ht="18" customHeight="1" x14ac:dyDescent="0.15">
      <c r="A14" s="8">
        <v>8</v>
      </c>
      <c r="B14" s="26">
        <v>6</v>
      </c>
      <c r="C14" s="6">
        <v>3</v>
      </c>
      <c r="D14" s="5">
        <v>9</v>
      </c>
    </row>
    <row r="15" spans="1:4" ht="18" customHeight="1" x14ac:dyDescent="0.15">
      <c r="A15" s="8">
        <v>9</v>
      </c>
      <c r="B15" s="26">
        <v>2</v>
      </c>
      <c r="C15" s="6">
        <v>2</v>
      </c>
      <c r="D15" s="5">
        <v>4</v>
      </c>
    </row>
    <row r="16" spans="1:4" ht="18" customHeight="1" x14ac:dyDescent="0.15">
      <c r="A16" s="8" t="s">
        <v>24</v>
      </c>
      <c r="B16" s="21">
        <v>11</v>
      </c>
      <c r="C16" s="6">
        <v>7</v>
      </c>
      <c r="D16" s="5">
        <v>18</v>
      </c>
    </row>
    <row r="17" spans="1:4" ht="18" customHeight="1" x14ac:dyDescent="0.15">
      <c r="A17" s="8">
        <v>10</v>
      </c>
      <c r="B17" s="21">
        <v>4</v>
      </c>
      <c r="C17" s="6">
        <v>4</v>
      </c>
      <c r="D17" s="5">
        <v>8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2</v>
      </c>
      <c r="C19" s="6">
        <v>3</v>
      </c>
      <c r="D19" s="5">
        <v>5</v>
      </c>
    </row>
    <row r="20" spans="1:4" ht="18" customHeight="1" x14ac:dyDescent="0.15">
      <c r="A20" s="8">
        <v>13</v>
      </c>
      <c r="B20" s="21">
        <v>3</v>
      </c>
      <c r="C20" s="6">
        <v>2</v>
      </c>
      <c r="D20" s="5">
        <v>5</v>
      </c>
    </row>
    <row r="21" spans="1:4" ht="18" customHeight="1" x14ac:dyDescent="0.15">
      <c r="A21" s="8">
        <v>14</v>
      </c>
      <c r="B21" s="21">
        <v>1</v>
      </c>
      <c r="C21" s="6">
        <v>3</v>
      </c>
      <c r="D21" s="5">
        <v>4</v>
      </c>
    </row>
    <row r="22" spans="1:4" ht="18" customHeight="1" x14ac:dyDescent="0.15">
      <c r="A22" s="8" t="s">
        <v>23</v>
      </c>
      <c r="B22" s="21">
        <v>10</v>
      </c>
      <c r="C22" s="6">
        <v>12</v>
      </c>
      <c r="D22" s="5">
        <v>22</v>
      </c>
    </row>
    <row r="23" spans="1:4" ht="18" customHeight="1" x14ac:dyDescent="0.15">
      <c r="A23" s="8" t="s">
        <v>22</v>
      </c>
      <c r="B23" s="21">
        <v>26</v>
      </c>
      <c r="C23" s="6">
        <v>24</v>
      </c>
      <c r="D23" s="5">
        <v>50</v>
      </c>
    </row>
    <row r="24" spans="1:4" ht="18" customHeight="1" x14ac:dyDescent="0.15">
      <c r="A24" s="8">
        <v>15</v>
      </c>
      <c r="B24" s="21">
        <v>4</v>
      </c>
      <c r="C24" s="6">
        <v>2</v>
      </c>
      <c r="D24" s="5">
        <v>6</v>
      </c>
    </row>
    <row r="25" spans="1:4" ht="18" customHeight="1" x14ac:dyDescent="0.15">
      <c r="A25" s="8">
        <v>16</v>
      </c>
      <c r="B25" s="21">
        <v>4</v>
      </c>
      <c r="C25" s="6">
        <v>4</v>
      </c>
      <c r="D25" s="5">
        <v>8</v>
      </c>
    </row>
    <row r="26" spans="1:4" ht="18" customHeight="1" x14ac:dyDescent="0.15">
      <c r="A26" s="8">
        <v>17</v>
      </c>
      <c r="B26" s="21">
        <v>2</v>
      </c>
      <c r="C26" s="6">
        <v>3</v>
      </c>
      <c r="D26" s="5">
        <v>5</v>
      </c>
    </row>
    <row r="27" spans="1:4" ht="18" customHeight="1" x14ac:dyDescent="0.15">
      <c r="A27" s="8">
        <v>18</v>
      </c>
      <c r="B27" s="21">
        <v>1</v>
      </c>
      <c r="C27" s="6">
        <v>2</v>
      </c>
      <c r="D27" s="5">
        <v>3</v>
      </c>
    </row>
    <row r="28" spans="1:4" ht="18" customHeight="1" x14ac:dyDescent="0.15">
      <c r="A28" s="8">
        <v>19</v>
      </c>
      <c r="B28" s="21">
        <v>2</v>
      </c>
      <c r="C28" s="6">
        <v>2</v>
      </c>
      <c r="D28" s="5">
        <v>4</v>
      </c>
    </row>
    <row r="29" spans="1:4" ht="18" customHeight="1" x14ac:dyDescent="0.15">
      <c r="A29" s="8" t="s">
        <v>21</v>
      </c>
      <c r="B29" s="21">
        <v>13</v>
      </c>
      <c r="C29" s="6">
        <v>13</v>
      </c>
      <c r="D29" s="5">
        <v>26</v>
      </c>
    </row>
    <row r="30" spans="1:4" ht="18" customHeight="1" x14ac:dyDescent="0.15">
      <c r="A30" s="8">
        <v>20</v>
      </c>
      <c r="B30" s="21">
        <v>7</v>
      </c>
      <c r="C30" s="6">
        <v>1</v>
      </c>
      <c r="D30" s="5">
        <v>8</v>
      </c>
    </row>
    <row r="31" spans="1:4" ht="18" customHeight="1" x14ac:dyDescent="0.15">
      <c r="A31" s="8">
        <v>21</v>
      </c>
      <c r="B31" s="21">
        <v>7</v>
      </c>
      <c r="C31" s="6">
        <v>5</v>
      </c>
      <c r="D31" s="5">
        <v>12</v>
      </c>
    </row>
    <row r="32" spans="1:4" ht="18" customHeight="1" x14ac:dyDescent="0.15">
      <c r="A32" s="8">
        <v>22</v>
      </c>
      <c r="B32" s="21">
        <v>1</v>
      </c>
      <c r="C32" s="6">
        <v>4</v>
      </c>
      <c r="D32" s="5">
        <v>5</v>
      </c>
    </row>
    <row r="33" spans="1:4" ht="18" customHeight="1" x14ac:dyDescent="0.15">
      <c r="A33" s="8">
        <v>23</v>
      </c>
      <c r="B33" s="21">
        <v>3</v>
      </c>
      <c r="C33" s="6">
        <v>6</v>
      </c>
      <c r="D33" s="5">
        <v>9</v>
      </c>
    </row>
    <row r="34" spans="1:4" ht="18" customHeight="1" x14ac:dyDescent="0.15">
      <c r="A34" s="8">
        <v>24</v>
      </c>
      <c r="B34" s="21">
        <v>3</v>
      </c>
      <c r="C34" s="6">
        <v>2</v>
      </c>
      <c r="D34" s="5">
        <v>5</v>
      </c>
    </row>
    <row r="35" spans="1:4" ht="18" customHeight="1" x14ac:dyDescent="0.15">
      <c r="A35" s="8" t="s">
        <v>20</v>
      </c>
      <c r="B35" s="21">
        <v>21</v>
      </c>
      <c r="C35" s="6">
        <v>18</v>
      </c>
      <c r="D35" s="5">
        <v>39</v>
      </c>
    </row>
    <row r="36" spans="1:4" ht="18" customHeight="1" x14ac:dyDescent="0.15">
      <c r="A36" s="8">
        <v>25</v>
      </c>
      <c r="B36" s="21">
        <v>4</v>
      </c>
      <c r="C36" s="6">
        <v>4</v>
      </c>
      <c r="D36" s="5">
        <v>8</v>
      </c>
    </row>
    <row r="37" spans="1:4" ht="18" customHeight="1" x14ac:dyDescent="0.15">
      <c r="A37" s="8">
        <v>26</v>
      </c>
      <c r="B37" s="21">
        <v>4</v>
      </c>
      <c r="C37" s="6">
        <v>3</v>
      </c>
      <c r="D37" s="5">
        <v>7</v>
      </c>
    </row>
    <row r="38" spans="1:4" ht="18" customHeight="1" x14ac:dyDescent="0.15">
      <c r="A38" s="8">
        <v>27</v>
      </c>
      <c r="B38" s="21">
        <v>2</v>
      </c>
      <c r="C38" s="6">
        <v>2</v>
      </c>
      <c r="D38" s="5">
        <v>4</v>
      </c>
    </row>
    <row r="39" spans="1:4" ht="18" customHeight="1" x14ac:dyDescent="0.15">
      <c r="A39" s="8">
        <v>28</v>
      </c>
      <c r="B39" s="21">
        <v>2</v>
      </c>
      <c r="C39" s="6">
        <v>3</v>
      </c>
      <c r="D39" s="5">
        <v>5</v>
      </c>
    </row>
    <row r="40" spans="1:4" ht="18" customHeight="1" x14ac:dyDescent="0.15">
      <c r="A40" s="8">
        <v>29</v>
      </c>
      <c r="B40" s="21">
        <v>2</v>
      </c>
      <c r="C40" s="6">
        <v>5</v>
      </c>
      <c r="D40" s="5">
        <v>7</v>
      </c>
    </row>
    <row r="41" spans="1:4" ht="18" customHeight="1" x14ac:dyDescent="0.15">
      <c r="A41" s="8" t="s">
        <v>19</v>
      </c>
      <c r="B41" s="21">
        <v>14</v>
      </c>
      <c r="C41" s="6">
        <v>17</v>
      </c>
      <c r="D41" s="5">
        <v>31</v>
      </c>
    </row>
    <row r="42" spans="1:4" ht="18" customHeight="1" x14ac:dyDescent="0.15">
      <c r="A42" s="8">
        <v>30</v>
      </c>
      <c r="B42" s="21">
        <v>2</v>
      </c>
      <c r="C42" s="6">
        <v>3</v>
      </c>
      <c r="D42" s="5">
        <v>5</v>
      </c>
    </row>
    <row r="43" spans="1:4" ht="18" customHeight="1" x14ac:dyDescent="0.15">
      <c r="A43" s="8">
        <v>31</v>
      </c>
      <c r="B43" s="21">
        <v>4</v>
      </c>
      <c r="C43" s="6">
        <v>1</v>
      </c>
      <c r="D43" s="5">
        <v>5</v>
      </c>
    </row>
    <row r="44" spans="1:4" ht="18" customHeight="1" x14ac:dyDescent="0.15">
      <c r="A44" s="8">
        <v>32</v>
      </c>
      <c r="B44" s="21">
        <v>4</v>
      </c>
      <c r="C44" s="6">
        <v>1</v>
      </c>
      <c r="D44" s="5">
        <v>5</v>
      </c>
    </row>
    <row r="45" spans="1:4" ht="18" customHeight="1" x14ac:dyDescent="0.15">
      <c r="A45" s="8">
        <v>33</v>
      </c>
      <c r="B45" s="21">
        <v>1</v>
      </c>
      <c r="C45" s="6">
        <v>2</v>
      </c>
      <c r="D45" s="5">
        <v>3</v>
      </c>
    </row>
    <row r="46" spans="1:4" ht="18" customHeight="1" x14ac:dyDescent="0.15">
      <c r="A46" s="8">
        <v>34</v>
      </c>
      <c r="B46" s="21">
        <v>2</v>
      </c>
      <c r="C46" s="6">
        <v>1</v>
      </c>
      <c r="D46" s="5">
        <v>3</v>
      </c>
    </row>
    <row r="47" spans="1:4" ht="18" customHeight="1" x14ac:dyDescent="0.15">
      <c r="A47" s="8" t="s">
        <v>18</v>
      </c>
      <c r="B47" s="21">
        <v>13</v>
      </c>
      <c r="C47" s="6">
        <v>8</v>
      </c>
      <c r="D47" s="5">
        <v>21</v>
      </c>
    </row>
    <row r="48" spans="1:4" ht="18" customHeight="1" x14ac:dyDescent="0.15">
      <c r="A48" s="8">
        <v>35</v>
      </c>
      <c r="B48" s="21">
        <v>3</v>
      </c>
      <c r="C48" s="6">
        <v>5</v>
      </c>
      <c r="D48" s="5">
        <v>8</v>
      </c>
    </row>
    <row r="49" spans="1:4" ht="18" customHeight="1" x14ac:dyDescent="0.15">
      <c r="A49" s="8">
        <v>36</v>
      </c>
      <c r="B49" s="21">
        <v>7</v>
      </c>
      <c r="C49" s="6">
        <v>2</v>
      </c>
      <c r="D49" s="5">
        <v>9</v>
      </c>
    </row>
    <row r="50" spans="1:4" ht="18" customHeight="1" x14ac:dyDescent="0.15">
      <c r="A50" s="8">
        <v>37</v>
      </c>
      <c r="B50" s="21">
        <v>6</v>
      </c>
      <c r="C50" s="6">
        <v>0</v>
      </c>
      <c r="D50" s="5">
        <v>6</v>
      </c>
    </row>
    <row r="51" spans="1:4" ht="18" customHeight="1" x14ac:dyDescent="0.15">
      <c r="A51" s="8">
        <v>38</v>
      </c>
      <c r="B51" s="21">
        <v>5</v>
      </c>
      <c r="C51" s="6">
        <v>4</v>
      </c>
      <c r="D51" s="5">
        <v>9</v>
      </c>
    </row>
    <row r="52" spans="1:4" ht="18" customHeight="1" x14ac:dyDescent="0.15">
      <c r="A52" s="8">
        <v>39</v>
      </c>
      <c r="B52" s="21">
        <v>7</v>
      </c>
      <c r="C52" s="6">
        <v>2</v>
      </c>
      <c r="D52" s="5">
        <v>9</v>
      </c>
    </row>
    <row r="53" spans="1:4" ht="18" customHeight="1" x14ac:dyDescent="0.15">
      <c r="A53" s="8" t="s">
        <v>17</v>
      </c>
      <c r="B53" s="21">
        <v>28</v>
      </c>
      <c r="C53" s="6">
        <v>13</v>
      </c>
      <c r="D53" s="5">
        <v>41</v>
      </c>
    </row>
    <row r="54" spans="1:4" ht="18" customHeight="1" x14ac:dyDescent="0.15">
      <c r="A54" s="8">
        <v>40</v>
      </c>
      <c r="B54" s="21">
        <v>5</v>
      </c>
      <c r="C54" s="6">
        <v>3</v>
      </c>
      <c r="D54" s="5">
        <v>8</v>
      </c>
    </row>
    <row r="55" spans="1:4" ht="18" customHeight="1" x14ac:dyDescent="0.15">
      <c r="A55" s="8">
        <v>41</v>
      </c>
      <c r="B55" s="21">
        <v>0</v>
      </c>
      <c r="C55" s="6">
        <v>3</v>
      </c>
      <c r="D55" s="5">
        <v>3</v>
      </c>
    </row>
    <row r="56" spans="1:4" ht="18" customHeight="1" x14ac:dyDescent="0.15">
      <c r="A56" s="8">
        <v>42</v>
      </c>
      <c r="B56" s="21">
        <v>2</v>
      </c>
      <c r="C56" s="6">
        <v>6</v>
      </c>
      <c r="D56" s="5">
        <v>8</v>
      </c>
    </row>
    <row r="57" spans="1:4" ht="18" customHeight="1" x14ac:dyDescent="0.15">
      <c r="A57" s="8">
        <v>43</v>
      </c>
      <c r="B57" s="21">
        <v>4</v>
      </c>
      <c r="C57" s="6">
        <v>2</v>
      </c>
      <c r="D57" s="5">
        <v>6</v>
      </c>
    </row>
    <row r="58" spans="1:4" ht="18" customHeight="1" x14ac:dyDescent="0.15">
      <c r="A58" s="8">
        <v>44</v>
      </c>
      <c r="B58" s="21">
        <v>2</v>
      </c>
      <c r="C58" s="6">
        <v>4</v>
      </c>
      <c r="D58" s="5">
        <v>6</v>
      </c>
    </row>
    <row r="59" spans="1:4" ht="18" customHeight="1" x14ac:dyDescent="0.15">
      <c r="A59" s="8" t="s">
        <v>16</v>
      </c>
      <c r="B59" s="21">
        <v>13</v>
      </c>
      <c r="C59" s="6">
        <v>18</v>
      </c>
      <c r="D59" s="5">
        <v>31</v>
      </c>
    </row>
    <row r="60" spans="1:4" ht="18" customHeight="1" x14ac:dyDescent="0.15">
      <c r="A60" s="8">
        <v>45</v>
      </c>
      <c r="B60" s="21">
        <v>3</v>
      </c>
      <c r="C60" s="6">
        <v>6</v>
      </c>
      <c r="D60" s="5">
        <v>9</v>
      </c>
    </row>
    <row r="61" spans="1:4" ht="18" customHeight="1" x14ac:dyDescent="0.15">
      <c r="A61" s="8">
        <v>46</v>
      </c>
      <c r="B61" s="21">
        <v>4</v>
      </c>
      <c r="C61" s="6">
        <v>3</v>
      </c>
      <c r="D61" s="5">
        <v>7</v>
      </c>
    </row>
    <row r="62" spans="1:4" ht="18" customHeight="1" x14ac:dyDescent="0.15">
      <c r="A62" s="8">
        <v>47</v>
      </c>
      <c r="B62" s="21">
        <v>8</v>
      </c>
      <c r="C62" s="6">
        <v>1</v>
      </c>
      <c r="D62" s="5">
        <v>9</v>
      </c>
    </row>
    <row r="63" spans="1:4" ht="18" customHeight="1" x14ac:dyDescent="0.15">
      <c r="A63" s="8">
        <v>48</v>
      </c>
      <c r="B63" s="21">
        <v>4</v>
      </c>
      <c r="C63" s="6">
        <v>2</v>
      </c>
      <c r="D63" s="5">
        <v>6</v>
      </c>
    </row>
    <row r="64" spans="1:4" ht="18" customHeight="1" x14ac:dyDescent="0.15">
      <c r="A64" s="8">
        <v>49</v>
      </c>
      <c r="B64" s="21">
        <v>7</v>
      </c>
      <c r="C64" s="6">
        <v>8</v>
      </c>
      <c r="D64" s="5">
        <v>15</v>
      </c>
    </row>
    <row r="65" spans="1:4" ht="18" customHeight="1" x14ac:dyDescent="0.15">
      <c r="A65" s="8" t="s">
        <v>15</v>
      </c>
      <c r="B65" s="21">
        <v>26</v>
      </c>
      <c r="C65" s="6">
        <v>20</v>
      </c>
      <c r="D65" s="5">
        <v>46</v>
      </c>
    </row>
    <row r="66" spans="1:4" ht="18" customHeight="1" x14ac:dyDescent="0.15">
      <c r="A66" s="8">
        <v>50</v>
      </c>
      <c r="B66" s="21">
        <v>5</v>
      </c>
      <c r="C66" s="6">
        <v>3</v>
      </c>
      <c r="D66" s="5">
        <v>8</v>
      </c>
    </row>
    <row r="67" spans="1:4" ht="18" customHeight="1" x14ac:dyDescent="0.15">
      <c r="A67" s="8">
        <v>51</v>
      </c>
      <c r="B67" s="21">
        <v>6</v>
      </c>
      <c r="C67" s="6">
        <v>6</v>
      </c>
      <c r="D67" s="5">
        <v>12</v>
      </c>
    </row>
    <row r="68" spans="1:4" ht="18" customHeight="1" x14ac:dyDescent="0.15">
      <c r="A68" s="8">
        <v>52</v>
      </c>
      <c r="B68" s="21">
        <v>2</v>
      </c>
      <c r="C68" s="6">
        <v>6</v>
      </c>
      <c r="D68" s="5">
        <v>8</v>
      </c>
    </row>
    <row r="69" spans="1:4" ht="18" customHeight="1" x14ac:dyDescent="0.15">
      <c r="A69" s="8">
        <v>53</v>
      </c>
      <c r="B69" s="21">
        <v>5</v>
      </c>
      <c r="C69" s="6">
        <v>6</v>
      </c>
      <c r="D69" s="5">
        <v>11</v>
      </c>
    </row>
    <row r="70" spans="1:4" ht="18" customHeight="1" x14ac:dyDescent="0.15">
      <c r="A70" s="8">
        <v>54</v>
      </c>
      <c r="B70" s="21">
        <v>2</v>
      </c>
      <c r="C70" s="6">
        <v>4</v>
      </c>
      <c r="D70" s="5">
        <v>6</v>
      </c>
    </row>
    <row r="71" spans="1:4" ht="18" customHeight="1" x14ac:dyDescent="0.15">
      <c r="A71" s="8" t="s">
        <v>14</v>
      </c>
      <c r="B71" s="21">
        <v>20</v>
      </c>
      <c r="C71" s="6">
        <v>25</v>
      </c>
      <c r="D71" s="5">
        <v>45</v>
      </c>
    </row>
    <row r="72" spans="1:4" ht="18" customHeight="1" x14ac:dyDescent="0.15">
      <c r="A72" s="8">
        <v>55</v>
      </c>
      <c r="B72" s="21">
        <v>5</v>
      </c>
      <c r="C72" s="6">
        <v>2</v>
      </c>
      <c r="D72" s="5">
        <v>7</v>
      </c>
    </row>
    <row r="73" spans="1:4" ht="18" customHeight="1" x14ac:dyDescent="0.15">
      <c r="A73" s="8">
        <v>56</v>
      </c>
      <c r="B73" s="21">
        <v>9</v>
      </c>
      <c r="C73" s="6">
        <v>5</v>
      </c>
      <c r="D73" s="5">
        <v>14</v>
      </c>
    </row>
    <row r="74" spans="1:4" ht="18" customHeight="1" x14ac:dyDescent="0.15">
      <c r="A74" s="8">
        <v>57</v>
      </c>
      <c r="B74" s="21">
        <v>4</v>
      </c>
      <c r="C74" s="6">
        <v>10</v>
      </c>
      <c r="D74" s="5">
        <v>14</v>
      </c>
    </row>
    <row r="75" spans="1:4" ht="18" customHeight="1" x14ac:dyDescent="0.15">
      <c r="A75" s="8">
        <v>58</v>
      </c>
      <c r="B75" s="21">
        <v>7</v>
      </c>
      <c r="C75" s="6">
        <v>7</v>
      </c>
      <c r="D75" s="5">
        <v>14</v>
      </c>
    </row>
    <row r="76" spans="1:4" ht="18" customHeight="1" x14ac:dyDescent="0.15">
      <c r="A76" s="8">
        <v>59</v>
      </c>
      <c r="B76" s="21">
        <v>1</v>
      </c>
      <c r="C76" s="6">
        <v>5</v>
      </c>
      <c r="D76" s="5">
        <v>6</v>
      </c>
    </row>
    <row r="77" spans="1:4" ht="18" customHeight="1" x14ac:dyDescent="0.15">
      <c r="A77" s="8" t="s">
        <v>13</v>
      </c>
      <c r="B77" s="21">
        <v>26</v>
      </c>
      <c r="C77" s="6">
        <v>29</v>
      </c>
      <c r="D77" s="5">
        <v>55</v>
      </c>
    </row>
    <row r="78" spans="1:4" ht="18" customHeight="1" x14ac:dyDescent="0.15">
      <c r="A78" s="8">
        <v>60</v>
      </c>
      <c r="B78" s="21">
        <v>8</v>
      </c>
      <c r="C78" s="6">
        <v>7</v>
      </c>
      <c r="D78" s="5">
        <v>15</v>
      </c>
    </row>
    <row r="79" spans="1:4" ht="18" customHeight="1" x14ac:dyDescent="0.15">
      <c r="A79" s="8">
        <v>61</v>
      </c>
      <c r="B79" s="21">
        <v>4</v>
      </c>
      <c r="C79" s="6">
        <v>4</v>
      </c>
      <c r="D79" s="5">
        <v>8</v>
      </c>
    </row>
    <row r="80" spans="1:4" ht="18" customHeight="1" x14ac:dyDescent="0.15">
      <c r="A80" s="8">
        <v>62</v>
      </c>
      <c r="B80" s="21">
        <v>7</v>
      </c>
      <c r="C80" s="6">
        <v>7</v>
      </c>
      <c r="D80" s="5">
        <v>14</v>
      </c>
    </row>
    <row r="81" spans="1:4" ht="18" customHeight="1" x14ac:dyDescent="0.15">
      <c r="A81" s="8">
        <v>63</v>
      </c>
      <c r="B81" s="21">
        <v>10</v>
      </c>
      <c r="C81" s="6">
        <v>5</v>
      </c>
      <c r="D81" s="5">
        <v>15</v>
      </c>
    </row>
    <row r="82" spans="1:4" ht="18" customHeight="1" x14ac:dyDescent="0.15">
      <c r="A82" s="8">
        <v>64</v>
      </c>
      <c r="B82" s="21">
        <v>7</v>
      </c>
      <c r="C82" s="6">
        <v>10</v>
      </c>
      <c r="D82" s="5">
        <v>17</v>
      </c>
    </row>
    <row r="83" spans="1:4" ht="18" customHeight="1" x14ac:dyDescent="0.15">
      <c r="A83" s="8" t="s">
        <v>12</v>
      </c>
      <c r="B83" s="21">
        <v>36</v>
      </c>
      <c r="C83" s="6">
        <v>33</v>
      </c>
      <c r="D83" s="5">
        <v>69</v>
      </c>
    </row>
    <row r="84" spans="1:4" ht="18" customHeight="1" x14ac:dyDescent="0.15">
      <c r="A84" s="8" t="s">
        <v>11</v>
      </c>
      <c r="B84" s="21">
        <v>210</v>
      </c>
      <c r="C84" s="6">
        <v>194</v>
      </c>
      <c r="D84" s="5">
        <v>404</v>
      </c>
    </row>
    <row r="85" spans="1:4" ht="18" customHeight="1" x14ac:dyDescent="0.15">
      <c r="A85" s="8">
        <v>65</v>
      </c>
      <c r="B85" s="21">
        <v>8</v>
      </c>
      <c r="C85" s="6">
        <v>7</v>
      </c>
      <c r="D85" s="5">
        <v>15</v>
      </c>
    </row>
    <row r="86" spans="1:4" ht="18" customHeight="1" x14ac:dyDescent="0.15">
      <c r="A86" s="8">
        <v>66</v>
      </c>
      <c r="B86" s="21">
        <v>9</v>
      </c>
      <c r="C86" s="6">
        <v>4</v>
      </c>
      <c r="D86" s="5">
        <v>13</v>
      </c>
    </row>
    <row r="87" spans="1:4" ht="18" customHeight="1" x14ac:dyDescent="0.15">
      <c r="A87" s="8">
        <v>67</v>
      </c>
      <c r="B87" s="21">
        <v>5</v>
      </c>
      <c r="C87" s="6">
        <v>6</v>
      </c>
      <c r="D87" s="5">
        <v>11</v>
      </c>
    </row>
    <row r="88" spans="1:4" ht="18" customHeight="1" x14ac:dyDescent="0.15">
      <c r="A88" s="8">
        <v>68</v>
      </c>
      <c r="B88" s="21">
        <v>6</v>
      </c>
      <c r="C88" s="6">
        <v>5</v>
      </c>
      <c r="D88" s="5">
        <v>11</v>
      </c>
    </row>
    <row r="89" spans="1:4" ht="18" customHeight="1" x14ac:dyDescent="0.15">
      <c r="A89" s="8">
        <v>69</v>
      </c>
      <c r="B89" s="21">
        <v>6</v>
      </c>
      <c r="C89" s="6">
        <v>4</v>
      </c>
      <c r="D89" s="5">
        <v>10</v>
      </c>
    </row>
    <row r="90" spans="1:4" ht="18" customHeight="1" x14ac:dyDescent="0.15">
      <c r="A90" s="8" t="s">
        <v>10</v>
      </c>
      <c r="B90" s="21">
        <v>34</v>
      </c>
      <c r="C90" s="6">
        <v>26</v>
      </c>
      <c r="D90" s="5">
        <v>60</v>
      </c>
    </row>
    <row r="91" spans="1:4" ht="18" customHeight="1" x14ac:dyDescent="0.15">
      <c r="A91" s="8">
        <v>70</v>
      </c>
      <c r="B91" s="21">
        <v>7</v>
      </c>
      <c r="C91" s="6">
        <v>3</v>
      </c>
      <c r="D91" s="5">
        <v>10</v>
      </c>
    </row>
    <row r="92" spans="1:4" ht="18" customHeight="1" x14ac:dyDescent="0.15">
      <c r="A92" s="8">
        <v>71</v>
      </c>
      <c r="B92" s="21">
        <v>7</v>
      </c>
      <c r="C92" s="6">
        <v>6</v>
      </c>
      <c r="D92" s="5">
        <v>13</v>
      </c>
    </row>
    <row r="93" spans="1:4" ht="18" customHeight="1" x14ac:dyDescent="0.15">
      <c r="A93" s="8">
        <v>72</v>
      </c>
      <c r="B93" s="21">
        <v>8</v>
      </c>
      <c r="C93" s="6">
        <v>10</v>
      </c>
      <c r="D93" s="5">
        <v>18</v>
      </c>
    </row>
    <row r="94" spans="1:4" ht="18" customHeight="1" x14ac:dyDescent="0.15">
      <c r="A94" s="8">
        <v>73</v>
      </c>
      <c r="B94" s="21">
        <v>3</v>
      </c>
      <c r="C94" s="6">
        <v>3</v>
      </c>
      <c r="D94" s="5">
        <v>6</v>
      </c>
    </row>
    <row r="95" spans="1:4" ht="18" customHeight="1" x14ac:dyDescent="0.15">
      <c r="A95" s="8">
        <v>74</v>
      </c>
      <c r="B95" s="21">
        <v>6</v>
      </c>
      <c r="C95" s="6">
        <v>5</v>
      </c>
      <c r="D95" s="5">
        <v>11</v>
      </c>
    </row>
    <row r="96" spans="1:4" ht="18" customHeight="1" x14ac:dyDescent="0.15">
      <c r="A96" s="8" t="s">
        <v>9</v>
      </c>
      <c r="B96" s="21">
        <v>31</v>
      </c>
      <c r="C96" s="6">
        <v>27</v>
      </c>
      <c r="D96" s="5">
        <v>58</v>
      </c>
    </row>
    <row r="97" spans="1:4" ht="18" customHeight="1" x14ac:dyDescent="0.15">
      <c r="A97" s="8">
        <v>75</v>
      </c>
      <c r="B97" s="21">
        <v>10</v>
      </c>
      <c r="C97" s="6">
        <v>14</v>
      </c>
      <c r="D97" s="5">
        <v>24</v>
      </c>
    </row>
    <row r="98" spans="1:4" ht="18" customHeight="1" x14ac:dyDescent="0.15">
      <c r="A98" s="8">
        <v>76</v>
      </c>
      <c r="B98" s="21">
        <v>10</v>
      </c>
      <c r="C98" s="6">
        <v>6</v>
      </c>
      <c r="D98" s="5">
        <v>16</v>
      </c>
    </row>
    <row r="99" spans="1:4" ht="18" customHeight="1" x14ac:dyDescent="0.15">
      <c r="A99" s="8">
        <v>77</v>
      </c>
      <c r="B99" s="21">
        <v>4</v>
      </c>
      <c r="C99" s="6">
        <v>6</v>
      </c>
      <c r="D99" s="5">
        <v>10</v>
      </c>
    </row>
    <row r="100" spans="1:4" ht="18" customHeight="1" x14ac:dyDescent="0.15">
      <c r="A100" s="8">
        <v>78</v>
      </c>
      <c r="B100" s="21">
        <v>6</v>
      </c>
      <c r="C100" s="6">
        <v>16</v>
      </c>
      <c r="D100" s="5">
        <v>22</v>
      </c>
    </row>
    <row r="101" spans="1:4" ht="18" customHeight="1" x14ac:dyDescent="0.15">
      <c r="A101" s="8">
        <v>79</v>
      </c>
      <c r="B101" s="21">
        <v>6</v>
      </c>
      <c r="C101" s="6">
        <v>3</v>
      </c>
      <c r="D101" s="5">
        <v>9</v>
      </c>
    </row>
    <row r="102" spans="1:4" ht="18" customHeight="1" x14ac:dyDescent="0.15">
      <c r="A102" s="8" t="s">
        <v>8</v>
      </c>
      <c r="B102" s="21">
        <v>36</v>
      </c>
      <c r="C102" s="6">
        <v>45</v>
      </c>
      <c r="D102" s="5">
        <v>81</v>
      </c>
    </row>
    <row r="103" spans="1:4" ht="18" customHeight="1" x14ac:dyDescent="0.15">
      <c r="A103" s="8">
        <v>80</v>
      </c>
      <c r="B103" s="21">
        <v>1</v>
      </c>
      <c r="C103" s="6">
        <v>4</v>
      </c>
      <c r="D103" s="5">
        <v>5</v>
      </c>
    </row>
    <row r="104" spans="1:4" ht="18" customHeight="1" x14ac:dyDescent="0.15">
      <c r="A104" s="8">
        <v>81</v>
      </c>
      <c r="B104" s="21">
        <v>3</v>
      </c>
      <c r="C104" s="6">
        <v>9</v>
      </c>
      <c r="D104" s="5">
        <v>12</v>
      </c>
    </row>
    <row r="105" spans="1:4" ht="18" customHeight="1" x14ac:dyDescent="0.15">
      <c r="A105" s="8">
        <v>82</v>
      </c>
      <c r="B105" s="21">
        <v>6</v>
      </c>
      <c r="C105" s="6">
        <v>8</v>
      </c>
      <c r="D105" s="5">
        <v>14</v>
      </c>
    </row>
    <row r="106" spans="1:4" ht="18" customHeight="1" x14ac:dyDescent="0.15">
      <c r="A106" s="8">
        <v>83</v>
      </c>
      <c r="B106" s="21">
        <v>5</v>
      </c>
      <c r="C106" s="6">
        <v>6</v>
      </c>
      <c r="D106" s="5">
        <v>11</v>
      </c>
    </row>
    <row r="107" spans="1:4" ht="18" customHeight="1" x14ac:dyDescent="0.15">
      <c r="A107" s="8">
        <v>84</v>
      </c>
      <c r="B107" s="21">
        <v>8</v>
      </c>
      <c r="C107" s="6">
        <v>6</v>
      </c>
      <c r="D107" s="5">
        <v>14</v>
      </c>
    </row>
    <row r="108" spans="1:4" ht="18" customHeight="1" x14ac:dyDescent="0.15">
      <c r="A108" s="8" t="s">
        <v>7</v>
      </c>
      <c r="B108" s="21">
        <v>23</v>
      </c>
      <c r="C108" s="6">
        <v>33</v>
      </c>
      <c r="D108" s="5">
        <v>56</v>
      </c>
    </row>
    <row r="109" spans="1:4" ht="18" customHeight="1" x14ac:dyDescent="0.15">
      <c r="A109" s="8">
        <v>85</v>
      </c>
      <c r="B109" s="21">
        <v>4</v>
      </c>
      <c r="C109" s="6">
        <v>5</v>
      </c>
      <c r="D109" s="5">
        <v>9</v>
      </c>
    </row>
    <row r="110" spans="1:4" ht="18" customHeight="1" x14ac:dyDescent="0.15">
      <c r="A110" s="8">
        <v>86</v>
      </c>
      <c r="B110" s="21">
        <v>3</v>
      </c>
      <c r="C110" s="6">
        <v>7</v>
      </c>
      <c r="D110" s="5">
        <v>10</v>
      </c>
    </row>
    <row r="111" spans="1:4" ht="18" customHeight="1" x14ac:dyDescent="0.15">
      <c r="A111" s="8">
        <v>87</v>
      </c>
      <c r="B111" s="21">
        <v>0</v>
      </c>
      <c r="C111" s="6">
        <v>13</v>
      </c>
      <c r="D111" s="5">
        <v>13</v>
      </c>
    </row>
    <row r="112" spans="1:4" ht="18" customHeight="1" x14ac:dyDescent="0.15">
      <c r="A112" s="8">
        <v>88</v>
      </c>
      <c r="B112" s="21">
        <v>5</v>
      </c>
      <c r="C112" s="6">
        <v>6</v>
      </c>
      <c r="D112" s="5">
        <v>11</v>
      </c>
    </row>
    <row r="113" spans="1:4" ht="18" customHeight="1" x14ac:dyDescent="0.15">
      <c r="A113" s="8">
        <v>89</v>
      </c>
      <c r="B113" s="21">
        <v>1</v>
      </c>
      <c r="C113" s="6">
        <v>6</v>
      </c>
      <c r="D113" s="5">
        <v>7</v>
      </c>
    </row>
    <row r="114" spans="1:4" ht="18" customHeight="1" x14ac:dyDescent="0.15">
      <c r="A114" s="8" t="s">
        <v>6</v>
      </c>
      <c r="B114" s="21">
        <v>13</v>
      </c>
      <c r="C114" s="6">
        <v>37</v>
      </c>
      <c r="D114" s="5">
        <v>50</v>
      </c>
    </row>
    <row r="115" spans="1:4" ht="18" customHeight="1" x14ac:dyDescent="0.15">
      <c r="A115" s="8">
        <v>90</v>
      </c>
      <c r="B115" s="21">
        <v>1</v>
      </c>
      <c r="C115" s="6">
        <v>4</v>
      </c>
      <c r="D115" s="5">
        <v>5</v>
      </c>
    </row>
    <row r="116" spans="1:4" ht="18" customHeight="1" x14ac:dyDescent="0.15">
      <c r="A116" s="8">
        <v>91</v>
      </c>
      <c r="B116" s="21">
        <v>1</v>
      </c>
      <c r="C116" s="6">
        <v>2</v>
      </c>
      <c r="D116" s="5">
        <v>3</v>
      </c>
    </row>
    <row r="117" spans="1:4" ht="18" customHeight="1" x14ac:dyDescent="0.15">
      <c r="A117" s="8">
        <v>92</v>
      </c>
      <c r="B117" s="21">
        <v>0</v>
      </c>
      <c r="C117" s="6">
        <v>1</v>
      </c>
      <c r="D117" s="5">
        <v>1</v>
      </c>
    </row>
    <row r="118" spans="1:4" ht="18" customHeight="1" x14ac:dyDescent="0.15">
      <c r="A118" s="8">
        <v>93</v>
      </c>
      <c r="B118" s="21">
        <v>0</v>
      </c>
      <c r="C118" s="6">
        <v>2</v>
      </c>
      <c r="D118" s="5">
        <v>2</v>
      </c>
    </row>
    <row r="119" spans="1:4" ht="18" customHeight="1" x14ac:dyDescent="0.15">
      <c r="A119" s="8">
        <v>94</v>
      </c>
      <c r="B119" s="21">
        <v>0</v>
      </c>
      <c r="C119" s="6">
        <v>1</v>
      </c>
      <c r="D119" s="5">
        <v>1</v>
      </c>
    </row>
    <row r="120" spans="1:4" ht="18" customHeight="1" x14ac:dyDescent="0.15">
      <c r="A120" s="8" t="s">
        <v>5</v>
      </c>
      <c r="B120" s="21">
        <v>2</v>
      </c>
      <c r="C120" s="6">
        <v>10</v>
      </c>
      <c r="D120" s="5">
        <v>12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41</v>
      </c>
      <c r="C130" s="6">
        <v>185</v>
      </c>
      <c r="D130" s="5">
        <v>326</v>
      </c>
    </row>
    <row r="131" spans="1:4" ht="18" customHeight="1" x14ac:dyDescent="0.15">
      <c r="A131" s="4" t="s">
        <v>0</v>
      </c>
      <c r="B131" s="20">
        <v>377</v>
      </c>
      <c r="C131" s="2">
        <v>403</v>
      </c>
      <c r="D131" s="1">
        <v>78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481A5F-F0C3-4126-97C6-27E986ADBBCB}">
  <sheetPr codeName="Sheet7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2</v>
      </c>
      <c r="C5" s="31">
        <v>8</v>
      </c>
      <c r="D5" s="30">
        <v>20</v>
      </c>
    </row>
    <row r="6" spans="1:4" ht="18" customHeight="1" x14ac:dyDescent="0.15">
      <c r="A6" s="8">
        <v>1</v>
      </c>
      <c r="B6" s="26">
        <v>15</v>
      </c>
      <c r="C6" s="6">
        <v>7</v>
      </c>
      <c r="D6" s="5">
        <v>22</v>
      </c>
    </row>
    <row r="7" spans="1:4" ht="18" customHeight="1" x14ac:dyDescent="0.15">
      <c r="A7" s="8">
        <v>2</v>
      </c>
      <c r="B7" s="26">
        <v>8</v>
      </c>
      <c r="C7" s="6">
        <v>13</v>
      </c>
      <c r="D7" s="5">
        <v>21</v>
      </c>
    </row>
    <row r="8" spans="1:4" ht="18" customHeight="1" x14ac:dyDescent="0.15">
      <c r="A8" s="8">
        <v>3</v>
      </c>
      <c r="B8" s="26">
        <v>11</v>
      </c>
      <c r="C8" s="6">
        <v>18</v>
      </c>
      <c r="D8" s="5">
        <v>29</v>
      </c>
    </row>
    <row r="9" spans="1:4" ht="18" customHeight="1" x14ac:dyDescent="0.15">
      <c r="A9" s="8">
        <v>4</v>
      </c>
      <c r="B9" s="29">
        <v>18</v>
      </c>
      <c r="C9" s="28">
        <v>20</v>
      </c>
      <c r="D9" s="27">
        <v>38</v>
      </c>
    </row>
    <row r="10" spans="1:4" ht="18" customHeight="1" x14ac:dyDescent="0.15">
      <c r="A10" s="8" t="s">
        <v>25</v>
      </c>
      <c r="B10" s="21">
        <v>64</v>
      </c>
      <c r="C10" s="6">
        <v>66</v>
      </c>
      <c r="D10" s="5">
        <v>130</v>
      </c>
    </row>
    <row r="11" spans="1:4" ht="18" customHeight="1" x14ac:dyDescent="0.15">
      <c r="A11" s="8">
        <v>5</v>
      </c>
      <c r="B11" s="26">
        <v>12</v>
      </c>
      <c r="C11" s="6">
        <v>17</v>
      </c>
      <c r="D11" s="5">
        <v>29</v>
      </c>
    </row>
    <row r="12" spans="1:4" ht="18" customHeight="1" x14ac:dyDescent="0.15">
      <c r="A12" s="8">
        <v>6</v>
      </c>
      <c r="B12" s="26">
        <v>16</v>
      </c>
      <c r="C12" s="6">
        <v>17</v>
      </c>
      <c r="D12" s="5">
        <v>33</v>
      </c>
    </row>
    <row r="13" spans="1:4" ht="18" customHeight="1" x14ac:dyDescent="0.15">
      <c r="A13" s="8">
        <v>7</v>
      </c>
      <c r="B13" s="26">
        <v>21</v>
      </c>
      <c r="C13" s="6">
        <v>25</v>
      </c>
      <c r="D13" s="5">
        <v>46</v>
      </c>
    </row>
    <row r="14" spans="1:4" ht="18" customHeight="1" x14ac:dyDescent="0.15">
      <c r="A14" s="8">
        <v>8</v>
      </c>
      <c r="B14" s="26">
        <v>33</v>
      </c>
      <c r="C14" s="6">
        <v>25</v>
      </c>
      <c r="D14" s="5">
        <v>58</v>
      </c>
    </row>
    <row r="15" spans="1:4" ht="18" customHeight="1" x14ac:dyDescent="0.15">
      <c r="A15" s="8">
        <v>9</v>
      </c>
      <c r="B15" s="26">
        <v>32</v>
      </c>
      <c r="C15" s="6">
        <v>22</v>
      </c>
      <c r="D15" s="5">
        <v>54</v>
      </c>
    </row>
    <row r="16" spans="1:4" ht="18" customHeight="1" x14ac:dyDescent="0.15">
      <c r="A16" s="8" t="s">
        <v>24</v>
      </c>
      <c r="B16" s="21">
        <v>114</v>
      </c>
      <c r="C16" s="6">
        <v>106</v>
      </c>
      <c r="D16" s="5">
        <v>220</v>
      </c>
    </row>
    <row r="17" spans="1:4" ht="18" customHeight="1" x14ac:dyDescent="0.15">
      <c r="A17" s="8">
        <v>10</v>
      </c>
      <c r="B17" s="21">
        <v>27</v>
      </c>
      <c r="C17" s="6">
        <v>29</v>
      </c>
      <c r="D17" s="5">
        <v>56</v>
      </c>
    </row>
    <row r="18" spans="1:4" ht="18" customHeight="1" x14ac:dyDescent="0.15">
      <c r="A18" s="8">
        <v>11</v>
      </c>
      <c r="B18" s="21">
        <v>31</v>
      </c>
      <c r="C18" s="6">
        <v>20</v>
      </c>
      <c r="D18" s="5">
        <v>51</v>
      </c>
    </row>
    <row r="19" spans="1:4" ht="18" customHeight="1" x14ac:dyDescent="0.15">
      <c r="A19" s="8">
        <v>12</v>
      </c>
      <c r="B19" s="21">
        <v>25</v>
      </c>
      <c r="C19" s="6">
        <v>29</v>
      </c>
      <c r="D19" s="5">
        <v>54</v>
      </c>
    </row>
    <row r="20" spans="1:4" ht="18" customHeight="1" x14ac:dyDescent="0.15">
      <c r="A20" s="8">
        <v>13</v>
      </c>
      <c r="B20" s="21">
        <v>37</v>
      </c>
      <c r="C20" s="6">
        <v>25</v>
      </c>
      <c r="D20" s="5">
        <v>62</v>
      </c>
    </row>
    <row r="21" spans="1:4" ht="18" customHeight="1" x14ac:dyDescent="0.15">
      <c r="A21" s="8">
        <v>14</v>
      </c>
      <c r="B21" s="21">
        <v>33</v>
      </c>
      <c r="C21" s="6">
        <v>31</v>
      </c>
      <c r="D21" s="5">
        <v>64</v>
      </c>
    </row>
    <row r="22" spans="1:4" ht="18" customHeight="1" x14ac:dyDescent="0.15">
      <c r="A22" s="8" t="s">
        <v>23</v>
      </c>
      <c r="B22" s="21">
        <v>153</v>
      </c>
      <c r="C22" s="6">
        <v>134</v>
      </c>
      <c r="D22" s="5">
        <v>287</v>
      </c>
    </row>
    <row r="23" spans="1:4" ht="18" customHeight="1" x14ac:dyDescent="0.15">
      <c r="A23" s="8" t="s">
        <v>22</v>
      </c>
      <c r="B23" s="21">
        <v>331</v>
      </c>
      <c r="C23" s="6">
        <v>306</v>
      </c>
      <c r="D23" s="5">
        <v>637</v>
      </c>
    </row>
    <row r="24" spans="1:4" ht="18" customHeight="1" x14ac:dyDescent="0.15">
      <c r="A24" s="8">
        <v>15</v>
      </c>
      <c r="B24" s="21">
        <v>34</v>
      </c>
      <c r="C24" s="6">
        <v>23</v>
      </c>
      <c r="D24" s="5">
        <v>57</v>
      </c>
    </row>
    <row r="25" spans="1:4" ht="18" customHeight="1" x14ac:dyDescent="0.15">
      <c r="A25" s="8">
        <v>16</v>
      </c>
      <c r="B25" s="21">
        <v>38</v>
      </c>
      <c r="C25" s="6">
        <v>33</v>
      </c>
      <c r="D25" s="5">
        <v>71</v>
      </c>
    </row>
    <row r="26" spans="1:4" ht="18" customHeight="1" x14ac:dyDescent="0.15">
      <c r="A26" s="8">
        <v>17</v>
      </c>
      <c r="B26" s="21">
        <v>37</v>
      </c>
      <c r="C26" s="6">
        <v>34</v>
      </c>
      <c r="D26" s="5">
        <v>71</v>
      </c>
    </row>
    <row r="27" spans="1:4" ht="18" customHeight="1" x14ac:dyDescent="0.15">
      <c r="A27" s="8">
        <v>18</v>
      </c>
      <c r="B27" s="21">
        <v>33</v>
      </c>
      <c r="C27" s="6">
        <v>40</v>
      </c>
      <c r="D27" s="5">
        <v>73</v>
      </c>
    </row>
    <row r="28" spans="1:4" ht="18" customHeight="1" x14ac:dyDescent="0.15">
      <c r="A28" s="8">
        <v>19</v>
      </c>
      <c r="B28" s="21">
        <v>39</v>
      </c>
      <c r="C28" s="6">
        <v>32</v>
      </c>
      <c r="D28" s="5">
        <v>71</v>
      </c>
    </row>
    <row r="29" spans="1:4" ht="18" customHeight="1" x14ac:dyDescent="0.15">
      <c r="A29" s="8" t="s">
        <v>21</v>
      </c>
      <c r="B29" s="21">
        <v>181</v>
      </c>
      <c r="C29" s="6">
        <v>162</v>
      </c>
      <c r="D29" s="5">
        <v>343</v>
      </c>
    </row>
    <row r="30" spans="1:4" ht="18" customHeight="1" x14ac:dyDescent="0.15">
      <c r="A30" s="8">
        <v>20</v>
      </c>
      <c r="B30" s="21">
        <v>55</v>
      </c>
      <c r="C30" s="6">
        <v>37</v>
      </c>
      <c r="D30" s="5">
        <v>92</v>
      </c>
    </row>
    <row r="31" spans="1:4" ht="18" customHeight="1" x14ac:dyDescent="0.15">
      <c r="A31" s="8">
        <v>21</v>
      </c>
      <c r="B31" s="21">
        <v>49</v>
      </c>
      <c r="C31" s="6">
        <v>44</v>
      </c>
      <c r="D31" s="5">
        <v>93</v>
      </c>
    </row>
    <row r="32" spans="1:4" ht="18" customHeight="1" x14ac:dyDescent="0.15">
      <c r="A32" s="8">
        <v>22</v>
      </c>
      <c r="B32" s="21">
        <v>49</v>
      </c>
      <c r="C32" s="6">
        <v>45</v>
      </c>
      <c r="D32" s="5">
        <v>94</v>
      </c>
    </row>
    <row r="33" spans="1:4" ht="18" customHeight="1" x14ac:dyDescent="0.15">
      <c r="A33" s="8">
        <v>23</v>
      </c>
      <c r="B33" s="21">
        <v>39</v>
      </c>
      <c r="C33" s="6">
        <v>50</v>
      </c>
      <c r="D33" s="5">
        <v>89</v>
      </c>
    </row>
    <row r="34" spans="1:4" ht="18" customHeight="1" x14ac:dyDescent="0.15">
      <c r="A34" s="8">
        <v>24</v>
      </c>
      <c r="B34" s="21">
        <v>38</v>
      </c>
      <c r="C34" s="6">
        <v>34</v>
      </c>
      <c r="D34" s="5">
        <v>72</v>
      </c>
    </row>
    <row r="35" spans="1:4" ht="18" customHeight="1" x14ac:dyDescent="0.15">
      <c r="A35" s="8" t="s">
        <v>20</v>
      </c>
      <c r="B35" s="21">
        <v>230</v>
      </c>
      <c r="C35" s="6">
        <v>210</v>
      </c>
      <c r="D35" s="5">
        <v>440</v>
      </c>
    </row>
    <row r="36" spans="1:4" ht="18" customHeight="1" x14ac:dyDescent="0.15">
      <c r="A36" s="8">
        <v>25</v>
      </c>
      <c r="B36" s="21">
        <v>35</v>
      </c>
      <c r="C36" s="6">
        <v>30</v>
      </c>
      <c r="D36" s="5">
        <v>65</v>
      </c>
    </row>
    <row r="37" spans="1:4" ht="18" customHeight="1" x14ac:dyDescent="0.15">
      <c r="A37" s="8">
        <v>26</v>
      </c>
      <c r="B37" s="21">
        <v>46</v>
      </c>
      <c r="C37" s="6">
        <v>29</v>
      </c>
      <c r="D37" s="5">
        <v>75</v>
      </c>
    </row>
    <row r="38" spans="1:4" ht="18" customHeight="1" x14ac:dyDescent="0.15">
      <c r="A38" s="8">
        <v>27</v>
      </c>
      <c r="B38" s="21">
        <v>33</v>
      </c>
      <c r="C38" s="6">
        <v>36</v>
      </c>
      <c r="D38" s="5">
        <v>69</v>
      </c>
    </row>
    <row r="39" spans="1:4" ht="18" customHeight="1" x14ac:dyDescent="0.15">
      <c r="A39" s="8">
        <v>28</v>
      </c>
      <c r="B39" s="21">
        <v>40</v>
      </c>
      <c r="C39" s="6">
        <v>26</v>
      </c>
      <c r="D39" s="5">
        <v>66</v>
      </c>
    </row>
    <row r="40" spans="1:4" ht="18" customHeight="1" x14ac:dyDescent="0.15">
      <c r="A40" s="8">
        <v>29</v>
      </c>
      <c r="B40" s="21">
        <v>33</v>
      </c>
      <c r="C40" s="6">
        <v>25</v>
      </c>
      <c r="D40" s="5">
        <v>58</v>
      </c>
    </row>
    <row r="41" spans="1:4" ht="18" customHeight="1" x14ac:dyDescent="0.15">
      <c r="A41" s="8" t="s">
        <v>19</v>
      </c>
      <c r="B41" s="21">
        <v>187</v>
      </c>
      <c r="C41" s="6">
        <v>146</v>
      </c>
      <c r="D41" s="5">
        <v>333</v>
      </c>
    </row>
    <row r="42" spans="1:4" ht="18" customHeight="1" x14ac:dyDescent="0.15">
      <c r="A42" s="8">
        <v>30</v>
      </c>
      <c r="B42" s="21">
        <v>25</v>
      </c>
      <c r="C42" s="6">
        <v>31</v>
      </c>
      <c r="D42" s="5">
        <v>56</v>
      </c>
    </row>
    <row r="43" spans="1:4" ht="18" customHeight="1" x14ac:dyDescent="0.15">
      <c r="A43" s="8">
        <v>31</v>
      </c>
      <c r="B43" s="21">
        <v>31</v>
      </c>
      <c r="C43" s="6">
        <v>24</v>
      </c>
      <c r="D43" s="5">
        <v>55</v>
      </c>
    </row>
    <row r="44" spans="1:4" ht="18" customHeight="1" x14ac:dyDescent="0.15">
      <c r="A44" s="8">
        <v>32</v>
      </c>
      <c r="B44" s="21">
        <v>31</v>
      </c>
      <c r="C44" s="6">
        <v>26</v>
      </c>
      <c r="D44" s="5">
        <v>57</v>
      </c>
    </row>
    <row r="45" spans="1:4" ht="18" customHeight="1" x14ac:dyDescent="0.15">
      <c r="A45" s="8">
        <v>33</v>
      </c>
      <c r="B45" s="21">
        <v>20</v>
      </c>
      <c r="C45" s="6">
        <v>31</v>
      </c>
      <c r="D45" s="5">
        <v>51</v>
      </c>
    </row>
    <row r="46" spans="1:4" ht="18" customHeight="1" x14ac:dyDescent="0.15">
      <c r="A46" s="8">
        <v>34</v>
      </c>
      <c r="B46" s="21">
        <v>21</v>
      </c>
      <c r="C46" s="6">
        <v>15</v>
      </c>
      <c r="D46" s="5">
        <v>36</v>
      </c>
    </row>
    <row r="47" spans="1:4" ht="18" customHeight="1" x14ac:dyDescent="0.15">
      <c r="A47" s="8" t="s">
        <v>18</v>
      </c>
      <c r="B47" s="21">
        <v>128</v>
      </c>
      <c r="C47" s="6">
        <v>127</v>
      </c>
      <c r="D47" s="5">
        <v>255</v>
      </c>
    </row>
    <row r="48" spans="1:4" ht="18" customHeight="1" x14ac:dyDescent="0.15">
      <c r="A48" s="8">
        <v>35</v>
      </c>
      <c r="B48" s="21">
        <v>20</v>
      </c>
      <c r="C48" s="6">
        <v>28</v>
      </c>
      <c r="D48" s="5">
        <v>48</v>
      </c>
    </row>
    <row r="49" spans="1:4" ht="18" customHeight="1" x14ac:dyDescent="0.15">
      <c r="A49" s="8">
        <v>36</v>
      </c>
      <c r="B49" s="21">
        <v>40</v>
      </c>
      <c r="C49" s="6">
        <v>29</v>
      </c>
      <c r="D49" s="5">
        <v>69</v>
      </c>
    </row>
    <row r="50" spans="1:4" ht="18" customHeight="1" x14ac:dyDescent="0.15">
      <c r="A50" s="8">
        <v>37</v>
      </c>
      <c r="B50" s="21">
        <v>35</v>
      </c>
      <c r="C50" s="6">
        <v>25</v>
      </c>
      <c r="D50" s="5">
        <v>60</v>
      </c>
    </row>
    <row r="51" spans="1:4" ht="18" customHeight="1" x14ac:dyDescent="0.15">
      <c r="A51" s="8">
        <v>38</v>
      </c>
      <c r="B51" s="21">
        <v>38</v>
      </c>
      <c r="C51" s="6">
        <v>26</v>
      </c>
      <c r="D51" s="5">
        <v>64</v>
      </c>
    </row>
    <row r="52" spans="1:4" ht="18" customHeight="1" x14ac:dyDescent="0.15">
      <c r="A52" s="8">
        <v>39</v>
      </c>
      <c r="B52" s="21">
        <v>34</v>
      </c>
      <c r="C52" s="6">
        <v>23</v>
      </c>
      <c r="D52" s="5">
        <v>57</v>
      </c>
    </row>
    <row r="53" spans="1:4" ht="18" customHeight="1" x14ac:dyDescent="0.15">
      <c r="A53" s="8" t="s">
        <v>17</v>
      </c>
      <c r="B53" s="21">
        <v>167</v>
      </c>
      <c r="C53" s="6">
        <v>131</v>
      </c>
      <c r="D53" s="5">
        <v>298</v>
      </c>
    </row>
    <row r="54" spans="1:4" ht="18" customHeight="1" x14ac:dyDescent="0.15">
      <c r="A54" s="8">
        <v>40</v>
      </c>
      <c r="B54" s="21">
        <v>32</v>
      </c>
      <c r="C54" s="6">
        <v>32</v>
      </c>
      <c r="D54" s="5">
        <v>64</v>
      </c>
    </row>
    <row r="55" spans="1:4" ht="18" customHeight="1" x14ac:dyDescent="0.15">
      <c r="A55" s="8">
        <v>41</v>
      </c>
      <c r="B55" s="21">
        <v>51</v>
      </c>
      <c r="C55" s="6">
        <v>34</v>
      </c>
      <c r="D55" s="5">
        <v>85</v>
      </c>
    </row>
    <row r="56" spans="1:4" ht="18" customHeight="1" x14ac:dyDescent="0.15">
      <c r="A56" s="8">
        <v>42</v>
      </c>
      <c r="B56" s="21">
        <v>48</v>
      </c>
      <c r="C56" s="6">
        <v>56</v>
      </c>
      <c r="D56" s="5">
        <v>104</v>
      </c>
    </row>
    <row r="57" spans="1:4" ht="18" customHeight="1" x14ac:dyDescent="0.15">
      <c r="A57" s="8">
        <v>43</v>
      </c>
      <c r="B57" s="21">
        <v>35</v>
      </c>
      <c r="C57" s="6">
        <v>41</v>
      </c>
      <c r="D57" s="5">
        <v>76</v>
      </c>
    </row>
    <row r="58" spans="1:4" ht="18" customHeight="1" x14ac:dyDescent="0.15">
      <c r="A58" s="8">
        <v>44</v>
      </c>
      <c r="B58" s="21">
        <v>32</v>
      </c>
      <c r="C58" s="6">
        <v>45</v>
      </c>
      <c r="D58" s="5">
        <v>77</v>
      </c>
    </row>
    <row r="59" spans="1:4" ht="18" customHeight="1" x14ac:dyDescent="0.15">
      <c r="A59" s="8" t="s">
        <v>16</v>
      </c>
      <c r="B59" s="21">
        <v>198</v>
      </c>
      <c r="C59" s="6">
        <v>208</v>
      </c>
      <c r="D59" s="5">
        <v>406</v>
      </c>
    </row>
    <row r="60" spans="1:4" ht="18" customHeight="1" x14ac:dyDescent="0.15">
      <c r="A60" s="8">
        <v>45</v>
      </c>
      <c r="B60" s="21">
        <v>41</v>
      </c>
      <c r="C60" s="6">
        <v>42</v>
      </c>
      <c r="D60" s="5">
        <v>83</v>
      </c>
    </row>
    <row r="61" spans="1:4" ht="18" customHeight="1" x14ac:dyDescent="0.15">
      <c r="A61" s="8">
        <v>46</v>
      </c>
      <c r="B61" s="21">
        <v>53</v>
      </c>
      <c r="C61" s="6">
        <v>46</v>
      </c>
      <c r="D61" s="5">
        <v>99</v>
      </c>
    </row>
    <row r="62" spans="1:4" ht="18" customHeight="1" x14ac:dyDescent="0.15">
      <c r="A62" s="8">
        <v>47</v>
      </c>
      <c r="B62" s="21">
        <v>53</v>
      </c>
      <c r="C62" s="6">
        <v>48</v>
      </c>
      <c r="D62" s="5">
        <v>101</v>
      </c>
    </row>
    <row r="63" spans="1:4" ht="18" customHeight="1" x14ac:dyDescent="0.15">
      <c r="A63" s="8">
        <v>48</v>
      </c>
      <c r="B63" s="21">
        <v>59</v>
      </c>
      <c r="C63" s="6">
        <v>57</v>
      </c>
      <c r="D63" s="5">
        <v>116</v>
      </c>
    </row>
    <row r="64" spans="1:4" ht="18" customHeight="1" x14ac:dyDescent="0.15">
      <c r="A64" s="8">
        <v>49</v>
      </c>
      <c r="B64" s="21">
        <v>72</v>
      </c>
      <c r="C64" s="6">
        <v>56</v>
      </c>
      <c r="D64" s="5">
        <v>128</v>
      </c>
    </row>
    <row r="65" spans="1:4" ht="18" customHeight="1" x14ac:dyDescent="0.15">
      <c r="A65" s="8" t="s">
        <v>15</v>
      </c>
      <c r="B65" s="21">
        <v>278</v>
      </c>
      <c r="C65" s="6">
        <v>249</v>
      </c>
      <c r="D65" s="5">
        <v>527</v>
      </c>
    </row>
    <row r="66" spans="1:4" ht="18" customHeight="1" x14ac:dyDescent="0.15">
      <c r="A66" s="8">
        <v>50</v>
      </c>
      <c r="B66" s="21">
        <v>74</v>
      </c>
      <c r="C66" s="6">
        <v>61</v>
      </c>
      <c r="D66" s="5">
        <v>135</v>
      </c>
    </row>
    <row r="67" spans="1:4" ht="18" customHeight="1" x14ac:dyDescent="0.15">
      <c r="A67" s="8">
        <v>51</v>
      </c>
      <c r="B67" s="21">
        <v>72</v>
      </c>
      <c r="C67" s="6">
        <v>78</v>
      </c>
      <c r="D67" s="5">
        <v>150</v>
      </c>
    </row>
    <row r="68" spans="1:4" ht="18" customHeight="1" x14ac:dyDescent="0.15">
      <c r="A68" s="8">
        <v>52</v>
      </c>
      <c r="B68" s="21">
        <v>71</v>
      </c>
      <c r="C68" s="6">
        <v>86</v>
      </c>
      <c r="D68" s="5">
        <v>157</v>
      </c>
    </row>
    <row r="69" spans="1:4" ht="18" customHeight="1" x14ac:dyDescent="0.15">
      <c r="A69" s="8">
        <v>53</v>
      </c>
      <c r="B69" s="21">
        <v>81</v>
      </c>
      <c r="C69" s="6">
        <v>88</v>
      </c>
      <c r="D69" s="5">
        <v>169</v>
      </c>
    </row>
    <row r="70" spans="1:4" ht="18" customHeight="1" x14ac:dyDescent="0.15">
      <c r="A70" s="8">
        <v>54</v>
      </c>
      <c r="B70" s="21">
        <v>85</v>
      </c>
      <c r="C70" s="6">
        <v>84</v>
      </c>
      <c r="D70" s="5">
        <v>169</v>
      </c>
    </row>
    <row r="71" spans="1:4" ht="18" customHeight="1" x14ac:dyDescent="0.15">
      <c r="A71" s="8" t="s">
        <v>14</v>
      </c>
      <c r="B71" s="21">
        <v>383</v>
      </c>
      <c r="C71" s="6">
        <v>397</v>
      </c>
      <c r="D71" s="5">
        <v>780</v>
      </c>
    </row>
    <row r="72" spans="1:4" ht="18" customHeight="1" x14ac:dyDescent="0.15">
      <c r="A72" s="8">
        <v>55</v>
      </c>
      <c r="B72" s="21">
        <v>76</v>
      </c>
      <c r="C72" s="6">
        <v>80</v>
      </c>
      <c r="D72" s="5">
        <v>156</v>
      </c>
    </row>
    <row r="73" spans="1:4" ht="18" customHeight="1" x14ac:dyDescent="0.15">
      <c r="A73" s="8">
        <v>56</v>
      </c>
      <c r="B73" s="21">
        <v>78</v>
      </c>
      <c r="C73" s="6">
        <v>63</v>
      </c>
      <c r="D73" s="5">
        <v>141</v>
      </c>
    </row>
    <row r="74" spans="1:4" ht="18" customHeight="1" x14ac:dyDescent="0.15">
      <c r="A74" s="8">
        <v>57</v>
      </c>
      <c r="B74" s="21">
        <v>73</v>
      </c>
      <c r="C74" s="6">
        <v>79</v>
      </c>
      <c r="D74" s="5">
        <v>152</v>
      </c>
    </row>
    <row r="75" spans="1:4" ht="18" customHeight="1" x14ac:dyDescent="0.15">
      <c r="A75" s="8">
        <v>58</v>
      </c>
      <c r="B75" s="21">
        <v>67</v>
      </c>
      <c r="C75" s="6">
        <v>69</v>
      </c>
      <c r="D75" s="5">
        <v>136</v>
      </c>
    </row>
    <row r="76" spans="1:4" ht="18" customHeight="1" x14ac:dyDescent="0.15">
      <c r="A76" s="8">
        <v>59</v>
      </c>
      <c r="B76" s="21">
        <v>49</v>
      </c>
      <c r="C76" s="6">
        <v>44</v>
      </c>
      <c r="D76" s="5">
        <v>93</v>
      </c>
    </row>
    <row r="77" spans="1:4" ht="18" customHeight="1" x14ac:dyDescent="0.15">
      <c r="A77" s="8" t="s">
        <v>13</v>
      </c>
      <c r="B77" s="21">
        <v>343</v>
      </c>
      <c r="C77" s="6">
        <v>335</v>
      </c>
      <c r="D77" s="5">
        <v>678</v>
      </c>
    </row>
    <row r="78" spans="1:4" ht="18" customHeight="1" x14ac:dyDescent="0.15">
      <c r="A78" s="8">
        <v>60</v>
      </c>
      <c r="B78" s="21">
        <v>56</v>
      </c>
      <c r="C78" s="6">
        <v>57</v>
      </c>
      <c r="D78" s="5">
        <v>113</v>
      </c>
    </row>
    <row r="79" spans="1:4" ht="18" customHeight="1" x14ac:dyDescent="0.15">
      <c r="A79" s="8">
        <v>61</v>
      </c>
      <c r="B79" s="21">
        <v>47</v>
      </c>
      <c r="C79" s="6">
        <v>54</v>
      </c>
      <c r="D79" s="5">
        <v>101</v>
      </c>
    </row>
    <row r="80" spans="1:4" ht="18" customHeight="1" x14ac:dyDescent="0.15">
      <c r="A80" s="8">
        <v>62</v>
      </c>
      <c r="B80" s="21">
        <v>77</v>
      </c>
      <c r="C80" s="6">
        <v>61</v>
      </c>
      <c r="D80" s="5">
        <v>138</v>
      </c>
    </row>
    <row r="81" spans="1:4" ht="18" customHeight="1" x14ac:dyDescent="0.15">
      <c r="A81" s="8">
        <v>63</v>
      </c>
      <c r="B81" s="21">
        <v>64</v>
      </c>
      <c r="C81" s="6">
        <v>52</v>
      </c>
      <c r="D81" s="5">
        <v>116</v>
      </c>
    </row>
    <row r="82" spans="1:4" ht="18" customHeight="1" x14ac:dyDescent="0.15">
      <c r="A82" s="8">
        <v>64</v>
      </c>
      <c r="B82" s="21">
        <v>54</v>
      </c>
      <c r="C82" s="6">
        <v>65</v>
      </c>
      <c r="D82" s="5">
        <v>119</v>
      </c>
    </row>
    <row r="83" spans="1:4" ht="18" customHeight="1" x14ac:dyDescent="0.15">
      <c r="A83" s="8" t="s">
        <v>12</v>
      </c>
      <c r="B83" s="21">
        <v>298</v>
      </c>
      <c r="C83" s="6">
        <v>289</v>
      </c>
      <c r="D83" s="5">
        <v>587</v>
      </c>
    </row>
    <row r="84" spans="1:4" ht="18" customHeight="1" x14ac:dyDescent="0.15">
      <c r="A84" s="8" t="s">
        <v>11</v>
      </c>
      <c r="B84" s="21">
        <v>2393</v>
      </c>
      <c r="C84" s="6">
        <v>2254</v>
      </c>
      <c r="D84" s="5">
        <v>4647</v>
      </c>
    </row>
    <row r="85" spans="1:4" ht="18" customHeight="1" x14ac:dyDescent="0.15">
      <c r="A85" s="8">
        <v>65</v>
      </c>
      <c r="B85" s="21">
        <v>60</v>
      </c>
      <c r="C85" s="6">
        <v>55</v>
      </c>
      <c r="D85" s="5">
        <v>115</v>
      </c>
    </row>
    <row r="86" spans="1:4" ht="18" customHeight="1" x14ac:dyDescent="0.15">
      <c r="A86" s="8">
        <v>66</v>
      </c>
      <c r="B86" s="21">
        <v>60</v>
      </c>
      <c r="C86" s="6">
        <v>65</v>
      </c>
      <c r="D86" s="5">
        <v>125</v>
      </c>
    </row>
    <row r="87" spans="1:4" ht="18" customHeight="1" x14ac:dyDescent="0.15">
      <c r="A87" s="8">
        <v>67</v>
      </c>
      <c r="B87" s="21">
        <v>63</v>
      </c>
      <c r="C87" s="6">
        <v>62</v>
      </c>
      <c r="D87" s="5">
        <v>125</v>
      </c>
    </row>
    <row r="88" spans="1:4" ht="18" customHeight="1" x14ac:dyDescent="0.15">
      <c r="A88" s="8">
        <v>68</v>
      </c>
      <c r="B88" s="21">
        <v>61</v>
      </c>
      <c r="C88" s="6">
        <v>56</v>
      </c>
      <c r="D88" s="5">
        <v>117</v>
      </c>
    </row>
    <row r="89" spans="1:4" ht="18" customHeight="1" x14ac:dyDescent="0.15">
      <c r="A89" s="8">
        <v>69</v>
      </c>
      <c r="B89" s="21">
        <v>52</v>
      </c>
      <c r="C89" s="6">
        <v>63</v>
      </c>
      <c r="D89" s="5">
        <v>115</v>
      </c>
    </row>
    <row r="90" spans="1:4" ht="18" customHeight="1" x14ac:dyDescent="0.15">
      <c r="A90" s="8" t="s">
        <v>10</v>
      </c>
      <c r="B90" s="21">
        <v>296</v>
      </c>
      <c r="C90" s="6">
        <v>301</v>
      </c>
      <c r="D90" s="5">
        <v>597</v>
      </c>
    </row>
    <row r="91" spans="1:4" ht="18" customHeight="1" x14ac:dyDescent="0.15">
      <c r="A91" s="8">
        <v>70</v>
      </c>
      <c r="B91" s="21">
        <v>56</v>
      </c>
      <c r="C91" s="6">
        <v>58</v>
      </c>
      <c r="D91" s="5">
        <v>114</v>
      </c>
    </row>
    <row r="92" spans="1:4" ht="18" customHeight="1" x14ac:dyDescent="0.15">
      <c r="A92" s="8">
        <v>71</v>
      </c>
      <c r="B92" s="21">
        <v>61</v>
      </c>
      <c r="C92" s="6">
        <v>68</v>
      </c>
      <c r="D92" s="5">
        <v>129</v>
      </c>
    </row>
    <row r="93" spans="1:4" ht="18" customHeight="1" x14ac:dyDescent="0.15">
      <c r="A93" s="8">
        <v>72</v>
      </c>
      <c r="B93" s="21">
        <v>62</v>
      </c>
      <c r="C93" s="6">
        <v>76</v>
      </c>
      <c r="D93" s="5">
        <v>138</v>
      </c>
    </row>
    <row r="94" spans="1:4" ht="18" customHeight="1" x14ac:dyDescent="0.15">
      <c r="A94" s="8">
        <v>73</v>
      </c>
      <c r="B94" s="21">
        <v>53</v>
      </c>
      <c r="C94" s="6">
        <v>54</v>
      </c>
      <c r="D94" s="5">
        <v>107</v>
      </c>
    </row>
    <row r="95" spans="1:4" ht="18" customHeight="1" x14ac:dyDescent="0.15">
      <c r="A95" s="8">
        <v>74</v>
      </c>
      <c r="B95" s="21">
        <v>67</v>
      </c>
      <c r="C95" s="6">
        <v>82</v>
      </c>
      <c r="D95" s="5">
        <v>149</v>
      </c>
    </row>
    <row r="96" spans="1:4" ht="18" customHeight="1" x14ac:dyDescent="0.15">
      <c r="A96" s="8" t="s">
        <v>9</v>
      </c>
      <c r="B96" s="21">
        <v>299</v>
      </c>
      <c r="C96" s="6">
        <v>338</v>
      </c>
      <c r="D96" s="5">
        <v>637</v>
      </c>
    </row>
    <row r="97" spans="1:4" ht="18" customHeight="1" x14ac:dyDescent="0.15">
      <c r="A97" s="8">
        <v>75</v>
      </c>
      <c r="B97" s="21">
        <v>78</v>
      </c>
      <c r="C97" s="6">
        <v>89</v>
      </c>
      <c r="D97" s="5">
        <v>167</v>
      </c>
    </row>
    <row r="98" spans="1:4" ht="18" customHeight="1" x14ac:dyDescent="0.15">
      <c r="A98" s="8">
        <v>76</v>
      </c>
      <c r="B98" s="21">
        <v>74</v>
      </c>
      <c r="C98" s="6">
        <v>88</v>
      </c>
      <c r="D98" s="5">
        <v>162</v>
      </c>
    </row>
    <row r="99" spans="1:4" ht="18" customHeight="1" x14ac:dyDescent="0.15">
      <c r="A99" s="8">
        <v>77</v>
      </c>
      <c r="B99" s="21">
        <v>82</v>
      </c>
      <c r="C99" s="6">
        <v>98</v>
      </c>
      <c r="D99" s="5">
        <v>180</v>
      </c>
    </row>
    <row r="100" spans="1:4" ht="18" customHeight="1" x14ac:dyDescent="0.15">
      <c r="A100" s="8">
        <v>78</v>
      </c>
      <c r="B100" s="21">
        <v>93</v>
      </c>
      <c r="C100" s="6">
        <v>107</v>
      </c>
      <c r="D100" s="5">
        <v>200</v>
      </c>
    </row>
    <row r="101" spans="1:4" ht="18" customHeight="1" x14ac:dyDescent="0.15">
      <c r="A101" s="8">
        <v>79</v>
      </c>
      <c r="B101" s="21">
        <v>40</v>
      </c>
      <c r="C101" s="6">
        <v>54</v>
      </c>
      <c r="D101" s="5">
        <v>94</v>
      </c>
    </row>
    <row r="102" spans="1:4" ht="18" customHeight="1" x14ac:dyDescent="0.15">
      <c r="A102" s="8" t="s">
        <v>8</v>
      </c>
      <c r="B102" s="21">
        <v>367</v>
      </c>
      <c r="C102" s="6">
        <v>436</v>
      </c>
      <c r="D102" s="5">
        <v>803</v>
      </c>
    </row>
    <row r="103" spans="1:4" ht="18" customHeight="1" x14ac:dyDescent="0.15">
      <c r="A103" s="8">
        <v>80</v>
      </c>
      <c r="B103" s="21">
        <v>34</v>
      </c>
      <c r="C103" s="6">
        <v>48</v>
      </c>
      <c r="D103" s="5">
        <v>82</v>
      </c>
    </row>
    <row r="104" spans="1:4" ht="18" customHeight="1" x14ac:dyDescent="0.15">
      <c r="A104" s="8">
        <v>81</v>
      </c>
      <c r="B104" s="21">
        <v>45</v>
      </c>
      <c r="C104" s="6">
        <v>89</v>
      </c>
      <c r="D104" s="5">
        <v>134</v>
      </c>
    </row>
    <row r="105" spans="1:4" ht="18" customHeight="1" x14ac:dyDescent="0.15">
      <c r="A105" s="8">
        <v>82</v>
      </c>
      <c r="B105" s="21">
        <v>48</v>
      </c>
      <c r="C105" s="6">
        <v>57</v>
      </c>
      <c r="D105" s="5">
        <v>105</v>
      </c>
    </row>
    <row r="106" spans="1:4" ht="18" customHeight="1" x14ac:dyDescent="0.15">
      <c r="A106" s="8">
        <v>83</v>
      </c>
      <c r="B106" s="21">
        <v>40</v>
      </c>
      <c r="C106" s="6">
        <v>59</v>
      </c>
      <c r="D106" s="5">
        <v>99</v>
      </c>
    </row>
    <row r="107" spans="1:4" ht="18" customHeight="1" x14ac:dyDescent="0.15">
      <c r="A107" s="8">
        <v>84</v>
      </c>
      <c r="B107" s="21">
        <v>37</v>
      </c>
      <c r="C107" s="6">
        <v>64</v>
      </c>
      <c r="D107" s="5">
        <v>101</v>
      </c>
    </row>
    <row r="108" spans="1:4" ht="18" customHeight="1" x14ac:dyDescent="0.15">
      <c r="A108" s="8" t="s">
        <v>7</v>
      </c>
      <c r="B108" s="21">
        <v>204</v>
      </c>
      <c r="C108" s="6">
        <v>317</v>
      </c>
      <c r="D108" s="5">
        <v>521</v>
      </c>
    </row>
    <row r="109" spans="1:4" ht="18" customHeight="1" x14ac:dyDescent="0.15">
      <c r="A109" s="8">
        <v>85</v>
      </c>
      <c r="B109" s="21">
        <v>34</v>
      </c>
      <c r="C109" s="6">
        <v>45</v>
      </c>
      <c r="D109" s="5">
        <v>79</v>
      </c>
    </row>
    <row r="110" spans="1:4" ht="18" customHeight="1" x14ac:dyDescent="0.15">
      <c r="A110" s="8">
        <v>86</v>
      </c>
      <c r="B110" s="21">
        <v>21</v>
      </c>
      <c r="C110" s="6">
        <v>47</v>
      </c>
      <c r="D110" s="5">
        <v>68</v>
      </c>
    </row>
    <row r="111" spans="1:4" ht="18" customHeight="1" x14ac:dyDescent="0.15">
      <c r="A111" s="8">
        <v>87</v>
      </c>
      <c r="B111" s="21">
        <v>20</v>
      </c>
      <c r="C111" s="6">
        <v>51</v>
      </c>
      <c r="D111" s="5">
        <v>71</v>
      </c>
    </row>
    <row r="112" spans="1:4" ht="18" customHeight="1" x14ac:dyDescent="0.15">
      <c r="A112" s="8">
        <v>88</v>
      </c>
      <c r="B112" s="21">
        <v>25</v>
      </c>
      <c r="C112" s="6">
        <v>48</v>
      </c>
      <c r="D112" s="5">
        <v>73</v>
      </c>
    </row>
    <row r="113" spans="1:4" ht="18" customHeight="1" x14ac:dyDescent="0.15">
      <c r="A113" s="8">
        <v>89</v>
      </c>
      <c r="B113" s="21">
        <v>18</v>
      </c>
      <c r="C113" s="6">
        <v>44</v>
      </c>
      <c r="D113" s="5">
        <v>62</v>
      </c>
    </row>
    <row r="114" spans="1:4" ht="18" customHeight="1" x14ac:dyDescent="0.15">
      <c r="A114" s="8" t="s">
        <v>6</v>
      </c>
      <c r="B114" s="21">
        <v>118</v>
      </c>
      <c r="C114" s="6">
        <v>235</v>
      </c>
      <c r="D114" s="5">
        <v>353</v>
      </c>
    </row>
    <row r="115" spans="1:4" ht="18" customHeight="1" x14ac:dyDescent="0.15">
      <c r="A115" s="8">
        <v>90</v>
      </c>
      <c r="B115" s="21">
        <v>17</v>
      </c>
      <c r="C115" s="6">
        <v>29</v>
      </c>
      <c r="D115" s="5">
        <v>46</v>
      </c>
    </row>
    <row r="116" spans="1:4" ht="18" customHeight="1" x14ac:dyDescent="0.15">
      <c r="A116" s="8">
        <v>91</v>
      </c>
      <c r="B116" s="21">
        <v>17</v>
      </c>
      <c r="C116" s="6">
        <v>35</v>
      </c>
      <c r="D116" s="5">
        <v>52</v>
      </c>
    </row>
    <row r="117" spans="1:4" ht="18" customHeight="1" x14ac:dyDescent="0.15">
      <c r="A117" s="8">
        <v>92</v>
      </c>
      <c r="B117" s="21">
        <v>11</v>
      </c>
      <c r="C117" s="6">
        <v>31</v>
      </c>
      <c r="D117" s="5">
        <v>42</v>
      </c>
    </row>
    <row r="118" spans="1:4" ht="18" customHeight="1" x14ac:dyDescent="0.15">
      <c r="A118" s="8">
        <v>93</v>
      </c>
      <c r="B118" s="21">
        <v>5</v>
      </c>
      <c r="C118" s="6">
        <v>22</v>
      </c>
      <c r="D118" s="5">
        <v>27</v>
      </c>
    </row>
    <row r="119" spans="1:4" ht="18" customHeight="1" x14ac:dyDescent="0.15">
      <c r="A119" s="8">
        <v>94</v>
      </c>
      <c r="B119" s="21">
        <v>3</v>
      </c>
      <c r="C119" s="6">
        <v>20</v>
      </c>
      <c r="D119" s="5">
        <v>23</v>
      </c>
    </row>
    <row r="120" spans="1:4" ht="18" customHeight="1" x14ac:dyDescent="0.15">
      <c r="A120" s="8" t="s">
        <v>5</v>
      </c>
      <c r="B120" s="21">
        <v>53</v>
      </c>
      <c r="C120" s="6">
        <v>137</v>
      </c>
      <c r="D120" s="5">
        <v>190</v>
      </c>
    </row>
    <row r="121" spans="1:4" ht="18" customHeight="1" x14ac:dyDescent="0.15">
      <c r="A121" s="8">
        <v>95</v>
      </c>
      <c r="B121" s="21">
        <v>6</v>
      </c>
      <c r="C121" s="6">
        <v>13</v>
      </c>
      <c r="D121" s="5">
        <v>19</v>
      </c>
    </row>
    <row r="122" spans="1:4" ht="18" customHeight="1" x14ac:dyDescent="0.15">
      <c r="A122" s="8">
        <v>96</v>
      </c>
      <c r="B122" s="21">
        <v>2</v>
      </c>
      <c r="C122" s="6">
        <v>15</v>
      </c>
      <c r="D122" s="5">
        <v>17</v>
      </c>
    </row>
    <row r="123" spans="1:4" ht="18" customHeight="1" x14ac:dyDescent="0.15">
      <c r="A123" s="8">
        <v>97</v>
      </c>
      <c r="B123" s="21">
        <v>3</v>
      </c>
      <c r="C123" s="6">
        <v>7</v>
      </c>
      <c r="D123" s="5">
        <v>10</v>
      </c>
    </row>
    <row r="124" spans="1:4" ht="18" customHeight="1" x14ac:dyDescent="0.15">
      <c r="A124" s="8">
        <v>98</v>
      </c>
      <c r="B124" s="21">
        <v>2</v>
      </c>
      <c r="C124" s="6">
        <v>7</v>
      </c>
      <c r="D124" s="5">
        <v>9</v>
      </c>
    </row>
    <row r="125" spans="1:4" ht="18" customHeight="1" x14ac:dyDescent="0.15">
      <c r="A125" s="8">
        <v>99</v>
      </c>
      <c r="B125" s="21">
        <v>0</v>
      </c>
      <c r="C125" s="6">
        <v>5</v>
      </c>
      <c r="D125" s="5">
        <v>5</v>
      </c>
    </row>
    <row r="126" spans="1:4" ht="18" customHeight="1" x14ac:dyDescent="0.15">
      <c r="A126" s="8" t="s">
        <v>4</v>
      </c>
      <c r="B126" s="21">
        <v>13</v>
      </c>
      <c r="C126" s="6">
        <v>47</v>
      </c>
      <c r="D126" s="5">
        <v>60</v>
      </c>
    </row>
    <row r="127" spans="1:4" ht="18" customHeight="1" x14ac:dyDescent="0.15">
      <c r="A127" s="8">
        <v>100</v>
      </c>
      <c r="B127" s="21">
        <v>0</v>
      </c>
      <c r="C127" s="6">
        <v>7</v>
      </c>
      <c r="D127" s="5">
        <v>7</v>
      </c>
    </row>
    <row r="128" spans="1:4" ht="18" customHeight="1" x14ac:dyDescent="0.15">
      <c r="A128" s="9" t="s">
        <v>3</v>
      </c>
      <c r="B128" s="21">
        <v>0</v>
      </c>
      <c r="C128" s="6">
        <v>9</v>
      </c>
      <c r="D128" s="5">
        <v>9</v>
      </c>
    </row>
    <row r="129" spans="1:4" ht="18" customHeight="1" x14ac:dyDescent="0.15">
      <c r="A129" s="8" t="s">
        <v>2</v>
      </c>
      <c r="B129" s="21">
        <v>0</v>
      </c>
      <c r="C129" s="6">
        <v>16</v>
      </c>
      <c r="D129" s="5">
        <v>16</v>
      </c>
    </row>
    <row r="130" spans="1:4" ht="18" customHeight="1" x14ac:dyDescent="0.15">
      <c r="A130" s="8" t="s">
        <v>1</v>
      </c>
      <c r="B130" s="21">
        <v>1350</v>
      </c>
      <c r="C130" s="6">
        <v>1827</v>
      </c>
      <c r="D130" s="5">
        <v>3177</v>
      </c>
    </row>
    <row r="131" spans="1:4" ht="18" customHeight="1" x14ac:dyDescent="0.15">
      <c r="A131" s="4" t="s">
        <v>0</v>
      </c>
      <c r="B131" s="20">
        <v>4074</v>
      </c>
      <c r="C131" s="2">
        <v>4387</v>
      </c>
      <c r="D131" s="1">
        <v>846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8AF6AB-4E53-46F2-B464-11A144B3A3B1}">
  <sheetPr codeName="Sheet7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2</v>
      </c>
      <c r="D5" s="30">
        <v>4</v>
      </c>
    </row>
    <row r="6" spans="1:4" ht="18" customHeight="1" x14ac:dyDescent="0.15">
      <c r="A6" s="8">
        <v>1</v>
      </c>
      <c r="B6" s="26">
        <v>2</v>
      </c>
      <c r="C6" s="6">
        <v>4</v>
      </c>
      <c r="D6" s="5">
        <v>6</v>
      </c>
    </row>
    <row r="7" spans="1:4" ht="18" customHeight="1" x14ac:dyDescent="0.15">
      <c r="A7" s="8">
        <v>2</v>
      </c>
      <c r="B7" s="26">
        <v>0</v>
      </c>
      <c r="C7" s="6">
        <v>3</v>
      </c>
      <c r="D7" s="5">
        <v>3</v>
      </c>
    </row>
    <row r="8" spans="1:4" ht="18" customHeight="1" x14ac:dyDescent="0.15">
      <c r="A8" s="8">
        <v>3</v>
      </c>
      <c r="B8" s="26">
        <v>3</v>
      </c>
      <c r="C8" s="6">
        <v>4</v>
      </c>
      <c r="D8" s="5">
        <v>7</v>
      </c>
    </row>
    <row r="9" spans="1:4" ht="18" customHeight="1" x14ac:dyDescent="0.15">
      <c r="A9" s="8">
        <v>4</v>
      </c>
      <c r="B9" s="29">
        <v>2</v>
      </c>
      <c r="C9" s="28">
        <v>2</v>
      </c>
      <c r="D9" s="27">
        <v>4</v>
      </c>
    </row>
    <row r="10" spans="1:4" ht="18" customHeight="1" x14ac:dyDescent="0.15">
      <c r="A10" s="8" t="s">
        <v>25</v>
      </c>
      <c r="B10" s="21">
        <v>9</v>
      </c>
      <c r="C10" s="6">
        <v>15</v>
      </c>
      <c r="D10" s="5">
        <v>24</v>
      </c>
    </row>
    <row r="11" spans="1:4" ht="18" customHeight="1" x14ac:dyDescent="0.15">
      <c r="A11" s="8">
        <v>5</v>
      </c>
      <c r="B11" s="26">
        <v>5</v>
      </c>
      <c r="C11" s="6">
        <v>7</v>
      </c>
      <c r="D11" s="5">
        <v>12</v>
      </c>
    </row>
    <row r="12" spans="1:4" ht="18" customHeight="1" x14ac:dyDescent="0.15">
      <c r="A12" s="8">
        <v>6</v>
      </c>
      <c r="B12" s="26">
        <v>1</v>
      </c>
      <c r="C12" s="6">
        <v>5</v>
      </c>
      <c r="D12" s="5">
        <v>6</v>
      </c>
    </row>
    <row r="13" spans="1:4" ht="18" customHeight="1" x14ac:dyDescent="0.15">
      <c r="A13" s="8">
        <v>7</v>
      </c>
      <c r="B13" s="26">
        <v>4</v>
      </c>
      <c r="C13" s="6">
        <v>6</v>
      </c>
      <c r="D13" s="5">
        <v>10</v>
      </c>
    </row>
    <row r="14" spans="1:4" ht="18" customHeight="1" x14ac:dyDescent="0.15">
      <c r="A14" s="8">
        <v>8</v>
      </c>
      <c r="B14" s="26">
        <v>3</v>
      </c>
      <c r="C14" s="6">
        <v>2</v>
      </c>
      <c r="D14" s="5">
        <v>5</v>
      </c>
    </row>
    <row r="15" spans="1:4" ht="18" customHeight="1" x14ac:dyDescent="0.15">
      <c r="A15" s="8">
        <v>9</v>
      </c>
      <c r="B15" s="26">
        <v>3</v>
      </c>
      <c r="C15" s="6">
        <v>3</v>
      </c>
      <c r="D15" s="5">
        <v>6</v>
      </c>
    </row>
    <row r="16" spans="1:4" ht="18" customHeight="1" x14ac:dyDescent="0.15">
      <c r="A16" s="8" t="s">
        <v>24</v>
      </c>
      <c r="B16" s="21">
        <v>16</v>
      </c>
      <c r="C16" s="6">
        <v>23</v>
      </c>
      <c r="D16" s="5">
        <v>39</v>
      </c>
    </row>
    <row r="17" spans="1:4" ht="18" customHeight="1" x14ac:dyDescent="0.15">
      <c r="A17" s="8">
        <v>10</v>
      </c>
      <c r="B17" s="21">
        <v>5</v>
      </c>
      <c r="C17" s="6">
        <v>7</v>
      </c>
      <c r="D17" s="5">
        <v>12</v>
      </c>
    </row>
    <row r="18" spans="1:4" ht="18" customHeight="1" x14ac:dyDescent="0.15">
      <c r="A18" s="8">
        <v>11</v>
      </c>
      <c r="B18" s="21">
        <v>5</v>
      </c>
      <c r="C18" s="6">
        <v>4</v>
      </c>
      <c r="D18" s="5">
        <v>9</v>
      </c>
    </row>
    <row r="19" spans="1:4" ht="18" customHeight="1" x14ac:dyDescent="0.15">
      <c r="A19" s="8">
        <v>12</v>
      </c>
      <c r="B19" s="21">
        <v>5</v>
      </c>
      <c r="C19" s="6">
        <v>5</v>
      </c>
      <c r="D19" s="5">
        <v>10</v>
      </c>
    </row>
    <row r="20" spans="1:4" ht="18" customHeight="1" x14ac:dyDescent="0.15">
      <c r="A20" s="8">
        <v>13</v>
      </c>
      <c r="B20" s="21">
        <v>4</v>
      </c>
      <c r="C20" s="6">
        <v>11</v>
      </c>
      <c r="D20" s="5">
        <v>15</v>
      </c>
    </row>
    <row r="21" spans="1:4" ht="18" customHeight="1" x14ac:dyDescent="0.15">
      <c r="A21" s="8">
        <v>14</v>
      </c>
      <c r="B21" s="21">
        <v>6</v>
      </c>
      <c r="C21" s="6">
        <v>6</v>
      </c>
      <c r="D21" s="5">
        <v>12</v>
      </c>
    </row>
    <row r="22" spans="1:4" ht="18" customHeight="1" x14ac:dyDescent="0.15">
      <c r="A22" s="8" t="s">
        <v>23</v>
      </c>
      <c r="B22" s="21">
        <v>25</v>
      </c>
      <c r="C22" s="6">
        <v>33</v>
      </c>
      <c r="D22" s="5">
        <v>58</v>
      </c>
    </row>
    <row r="23" spans="1:4" ht="18" customHeight="1" x14ac:dyDescent="0.15">
      <c r="A23" s="8" t="s">
        <v>22</v>
      </c>
      <c r="B23" s="21">
        <v>50</v>
      </c>
      <c r="C23" s="6">
        <v>71</v>
      </c>
      <c r="D23" s="5">
        <v>121</v>
      </c>
    </row>
    <row r="24" spans="1:4" ht="18" customHeight="1" x14ac:dyDescent="0.15">
      <c r="A24" s="8">
        <v>15</v>
      </c>
      <c r="B24" s="21">
        <v>11</v>
      </c>
      <c r="C24" s="6">
        <v>6</v>
      </c>
      <c r="D24" s="5">
        <v>17</v>
      </c>
    </row>
    <row r="25" spans="1:4" ht="18" customHeight="1" x14ac:dyDescent="0.15">
      <c r="A25" s="8">
        <v>16</v>
      </c>
      <c r="B25" s="21">
        <v>8</v>
      </c>
      <c r="C25" s="6">
        <v>7</v>
      </c>
      <c r="D25" s="5">
        <v>15</v>
      </c>
    </row>
    <row r="26" spans="1:4" ht="18" customHeight="1" x14ac:dyDescent="0.15">
      <c r="A26" s="8">
        <v>17</v>
      </c>
      <c r="B26" s="21">
        <v>6</v>
      </c>
      <c r="C26" s="6">
        <v>6</v>
      </c>
      <c r="D26" s="5">
        <v>12</v>
      </c>
    </row>
    <row r="27" spans="1:4" ht="18" customHeight="1" x14ac:dyDescent="0.15">
      <c r="A27" s="8">
        <v>18</v>
      </c>
      <c r="B27" s="21">
        <v>14</v>
      </c>
      <c r="C27" s="6">
        <v>6</v>
      </c>
      <c r="D27" s="5">
        <v>20</v>
      </c>
    </row>
    <row r="28" spans="1:4" ht="18" customHeight="1" x14ac:dyDescent="0.15">
      <c r="A28" s="8">
        <v>19</v>
      </c>
      <c r="B28" s="21">
        <v>8</v>
      </c>
      <c r="C28" s="6">
        <v>10</v>
      </c>
      <c r="D28" s="5">
        <v>18</v>
      </c>
    </row>
    <row r="29" spans="1:4" ht="18" customHeight="1" x14ac:dyDescent="0.15">
      <c r="A29" s="8" t="s">
        <v>21</v>
      </c>
      <c r="B29" s="21">
        <v>47</v>
      </c>
      <c r="C29" s="6">
        <v>35</v>
      </c>
      <c r="D29" s="5">
        <v>82</v>
      </c>
    </row>
    <row r="30" spans="1:4" ht="18" customHeight="1" x14ac:dyDescent="0.15">
      <c r="A30" s="8">
        <v>20</v>
      </c>
      <c r="B30" s="21">
        <v>7</v>
      </c>
      <c r="C30" s="6">
        <v>7</v>
      </c>
      <c r="D30" s="5">
        <v>14</v>
      </c>
    </row>
    <row r="31" spans="1:4" ht="18" customHeight="1" x14ac:dyDescent="0.15">
      <c r="A31" s="8">
        <v>21</v>
      </c>
      <c r="B31" s="21">
        <v>3</v>
      </c>
      <c r="C31" s="6">
        <v>3</v>
      </c>
      <c r="D31" s="5">
        <v>6</v>
      </c>
    </row>
    <row r="32" spans="1:4" ht="18" customHeight="1" x14ac:dyDescent="0.15">
      <c r="A32" s="8">
        <v>22</v>
      </c>
      <c r="B32" s="21">
        <v>7</v>
      </c>
      <c r="C32" s="6">
        <v>9</v>
      </c>
      <c r="D32" s="5">
        <v>16</v>
      </c>
    </row>
    <row r="33" spans="1:4" ht="18" customHeight="1" x14ac:dyDescent="0.15">
      <c r="A33" s="8">
        <v>23</v>
      </c>
      <c r="B33" s="21">
        <v>13</v>
      </c>
      <c r="C33" s="6">
        <v>7</v>
      </c>
      <c r="D33" s="5">
        <v>20</v>
      </c>
    </row>
    <row r="34" spans="1:4" ht="18" customHeight="1" x14ac:dyDescent="0.15">
      <c r="A34" s="8">
        <v>24</v>
      </c>
      <c r="B34" s="21">
        <v>7</v>
      </c>
      <c r="C34" s="6">
        <v>5</v>
      </c>
      <c r="D34" s="5">
        <v>12</v>
      </c>
    </row>
    <row r="35" spans="1:4" ht="18" customHeight="1" x14ac:dyDescent="0.15">
      <c r="A35" s="8" t="s">
        <v>20</v>
      </c>
      <c r="B35" s="21">
        <v>37</v>
      </c>
      <c r="C35" s="6">
        <v>31</v>
      </c>
      <c r="D35" s="5">
        <v>68</v>
      </c>
    </row>
    <row r="36" spans="1:4" ht="18" customHeight="1" x14ac:dyDescent="0.15">
      <c r="A36" s="8">
        <v>25</v>
      </c>
      <c r="B36" s="21">
        <v>12</v>
      </c>
      <c r="C36" s="6">
        <v>2</v>
      </c>
      <c r="D36" s="5">
        <v>14</v>
      </c>
    </row>
    <row r="37" spans="1:4" ht="18" customHeight="1" x14ac:dyDescent="0.15">
      <c r="A37" s="8">
        <v>26</v>
      </c>
      <c r="B37" s="21">
        <v>14</v>
      </c>
      <c r="C37" s="6">
        <v>4</v>
      </c>
      <c r="D37" s="5">
        <v>18</v>
      </c>
    </row>
    <row r="38" spans="1:4" ht="18" customHeight="1" x14ac:dyDescent="0.15">
      <c r="A38" s="8">
        <v>27</v>
      </c>
      <c r="B38" s="21">
        <v>12</v>
      </c>
      <c r="C38" s="6">
        <v>6</v>
      </c>
      <c r="D38" s="5">
        <v>18</v>
      </c>
    </row>
    <row r="39" spans="1:4" ht="18" customHeight="1" x14ac:dyDescent="0.15">
      <c r="A39" s="8">
        <v>28</v>
      </c>
      <c r="B39" s="21">
        <v>10</v>
      </c>
      <c r="C39" s="6">
        <v>4</v>
      </c>
      <c r="D39" s="5">
        <v>14</v>
      </c>
    </row>
    <row r="40" spans="1:4" ht="18" customHeight="1" x14ac:dyDescent="0.15">
      <c r="A40" s="8">
        <v>29</v>
      </c>
      <c r="B40" s="21">
        <v>6</v>
      </c>
      <c r="C40" s="6">
        <v>6</v>
      </c>
      <c r="D40" s="5">
        <v>12</v>
      </c>
    </row>
    <row r="41" spans="1:4" ht="18" customHeight="1" x14ac:dyDescent="0.15">
      <c r="A41" s="8" t="s">
        <v>19</v>
      </c>
      <c r="B41" s="21">
        <v>54</v>
      </c>
      <c r="C41" s="6">
        <v>22</v>
      </c>
      <c r="D41" s="5">
        <v>76</v>
      </c>
    </row>
    <row r="42" spans="1:4" ht="18" customHeight="1" x14ac:dyDescent="0.15">
      <c r="A42" s="8">
        <v>30</v>
      </c>
      <c r="B42" s="21">
        <v>4</v>
      </c>
      <c r="C42" s="6">
        <v>5</v>
      </c>
      <c r="D42" s="5">
        <v>9</v>
      </c>
    </row>
    <row r="43" spans="1:4" ht="18" customHeight="1" x14ac:dyDescent="0.15">
      <c r="A43" s="8">
        <v>31</v>
      </c>
      <c r="B43" s="21">
        <v>7</v>
      </c>
      <c r="C43" s="6">
        <v>2</v>
      </c>
      <c r="D43" s="5">
        <v>9</v>
      </c>
    </row>
    <row r="44" spans="1:4" ht="18" customHeight="1" x14ac:dyDescent="0.15">
      <c r="A44" s="8">
        <v>32</v>
      </c>
      <c r="B44" s="21">
        <v>5</v>
      </c>
      <c r="C44" s="6">
        <v>0</v>
      </c>
      <c r="D44" s="5">
        <v>5</v>
      </c>
    </row>
    <row r="45" spans="1:4" ht="18" customHeight="1" x14ac:dyDescent="0.15">
      <c r="A45" s="8">
        <v>33</v>
      </c>
      <c r="B45" s="21">
        <v>6</v>
      </c>
      <c r="C45" s="6">
        <v>5</v>
      </c>
      <c r="D45" s="5">
        <v>11</v>
      </c>
    </row>
    <row r="46" spans="1:4" ht="18" customHeight="1" x14ac:dyDescent="0.15">
      <c r="A46" s="8">
        <v>34</v>
      </c>
      <c r="B46" s="21">
        <v>3</v>
      </c>
      <c r="C46" s="6">
        <v>6</v>
      </c>
      <c r="D46" s="5">
        <v>9</v>
      </c>
    </row>
    <row r="47" spans="1:4" ht="18" customHeight="1" x14ac:dyDescent="0.15">
      <c r="A47" s="8" t="s">
        <v>18</v>
      </c>
      <c r="B47" s="21">
        <v>25</v>
      </c>
      <c r="C47" s="6">
        <v>18</v>
      </c>
      <c r="D47" s="5">
        <v>43</v>
      </c>
    </row>
    <row r="48" spans="1:4" ht="18" customHeight="1" x14ac:dyDescent="0.15">
      <c r="A48" s="8">
        <v>35</v>
      </c>
      <c r="B48" s="21">
        <v>7</v>
      </c>
      <c r="C48" s="6">
        <v>3</v>
      </c>
      <c r="D48" s="5">
        <v>10</v>
      </c>
    </row>
    <row r="49" spans="1:4" ht="18" customHeight="1" x14ac:dyDescent="0.15">
      <c r="A49" s="8">
        <v>36</v>
      </c>
      <c r="B49" s="21">
        <v>4</v>
      </c>
      <c r="C49" s="6">
        <v>3</v>
      </c>
      <c r="D49" s="5">
        <v>7</v>
      </c>
    </row>
    <row r="50" spans="1:4" ht="18" customHeight="1" x14ac:dyDescent="0.15">
      <c r="A50" s="8">
        <v>37</v>
      </c>
      <c r="B50" s="21">
        <v>2</v>
      </c>
      <c r="C50" s="6">
        <v>4</v>
      </c>
      <c r="D50" s="5">
        <v>6</v>
      </c>
    </row>
    <row r="51" spans="1:4" ht="18" customHeight="1" x14ac:dyDescent="0.15">
      <c r="A51" s="8">
        <v>38</v>
      </c>
      <c r="B51" s="21">
        <v>6</v>
      </c>
      <c r="C51" s="6">
        <v>4</v>
      </c>
      <c r="D51" s="5">
        <v>10</v>
      </c>
    </row>
    <row r="52" spans="1:4" ht="18" customHeight="1" x14ac:dyDescent="0.15">
      <c r="A52" s="8">
        <v>39</v>
      </c>
      <c r="B52" s="21">
        <v>7</v>
      </c>
      <c r="C52" s="6">
        <v>7</v>
      </c>
      <c r="D52" s="5">
        <v>14</v>
      </c>
    </row>
    <row r="53" spans="1:4" ht="18" customHeight="1" x14ac:dyDescent="0.15">
      <c r="A53" s="8" t="s">
        <v>17</v>
      </c>
      <c r="B53" s="21">
        <v>26</v>
      </c>
      <c r="C53" s="6">
        <v>21</v>
      </c>
      <c r="D53" s="5">
        <v>47</v>
      </c>
    </row>
    <row r="54" spans="1:4" ht="18" customHeight="1" x14ac:dyDescent="0.15">
      <c r="A54" s="8">
        <v>40</v>
      </c>
      <c r="B54" s="21">
        <v>4</v>
      </c>
      <c r="C54" s="6">
        <v>6</v>
      </c>
      <c r="D54" s="5">
        <v>10</v>
      </c>
    </row>
    <row r="55" spans="1:4" ht="18" customHeight="1" x14ac:dyDescent="0.15">
      <c r="A55" s="8">
        <v>41</v>
      </c>
      <c r="B55" s="21">
        <v>14</v>
      </c>
      <c r="C55" s="6">
        <v>7</v>
      </c>
      <c r="D55" s="5">
        <v>21</v>
      </c>
    </row>
    <row r="56" spans="1:4" ht="18" customHeight="1" x14ac:dyDescent="0.15">
      <c r="A56" s="8">
        <v>42</v>
      </c>
      <c r="B56" s="21">
        <v>8</v>
      </c>
      <c r="C56" s="6">
        <v>7</v>
      </c>
      <c r="D56" s="5">
        <v>15</v>
      </c>
    </row>
    <row r="57" spans="1:4" ht="18" customHeight="1" x14ac:dyDescent="0.15">
      <c r="A57" s="8">
        <v>43</v>
      </c>
      <c r="B57" s="21">
        <v>6</v>
      </c>
      <c r="C57" s="6">
        <v>10</v>
      </c>
      <c r="D57" s="5">
        <v>16</v>
      </c>
    </row>
    <row r="58" spans="1:4" ht="18" customHeight="1" x14ac:dyDescent="0.15">
      <c r="A58" s="8">
        <v>44</v>
      </c>
      <c r="B58" s="21">
        <v>14</v>
      </c>
      <c r="C58" s="6">
        <v>7</v>
      </c>
      <c r="D58" s="5">
        <v>21</v>
      </c>
    </row>
    <row r="59" spans="1:4" ht="18" customHeight="1" x14ac:dyDescent="0.15">
      <c r="A59" s="8" t="s">
        <v>16</v>
      </c>
      <c r="B59" s="21">
        <v>46</v>
      </c>
      <c r="C59" s="6">
        <v>37</v>
      </c>
      <c r="D59" s="5">
        <v>83</v>
      </c>
    </row>
    <row r="60" spans="1:4" ht="18" customHeight="1" x14ac:dyDescent="0.15">
      <c r="A60" s="8">
        <v>45</v>
      </c>
      <c r="B60" s="21">
        <v>12</v>
      </c>
      <c r="C60" s="6">
        <v>5</v>
      </c>
      <c r="D60" s="5">
        <v>17</v>
      </c>
    </row>
    <row r="61" spans="1:4" ht="18" customHeight="1" x14ac:dyDescent="0.15">
      <c r="A61" s="8">
        <v>46</v>
      </c>
      <c r="B61" s="21">
        <v>9</v>
      </c>
      <c r="C61" s="6">
        <v>7</v>
      </c>
      <c r="D61" s="5">
        <v>16</v>
      </c>
    </row>
    <row r="62" spans="1:4" ht="18" customHeight="1" x14ac:dyDescent="0.15">
      <c r="A62" s="8">
        <v>47</v>
      </c>
      <c r="B62" s="21">
        <v>7</v>
      </c>
      <c r="C62" s="6">
        <v>12</v>
      </c>
      <c r="D62" s="5">
        <v>19</v>
      </c>
    </row>
    <row r="63" spans="1:4" ht="18" customHeight="1" x14ac:dyDescent="0.15">
      <c r="A63" s="8">
        <v>48</v>
      </c>
      <c r="B63" s="21">
        <v>10</v>
      </c>
      <c r="C63" s="6">
        <v>13</v>
      </c>
      <c r="D63" s="5">
        <v>23</v>
      </c>
    </row>
    <row r="64" spans="1:4" ht="18" customHeight="1" x14ac:dyDescent="0.15">
      <c r="A64" s="8">
        <v>49</v>
      </c>
      <c r="B64" s="21">
        <v>6</v>
      </c>
      <c r="C64" s="6">
        <v>9</v>
      </c>
      <c r="D64" s="5">
        <v>15</v>
      </c>
    </row>
    <row r="65" spans="1:4" ht="18" customHeight="1" x14ac:dyDescent="0.15">
      <c r="A65" s="8" t="s">
        <v>15</v>
      </c>
      <c r="B65" s="21">
        <v>44</v>
      </c>
      <c r="C65" s="6">
        <v>46</v>
      </c>
      <c r="D65" s="5">
        <v>90</v>
      </c>
    </row>
    <row r="66" spans="1:4" ht="18" customHeight="1" x14ac:dyDescent="0.15">
      <c r="A66" s="8">
        <v>50</v>
      </c>
      <c r="B66" s="21">
        <v>13</v>
      </c>
      <c r="C66" s="6">
        <v>6</v>
      </c>
      <c r="D66" s="5">
        <v>19</v>
      </c>
    </row>
    <row r="67" spans="1:4" ht="18" customHeight="1" x14ac:dyDescent="0.15">
      <c r="A67" s="8">
        <v>51</v>
      </c>
      <c r="B67" s="21">
        <v>14</v>
      </c>
      <c r="C67" s="6">
        <v>15</v>
      </c>
      <c r="D67" s="5">
        <v>29</v>
      </c>
    </row>
    <row r="68" spans="1:4" ht="18" customHeight="1" x14ac:dyDescent="0.15">
      <c r="A68" s="8">
        <v>52</v>
      </c>
      <c r="B68" s="21">
        <v>19</v>
      </c>
      <c r="C68" s="6">
        <v>11</v>
      </c>
      <c r="D68" s="5">
        <v>30</v>
      </c>
    </row>
    <row r="69" spans="1:4" ht="18" customHeight="1" x14ac:dyDescent="0.15">
      <c r="A69" s="8">
        <v>53</v>
      </c>
      <c r="B69" s="21">
        <v>14</v>
      </c>
      <c r="C69" s="6">
        <v>12</v>
      </c>
      <c r="D69" s="5">
        <v>26</v>
      </c>
    </row>
    <row r="70" spans="1:4" ht="18" customHeight="1" x14ac:dyDescent="0.15">
      <c r="A70" s="8">
        <v>54</v>
      </c>
      <c r="B70" s="21">
        <v>12</v>
      </c>
      <c r="C70" s="6">
        <v>9</v>
      </c>
      <c r="D70" s="5">
        <v>21</v>
      </c>
    </row>
    <row r="71" spans="1:4" ht="18" customHeight="1" x14ac:dyDescent="0.15">
      <c r="A71" s="8" t="s">
        <v>14</v>
      </c>
      <c r="B71" s="21">
        <v>72</v>
      </c>
      <c r="C71" s="6">
        <v>53</v>
      </c>
      <c r="D71" s="5">
        <v>125</v>
      </c>
    </row>
    <row r="72" spans="1:4" ht="18" customHeight="1" x14ac:dyDescent="0.15">
      <c r="A72" s="8">
        <v>55</v>
      </c>
      <c r="B72" s="21">
        <v>17</v>
      </c>
      <c r="C72" s="6">
        <v>13</v>
      </c>
      <c r="D72" s="5">
        <v>30</v>
      </c>
    </row>
    <row r="73" spans="1:4" ht="18" customHeight="1" x14ac:dyDescent="0.15">
      <c r="A73" s="8">
        <v>56</v>
      </c>
      <c r="B73" s="21">
        <v>14</v>
      </c>
      <c r="C73" s="6">
        <v>12</v>
      </c>
      <c r="D73" s="5">
        <v>26</v>
      </c>
    </row>
    <row r="74" spans="1:4" ht="18" customHeight="1" x14ac:dyDescent="0.15">
      <c r="A74" s="8">
        <v>57</v>
      </c>
      <c r="B74" s="21">
        <v>11</v>
      </c>
      <c r="C74" s="6">
        <v>9</v>
      </c>
      <c r="D74" s="5">
        <v>20</v>
      </c>
    </row>
    <row r="75" spans="1:4" ht="18" customHeight="1" x14ac:dyDescent="0.15">
      <c r="A75" s="8">
        <v>58</v>
      </c>
      <c r="B75" s="21">
        <v>8</v>
      </c>
      <c r="C75" s="6">
        <v>10</v>
      </c>
      <c r="D75" s="5">
        <v>18</v>
      </c>
    </row>
    <row r="76" spans="1:4" ht="18" customHeight="1" x14ac:dyDescent="0.15">
      <c r="A76" s="8">
        <v>59</v>
      </c>
      <c r="B76" s="21">
        <v>7</v>
      </c>
      <c r="C76" s="6">
        <v>7</v>
      </c>
      <c r="D76" s="5">
        <v>14</v>
      </c>
    </row>
    <row r="77" spans="1:4" ht="18" customHeight="1" x14ac:dyDescent="0.15">
      <c r="A77" s="8" t="s">
        <v>13</v>
      </c>
      <c r="B77" s="21">
        <v>57</v>
      </c>
      <c r="C77" s="6">
        <v>51</v>
      </c>
      <c r="D77" s="5">
        <v>108</v>
      </c>
    </row>
    <row r="78" spans="1:4" ht="18" customHeight="1" x14ac:dyDescent="0.15">
      <c r="A78" s="8">
        <v>60</v>
      </c>
      <c r="B78" s="21">
        <v>14</v>
      </c>
      <c r="C78" s="6">
        <v>12</v>
      </c>
      <c r="D78" s="5">
        <v>26</v>
      </c>
    </row>
    <row r="79" spans="1:4" ht="18" customHeight="1" x14ac:dyDescent="0.15">
      <c r="A79" s="8">
        <v>61</v>
      </c>
      <c r="B79" s="21">
        <v>13</v>
      </c>
      <c r="C79" s="6">
        <v>12</v>
      </c>
      <c r="D79" s="5">
        <v>25</v>
      </c>
    </row>
    <row r="80" spans="1:4" ht="18" customHeight="1" x14ac:dyDescent="0.15">
      <c r="A80" s="8">
        <v>62</v>
      </c>
      <c r="B80" s="21">
        <v>6</v>
      </c>
      <c r="C80" s="6">
        <v>8</v>
      </c>
      <c r="D80" s="5">
        <v>14</v>
      </c>
    </row>
    <row r="81" spans="1:4" ht="18" customHeight="1" x14ac:dyDescent="0.15">
      <c r="A81" s="8">
        <v>63</v>
      </c>
      <c r="B81" s="21">
        <v>13</v>
      </c>
      <c r="C81" s="6">
        <v>2</v>
      </c>
      <c r="D81" s="5">
        <v>15</v>
      </c>
    </row>
    <row r="82" spans="1:4" ht="18" customHeight="1" x14ac:dyDescent="0.15">
      <c r="A82" s="8">
        <v>64</v>
      </c>
      <c r="B82" s="21">
        <v>10</v>
      </c>
      <c r="C82" s="6">
        <v>9</v>
      </c>
      <c r="D82" s="5">
        <v>19</v>
      </c>
    </row>
    <row r="83" spans="1:4" ht="18" customHeight="1" x14ac:dyDescent="0.15">
      <c r="A83" s="8" t="s">
        <v>12</v>
      </c>
      <c r="B83" s="21">
        <v>56</v>
      </c>
      <c r="C83" s="6">
        <v>43</v>
      </c>
      <c r="D83" s="5">
        <v>99</v>
      </c>
    </row>
    <row r="84" spans="1:4" ht="18" customHeight="1" x14ac:dyDescent="0.15">
      <c r="A84" s="8" t="s">
        <v>11</v>
      </c>
      <c r="B84" s="21">
        <v>464</v>
      </c>
      <c r="C84" s="6">
        <v>357</v>
      </c>
      <c r="D84" s="5">
        <v>821</v>
      </c>
    </row>
    <row r="85" spans="1:4" ht="18" customHeight="1" x14ac:dyDescent="0.15">
      <c r="A85" s="8">
        <v>65</v>
      </c>
      <c r="B85" s="21">
        <v>14</v>
      </c>
      <c r="C85" s="6">
        <v>10</v>
      </c>
      <c r="D85" s="5">
        <v>24</v>
      </c>
    </row>
    <row r="86" spans="1:4" ht="18" customHeight="1" x14ac:dyDescent="0.15">
      <c r="A86" s="8">
        <v>66</v>
      </c>
      <c r="B86" s="21">
        <v>10</v>
      </c>
      <c r="C86" s="6">
        <v>7</v>
      </c>
      <c r="D86" s="5">
        <v>17</v>
      </c>
    </row>
    <row r="87" spans="1:4" ht="18" customHeight="1" x14ac:dyDescent="0.15">
      <c r="A87" s="8">
        <v>67</v>
      </c>
      <c r="B87" s="21">
        <v>10</v>
      </c>
      <c r="C87" s="6">
        <v>20</v>
      </c>
      <c r="D87" s="5">
        <v>30</v>
      </c>
    </row>
    <row r="88" spans="1:4" ht="18" customHeight="1" x14ac:dyDescent="0.15">
      <c r="A88" s="8">
        <v>68</v>
      </c>
      <c r="B88" s="21">
        <v>14</v>
      </c>
      <c r="C88" s="6">
        <v>16</v>
      </c>
      <c r="D88" s="5">
        <v>30</v>
      </c>
    </row>
    <row r="89" spans="1:4" ht="18" customHeight="1" x14ac:dyDescent="0.15">
      <c r="A89" s="8">
        <v>69</v>
      </c>
      <c r="B89" s="21">
        <v>16</v>
      </c>
      <c r="C89" s="6">
        <v>13</v>
      </c>
      <c r="D89" s="5">
        <v>29</v>
      </c>
    </row>
    <row r="90" spans="1:4" ht="18" customHeight="1" x14ac:dyDescent="0.15">
      <c r="A90" s="8" t="s">
        <v>10</v>
      </c>
      <c r="B90" s="21">
        <v>64</v>
      </c>
      <c r="C90" s="6">
        <v>66</v>
      </c>
      <c r="D90" s="5">
        <v>130</v>
      </c>
    </row>
    <row r="91" spans="1:4" ht="18" customHeight="1" x14ac:dyDescent="0.15">
      <c r="A91" s="8">
        <v>70</v>
      </c>
      <c r="B91" s="21">
        <v>11</v>
      </c>
      <c r="C91" s="6">
        <v>19</v>
      </c>
      <c r="D91" s="5">
        <v>30</v>
      </c>
    </row>
    <row r="92" spans="1:4" ht="18" customHeight="1" x14ac:dyDescent="0.15">
      <c r="A92" s="8">
        <v>71</v>
      </c>
      <c r="B92" s="21">
        <v>17</v>
      </c>
      <c r="C92" s="6">
        <v>19</v>
      </c>
      <c r="D92" s="5">
        <v>36</v>
      </c>
    </row>
    <row r="93" spans="1:4" ht="18" customHeight="1" x14ac:dyDescent="0.15">
      <c r="A93" s="8">
        <v>72</v>
      </c>
      <c r="B93" s="21">
        <v>13</v>
      </c>
      <c r="C93" s="6">
        <v>9</v>
      </c>
      <c r="D93" s="5">
        <v>22</v>
      </c>
    </row>
    <row r="94" spans="1:4" ht="18" customHeight="1" x14ac:dyDescent="0.15">
      <c r="A94" s="8">
        <v>73</v>
      </c>
      <c r="B94" s="21">
        <v>22</v>
      </c>
      <c r="C94" s="6">
        <v>14</v>
      </c>
      <c r="D94" s="5">
        <v>36</v>
      </c>
    </row>
    <row r="95" spans="1:4" ht="18" customHeight="1" x14ac:dyDescent="0.15">
      <c r="A95" s="8">
        <v>74</v>
      </c>
      <c r="B95" s="21">
        <v>19</v>
      </c>
      <c r="C95" s="6">
        <v>19</v>
      </c>
      <c r="D95" s="5">
        <v>38</v>
      </c>
    </row>
    <row r="96" spans="1:4" ht="18" customHeight="1" x14ac:dyDescent="0.15">
      <c r="A96" s="8" t="s">
        <v>9</v>
      </c>
      <c r="B96" s="21">
        <v>82</v>
      </c>
      <c r="C96" s="6">
        <v>80</v>
      </c>
      <c r="D96" s="5">
        <v>162</v>
      </c>
    </row>
    <row r="97" spans="1:4" ht="18" customHeight="1" x14ac:dyDescent="0.15">
      <c r="A97" s="8">
        <v>75</v>
      </c>
      <c r="B97" s="21">
        <v>17</v>
      </c>
      <c r="C97" s="6">
        <v>16</v>
      </c>
      <c r="D97" s="5">
        <v>33</v>
      </c>
    </row>
    <row r="98" spans="1:4" ht="18" customHeight="1" x14ac:dyDescent="0.15">
      <c r="A98" s="8">
        <v>76</v>
      </c>
      <c r="B98" s="21">
        <v>19</v>
      </c>
      <c r="C98" s="6">
        <v>21</v>
      </c>
      <c r="D98" s="5">
        <v>40</v>
      </c>
    </row>
    <row r="99" spans="1:4" ht="18" customHeight="1" x14ac:dyDescent="0.15">
      <c r="A99" s="8">
        <v>77</v>
      </c>
      <c r="B99" s="21">
        <v>23</v>
      </c>
      <c r="C99" s="6">
        <v>33</v>
      </c>
      <c r="D99" s="5">
        <v>56</v>
      </c>
    </row>
    <row r="100" spans="1:4" ht="18" customHeight="1" x14ac:dyDescent="0.15">
      <c r="A100" s="8">
        <v>78</v>
      </c>
      <c r="B100" s="21">
        <v>26</v>
      </c>
      <c r="C100" s="6">
        <v>25</v>
      </c>
      <c r="D100" s="5">
        <v>51</v>
      </c>
    </row>
    <row r="101" spans="1:4" ht="18" customHeight="1" x14ac:dyDescent="0.15">
      <c r="A101" s="8">
        <v>79</v>
      </c>
      <c r="B101" s="21">
        <v>10</v>
      </c>
      <c r="C101" s="6">
        <v>13</v>
      </c>
      <c r="D101" s="5">
        <v>23</v>
      </c>
    </row>
    <row r="102" spans="1:4" ht="18" customHeight="1" x14ac:dyDescent="0.15">
      <c r="A102" s="8" t="s">
        <v>8</v>
      </c>
      <c r="B102" s="21">
        <v>95</v>
      </c>
      <c r="C102" s="6">
        <v>108</v>
      </c>
      <c r="D102" s="5">
        <v>203</v>
      </c>
    </row>
    <row r="103" spans="1:4" ht="18" customHeight="1" x14ac:dyDescent="0.15">
      <c r="A103" s="8">
        <v>80</v>
      </c>
      <c r="B103" s="21">
        <v>9</v>
      </c>
      <c r="C103" s="6">
        <v>19</v>
      </c>
      <c r="D103" s="5">
        <v>28</v>
      </c>
    </row>
    <row r="104" spans="1:4" ht="18" customHeight="1" x14ac:dyDescent="0.15">
      <c r="A104" s="8">
        <v>81</v>
      </c>
      <c r="B104" s="21">
        <v>13</v>
      </c>
      <c r="C104" s="6">
        <v>21</v>
      </c>
      <c r="D104" s="5">
        <v>34</v>
      </c>
    </row>
    <row r="105" spans="1:4" ht="18" customHeight="1" x14ac:dyDescent="0.15">
      <c r="A105" s="8">
        <v>82</v>
      </c>
      <c r="B105" s="21">
        <v>14</v>
      </c>
      <c r="C105" s="6">
        <v>22</v>
      </c>
      <c r="D105" s="5">
        <v>36</v>
      </c>
    </row>
    <row r="106" spans="1:4" ht="18" customHeight="1" x14ac:dyDescent="0.15">
      <c r="A106" s="8">
        <v>83</v>
      </c>
      <c r="B106" s="21">
        <v>16</v>
      </c>
      <c r="C106" s="6">
        <v>17</v>
      </c>
      <c r="D106" s="5">
        <v>33</v>
      </c>
    </row>
    <row r="107" spans="1:4" ht="18" customHeight="1" x14ac:dyDescent="0.15">
      <c r="A107" s="8">
        <v>84</v>
      </c>
      <c r="B107" s="21">
        <v>14</v>
      </c>
      <c r="C107" s="6">
        <v>18</v>
      </c>
      <c r="D107" s="5">
        <v>32</v>
      </c>
    </row>
    <row r="108" spans="1:4" ht="18" customHeight="1" x14ac:dyDescent="0.15">
      <c r="A108" s="8" t="s">
        <v>7</v>
      </c>
      <c r="B108" s="21">
        <v>66</v>
      </c>
      <c r="C108" s="6">
        <v>97</v>
      </c>
      <c r="D108" s="5">
        <v>163</v>
      </c>
    </row>
    <row r="109" spans="1:4" ht="18" customHeight="1" x14ac:dyDescent="0.15">
      <c r="A109" s="8">
        <v>85</v>
      </c>
      <c r="B109" s="21">
        <v>6</v>
      </c>
      <c r="C109" s="6">
        <v>11</v>
      </c>
      <c r="D109" s="5">
        <v>17</v>
      </c>
    </row>
    <row r="110" spans="1:4" ht="18" customHeight="1" x14ac:dyDescent="0.15">
      <c r="A110" s="8">
        <v>86</v>
      </c>
      <c r="B110" s="21">
        <v>8</v>
      </c>
      <c r="C110" s="6">
        <v>12</v>
      </c>
      <c r="D110" s="5">
        <v>20</v>
      </c>
    </row>
    <row r="111" spans="1:4" ht="18" customHeight="1" x14ac:dyDescent="0.15">
      <c r="A111" s="8">
        <v>87</v>
      </c>
      <c r="B111" s="21">
        <v>3</v>
      </c>
      <c r="C111" s="6">
        <v>16</v>
      </c>
      <c r="D111" s="5">
        <v>19</v>
      </c>
    </row>
    <row r="112" spans="1:4" ht="18" customHeight="1" x14ac:dyDescent="0.15">
      <c r="A112" s="8">
        <v>88</v>
      </c>
      <c r="B112" s="21">
        <v>7</v>
      </c>
      <c r="C112" s="6">
        <v>12</v>
      </c>
      <c r="D112" s="5">
        <v>19</v>
      </c>
    </row>
    <row r="113" spans="1:4" ht="18" customHeight="1" x14ac:dyDescent="0.15">
      <c r="A113" s="8">
        <v>89</v>
      </c>
      <c r="B113" s="21">
        <v>2</v>
      </c>
      <c r="C113" s="6">
        <v>12</v>
      </c>
      <c r="D113" s="5">
        <v>14</v>
      </c>
    </row>
    <row r="114" spans="1:4" ht="18" customHeight="1" x14ac:dyDescent="0.15">
      <c r="A114" s="8" t="s">
        <v>6</v>
      </c>
      <c r="B114" s="21">
        <v>26</v>
      </c>
      <c r="C114" s="6">
        <v>63</v>
      </c>
      <c r="D114" s="5">
        <v>89</v>
      </c>
    </row>
    <row r="115" spans="1:4" ht="18" customHeight="1" x14ac:dyDescent="0.15">
      <c r="A115" s="8">
        <v>90</v>
      </c>
      <c r="B115" s="21">
        <v>5</v>
      </c>
      <c r="C115" s="6">
        <v>11</v>
      </c>
      <c r="D115" s="5">
        <v>16</v>
      </c>
    </row>
    <row r="116" spans="1:4" ht="18" customHeight="1" x14ac:dyDescent="0.15">
      <c r="A116" s="8">
        <v>91</v>
      </c>
      <c r="B116" s="21">
        <v>4</v>
      </c>
      <c r="C116" s="6">
        <v>11</v>
      </c>
      <c r="D116" s="5">
        <v>15</v>
      </c>
    </row>
    <row r="117" spans="1:4" ht="18" customHeight="1" x14ac:dyDescent="0.15">
      <c r="A117" s="8">
        <v>92</v>
      </c>
      <c r="B117" s="21">
        <v>6</v>
      </c>
      <c r="C117" s="6">
        <v>11</v>
      </c>
      <c r="D117" s="5">
        <v>17</v>
      </c>
    </row>
    <row r="118" spans="1:4" ht="18" customHeight="1" x14ac:dyDescent="0.15">
      <c r="A118" s="8">
        <v>93</v>
      </c>
      <c r="B118" s="21">
        <v>4</v>
      </c>
      <c r="C118" s="6">
        <v>11</v>
      </c>
      <c r="D118" s="5">
        <v>15</v>
      </c>
    </row>
    <row r="119" spans="1:4" ht="18" customHeight="1" x14ac:dyDescent="0.15">
      <c r="A119" s="8">
        <v>94</v>
      </c>
      <c r="B119" s="21">
        <v>2</v>
      </c>
      <c r="C119" s="6">
        <v>6</v>
      </c>
      <c r="D119" s="5">
        <v>8</v>
      </c>
    </row>
    <row r="120" spans="1:4" ht="18" customHeight="1" x14ac:dyDescent="0.15">
      <c r="A120" s="8" t="s">
        <v>5</v>
      </c>
      <c r="B120" s="21">
        <v>21</v>
      </c>
      <c r="C120" s="6">
        <v>50</v>
      </c>
      <c r="D120" s="5">
        <v>71</v>
      </c>
    </row>
    <row r="121" spans="1:4" ht="18" customHeight="1" x14ac:dyDescent="0.15">
      <c r="A121" s="8">
        <v>95</v>
      </c>
      <c r="B121" s="21">
        <v>1</v>
      </c>
      <c r="C121" s="6">
        <v>5</v>
      </c>
      <c r="D121" s="5">
        <v>6</v>
      </c>
    </row>
    <row r="122" spans="1:4" ht="18" customHeight="1" x14ac:dyDescent="0.15">
      <c r="A122" s="8">
        <v>96</v>
      </c>
      <c r="B122" s="21">
        <v>1</v>
      </c>
      <c r="C122" s="6">
        <v>5</v>
      </c>
      <c r="D122" s="5">
        <v>6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2</v>
      </c>
      <c r="C126" s="6">
        <v>14</v>
      </c>
      <c r="D126" s="5">
        <v>16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5</v>
      </c>
      <c r="D128" s="5">
        <v>5</v>
      </c>
    </row>
    <row r="129" spans="1:4" ht="18" customHeight="1" x14ac:dyDescent="0.15">
      <c r="A129" s="8" t="s">
        <v>2</v>
      </c>
      <c r="B129" s="21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21">
        <v>356</v>
      </c>
      <c r="C130" s="6">
        <v>484</v>
      </c>
      <c r="D130" s="5">
        <v>840</v>
      </c>
    </row>
    <row r="131" spans="1:4" ht="18" customHeight="1" x14ac:dyDescent="0.15">
      <c r="A131" s="4" t="s">
        <v>0</v>
      </c>
      <c r="B131" s="20">
        <v>870</v>
      </c>
      <c r="C131" s="2">
        <v>912</v>
      </c>
      <c r="D131" s="1">
        <v>178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90D4D3F-2FD4-47C4-9221-D2A04624E8D8}">
  <sheetPr codeName="Sheet7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0</v>
      </c>
      <c r="C5" s="31">
        <v>7</v>
      </c>
      <c r="D5" s="30">
        <v>17</v>
      </c>
    </row>
    <row r="6" spans="1:4" ht="18" customHeight="1" x14ac:dyDescent="0.15">
      <c r="A6" s="8">
        <v>1</v>
      </c>
      <c r="B6" s="26">
        <v>13</v>
      </c>
      <c r="C6" s="6">
        <v>10</v>
      </c>
      <c r="D6" s="5">
        <v>23</v>
      </c>
    </row>
    <row r="7" spans="1:4" ht="18" customHeight="1" x14ac:dyDescent="0.15">
      <c r="A7" s="8">
        <v>2</v>
      </c>
      <c r="B7" s="26">
        <v>10</v>
      </c>
      <c r="C7" s="6">
        <v>12</v>
      </c>
      <c r="D7" s="5">
        <v>22</v>
      </c>
    </row>
    <row r="8" spans="1:4" ht="18" customHeight="1" x14ac:dyDescent="0.15">
      <c r="A8" s="8">
        <v>3</v>
      </c>
      <c r="B8" s="26">
        <v>15</v>
      </c>
      <c r="C8" s="6">
        <v>11</v>
      </c>
      <c r="D8" s="5">
        <v>26</v>
      </c>
    </row>
    <row r="9" spans="1:4" ht="18" customHeight="1" x14ac:dyDescent="0.15">
      <c r="A9" s="8">
        <v>4</v>
      </c>
      <c r="B9" s="29">
        <v>18</v>
      </c>
      <c r="C9" s="28">
        <v>9</v>
      </c>
      <c r="D9" s="27">
        <v>27</v>
      </c>
    </row>
    <row r="10" spans="1:4" ht="18" customHeight="1" x14ac:dyDescent="0.15">
      <c r="A10" s="8" t="s">
        <v>25</v>
      </c>
      <c r="B10" s="21">
        <v>66</v>
      </c>
      <c r="C10" s="6">
        <v>49</v>
      </c>
      <c r="D10" s="5">
        <v>115</v>
      </c>
    </row>
    <row r="11" spans="1:4" ht="18" customHeight="1" x14ac:dyDescent="0.15">
      <c r="A11" s="8">
        <v>5</v>
      </c>
      <c r="B11" s="26">
        <v>11</v>
      </c>
      <c r="C11" s="6">
        <v>18</v>
      </c>
      <c r="D11" s="5">
        <v>29</v>
      </c>
    </row>
    <row r="12" spans="1:4" ht="18" customHeight="1" x14ac:dyDescent="0.15">
      <c r="A12" s="8">
        <v>6</v>
      </c>
      <c r="B12" s="26">
        <v>19</v>
      </c>
      <c r="C12" s="6">
        <v>25</v>
      </c>
      <c r="D12" s="5">
        <v>44</v>
      </c>
    </row>
    <row r="13" spans="1:4" ht="18" customHeight="1" x14ac:dyDescent="0.15">
      <c r="A13" s="8">
        <v>7</v>
      </c>
      <c r="B13" s="26">
        <v>12</v>
      </c>
      <c r="C13" s="6">
        <v>18</v>
      </c>
      <c r="D13" s="5">
        <v>30</v>
      </c>
    </row>
    <row r="14" spans="1:4" ht="18" customHeight="1" x14ac:dyDescent="0.15">
      <c r="A14" s="8">
        <v>8</v>
      </c>
      <c r="B14" s="26">
        <v>17</v>
      </c>
      <c r="C14" s="6">
        <v>25</v>
      </c>
      <c r="D14" s="5">
        <v>42</v>
      </c>
    </row>
    <row r="15" spans="1:4" ht="18" customHeight="1" x14ac:dyDescent="0.15">
      <c r="A15" s="8">
        <v>9</v>
      </c>
      <c r="B15" s="26">
        <v>20</v>
      </c>
      <c r="C15" s="6">
        <v>30</v>
      </c>
      <c r="D15" s="5">
        <v>50</v>
      </c>
    </row>
    <row r="16" spans="1:4" ht="18" customHeight="1" x14ac:dyDescent="0.15">
      <c r="A16" s="8" t="s">
        <v>24</v>
      </c>
      <c r="B16" s="21">
        <v>79</v>
      </c>
      <c r="C16" s="6">
        <v>116</v>
      </c>
      <c r="D16" s="5">
        <v>195</v>
      </c>
    </row>
    <row r="17" spans="1:4" ht="18" customHeight="1" x14ac:dyDescent="0.15">
      <c r="A17" s="8">
        <v>10</v>
      </c>
      <c r="B17" s="21">
        <v>18</v>
      </c>
      <c r="C17" s="6">
        <v>21</v>
      </c>
      <c r="D17" s="5">
        <v>39</v>
      </c>
    </row>
    <row r="18" spans="1:4" ht="18" customHeight="1" x14ac:dyDescent="0.15">
      <c r="A18" s="8">
        <v>11</v>
      </c>
      <c r="B18" s="21">
        <v>27</v>
      </c>
      <c r="C18" s="6">
        <v>28</v>
      </c>
      <c r="D18" s="5">
        <v>55</v>
      </c>
    </row>
    <row r="19" spans="1:4" ht="18" customHeight="1" x14ac:dyDescent="0.15">
      <c r="A19" s="8">
        <v>12</v>
      </c>
      <c r="B19" s="21">
        <v>36</v>
      </c>
      <c r="C19" s="6">
        <v>29</v>
      </c>
      <c r="D19" s="5">
        <v>65</v>
      </c>
    </row>
    <row r="20" spans="1:4" ht="18" customHeight="1" x14ac:dyDescent="0.15">
      <c r="A20" s="8">
        <v>13</v>
      </c>
      <c r="B20" s="21">
        <v>22</v>
      </c>
      <c r="C20" s="6">
        <v>25</v>
      </c>
      <c r="D20" s="5">
        <v>47</v>
      </c>
    </row>
    <row r="21" spans="1:4" ht="18" customHeight="1" x14ac:dyDescent="0.15">
      <c r="A21" s="8">
        <v>14</v>
      </c>
      <c r="B21" s="21">
        <v>21</v>
      </c>
      <c r="C21" s="6">
        <v>17</v>
      </c>
      <c r="D21" s="5">
        <v>38</v>
      </c>
    </row>
    <row r="22" spans="1:4" ht="18" customHeight="1" x14ac:dyDescent="0.15">
      <c r="A22" s="8" t="s">
        <v>23</v>
      </c>
      <c r="B22" s="21">
        <v>124</v>
      </c>
      <c r="C22" s="6">
        <v>120</v>
      </c>
      <c r="D22" s="5">
        <v>244</v>
      </c>
    </row>
    <row r="23" spans="1:4" ht="18" customHeight="1" x14ac:dyDescent="0.15">
      <c r="A23" s="8" t="s">
        <v>22</v>
      </c>
      <c r="B23" s="21">
        <v>269</v>
      </c>
      <c r="C23" s="6">
        <v>285</v>
      </c>
      <c r="D23" s="5">
        <v>554</v>
      </c>
    </row>
    <row r="24" spans="1:4" ht="18" customHeight="1" x14ac:dyDescent="0.15">
      <c r="A24" s="8">
        <v>15</v>
      </c>
      <c r="B24" s="21">
        <v>24</v>
      </c>
      <c r="C24" s="6">
        <v>26</v>
      </c>
      <c r="D24" s="5">
        <v>50</v>
      </c>
    </row>
    <row r="25" spans="1:4" ht="18" customHeight="1" x14ac:dyDescent="0.15">
      <c r="A25" s="8">
        <v>16</v>
      </c>
      <c r="B25" s="21">
        <v>25</v>
      </c>
      <c r="C25" s="6">
        <v>29</v>
      </c>
      <c r="D25" s="5">
        <v>54</v>
      </c>
    </row>
    <row r="26" spans="1:4" ht="18" customHeight="1" x14ac:dyDescent="0.15">
      <c r="A26" s="8">
        <v>17</v>
      </c>
      <c r="B26" s="21">
        <v>25</v>
      </c>
      <c r="C26" s="6">
        <v>20</v>
      </c>
      <c r="D26" s="5">
        <v>45</v>
      </c>
    </row>
    <row r="27" spans="1:4" ht="18" customHeight="1" x14ac:dyDescent="0.15">
      <c r="A27" s="8">
        <v>18</v>
      </c>
      <c r="B27" s="21">
        <v>22</v>
      </c>
      <c r="C27" s="6">
        <v>23</v>
      </c>
      <c r="D27" s="5">
        <v>45</v>
      </c>
    </row>
    <row r="28" spans="1:4" ht="18" customHeight="1" x14ac:dyDescent="0.15">
      <c r="A28" s="8">
        <v>19</v>
      </c>
      <c r="B28" s="21">
        <v>41</v>
      </c>
      <c r="C28" s="6">
        <v>22</v>
      </c>
      <c r="D28" s="5">
        <v>63</v>
      </c>
    </row>
    <row r="29" spans="1:4" ht="18" customHeight="1" x14ac:dyDescent="0.15">
      <c r="A29" s="8" t="s">
        <v>21</v>
      </c>
      <c r="B29" s="21">
        <v>137</v>
      </c>
      <c r="C29" s="6">
        <v>120</v>
      </c>
      <c r="D29" s="5">
        <v>257</v>
      </c>
    </row>
    <row r="30" spans="1:4" ht="18" customHeight="1" x14ac:dyDescent="0.15">
      <c r="A30" s="8">
        <v>20</v>
      </c>
      <c r="B30" s="21">
        <v>26</v>
      </c>
      <c r="C30" s="6">
        <v>30</v>
      </c>
      <c r="D30" s="5">
        <v>56</v>
      </c>
    </row>
    <row r="31" spans="1:4" ht="18" customHeight="1" x14ac:dyDescent="0.15">
      <c r="A31" s="8">
        <v>21</v>
      </c>
      <c r="B31" s="21">
        <v>38</v>
      </c>
      <c r="C31" s="6">
        <v>27</v>
      </c>
      <c r="D31" s="5">
        <v>65</v>
      </c>
    </row>
    <row r="32" spans="1:4" ht="18" customHeight="1" x14ac:dyDescent="0.15">
      <c r="A32" s="8">
        <v>22</v>
      </c>
      <c r="B32" s="21">
        <v>31</v>
      </c>
      <c r="C32" s="6">
        <v>29</v>
      </c>
      <c r="D32" s="5">
        <v>60</v>
      </c>
    </row>
    <row r="33" spans="1:4" ht="18" customHeight="1" x14ac:dyDescent="0.15">
      <c r="A33" s="8">
        <v>23</v>
      </c>
      <c r="B33" s="21">
        <v>40</v>
      </c>
      <c r="C33" s="6">
        <v>21</v>
      </c>
      <c r="D33" s="5">
        <v>61</v>
      </c>
    </row>
    <row r="34" spans="1:4" ht="18" customHeight="1" x14ac:dyDescent="0.15">
      <c r="A34" s="8">
        <v>24</v>
      </c>
      <c r="B34" s="21">
        <v>36</v>
      </c>
      <c r="C34" s="6">
        <v>28</v>
      </c>
      <c r="D34" s="5">
        <v>64</v>
      </c>
    </row>
    <row r="35" spans="1:4" ht="18" customHeight="1" x14ac:dyDescent="0.15">
      <c r="A35" s="8" t="s">
        <v>20</v>
      </c>
      <c r="B35" s="21">
        <v>171</v>
      </c>
      <c r="C35" s="6">
        <v>135</v>
      </c>
      <c r="D35" s="5">
        <v>306</v>
      </c>
    </row>
    <row r="36" spans="1:4" ht="18" customHeight="1" x14ac:dyDescent="0.15">
      <c r="A36" s="8">
        <v>25</v>
      </c>
      <c r="B36" s="21">
        <v>36</v>
      </c>
      <c r="C36" s="6">
        <v>39</v>
      </c>
      <c r="D36" s="5">
        <v>75</v>
      </c>
    </row>
    <row r="37" spans="1:4" ht="18" customHeight="1" x14ac:dyDescent="0.15">
      <c r="A37" s="8">
        <v>26</v>
      </c>
      <c r="B37" s="21">
        <v>45</v>
      </c>
      <c r="C37" s="6">
        <v>20</v>
      </c>
      <c r="D37" s="5">
        <v>65</v>
      </c>
    </row>
    <row r="38" spans="1:4" ht="18" customHeight="1" x14ac:dyDescent="0.15">
      <c r="A38" s="8">
        <v>27</v>
      </c>
      <c r="B38" s="21">
        <v>39</v>
      </c>
      <c r="C38" s="6">
        <v>22</v>
      </c>
      <c r="D38" s="5">
        <v>61</v>
      </c>
    </row>
    <row r="39" spans="1:4" ht="18" customHeight="1" x14ac:dyDescent="0.15">
      <c r="A39" s="8">
        <v>28</v>
      </c>
      <c r="B39" s="21">
        <v>31</v>
      </c>
      <c r="C39" s="6">
        <v>30</v>
      </c>
      <c r="D39" s="5">
        <v>61</v>
      </c>
    </row>
    <row r="40" spans="1:4" ht="18" customHeight="1" x14ac:dyDescent="0.15">
      <c r="A40" s="8">
        <v>29</v>
      </c>
      <c r="B40" s="21">
        <v>34</v>
      </c>
      <c r="C40" s="6">
        <v>21</v>
      </c>
      <c r="D40" s="5">
        <v>55</v>
      </c>
    </row>
    <row r="41" spans="1:4" ht="18" customHeight="1" x14ac:dyDescent="0.15">
      <c r="A41" s="8" t="s">
        <v>19</v>
      </c>
      <c r="B41" s="21">
        <v>185</v>
      </c>
      <c r="C41" s="6">
        <v>132</v>
      </c>
      <c r="D41" s="5">
        <v>317</v>
      </c>
    </row>
    <row r="42" spans="1:4" ht="18" customHeight="1" x14ac:dyDescent="0.15">
      <c r="A42" s="8">
        <v>30</v>
      </c>
      <c r="B42" s="21">
        <v>30</v>
      </c>
      <c r="C42" s="6">
        <v>22</v>
      </c>
      <c r="D42" s="5">
        <v>52</v>
      </c>
    </row>
    <row r="43" spans="1:4" ht="18" customHeight="1" x14ac:dyDescent="0.15">
      <c r="A43" s="8">
        <v>31</v>
      </c>
      <c r="B43" s="21">
        <v>32</v>
      </c>
      <c r="C43" s="6">
        <v>20</v>
      </c>
      <c r="D43" s="5">
        <v>52</v>
      </c>
    </row>
    <row r="44" spans="1:4" ht="18" customHeight="1" x14ac:dyDescent="0.15">
      <c r="A44" s="8">
        <v>32</v>
      </c>
      <c r="B44" s="21">
        <v>32</v>
      </c>
      <c r="C44" s="6">
        <v>20</v>
      </c>
      <c r="D44" s="5">
        <v>52</v>
      </c>
    </row>
    <row r="45" spans="1:4" ht="18" customHeight="1" x14ac:dyDescent="0.15">
      <c r="A45" s="8">
        <v>33</v>
      </c>
      <c r="B45" s="21">
        <v>30</v>
      </c>
      <c r="C45" s="6">
        <v>33</v>
      </c>
      <c r="D45" s="5">
        <v>63</v>
      </c>
    </row>
    <row r="46" spans="1:4" ht="18" customHeight="1" x14ac:dyDescent="0.15">
      <c r="A46" s="8">
        <v>34</v>
      </c>
      <c r="B46" s="21">
        <v>27</v>
      </c>
      <c r="C46" s="6">
        <v>22</v>
      </c>
      <c r="D46" s="5">
        <v>49</v>
      </c>
    </row>
    <row r="47" spans="1:4" ht="18" customHeight="1" x14ac:dyDescent="0.15">
      <c r="A47" s="8" t="s">
        <v>18</v>
      </c>
      <c r="B47" s="21">
        <v>151</v>
      </c>
      <c r="C47" s="6">
        <v>117</v>
      </c>
      <c r="D47" s="5">
        <v>268</v>
      </c>
    </row>
    <row r="48" spans="1:4" ht="18" customHeight="1" x14ac:dyDescent="0.15">
      <c r="A48" s="8">
        <v>35</v>
      </c>
      <c r="B48" s="21">
        <v>28</v>
      </c>
      <c r="C48" s="6">
        <v>18</v>
      </c>
      <c r="D48" s="5">
        <v>46</v>
      </c>
    </row>
    <row r="49" spans="1:4" ht="18" customHeight="1" x14ac:dyDescent="0.15">
      <c r="A49" s="8">
        <v>36</v>
      </c>
      <c r="B49" s="21">
        <v>38</v>
      </c>
      <c r="C49" s="6">
        <v>29</v>
      </c>
      <c r="D49" s="5">
        <v>67</v>
      </c>
    </row>
    <row r="50" spans="1:4" ht="18" customHeight="1" x14ac:dyDescent="0.15">
      <c r="A50" s="8">
        <v>37</v>
      </c>
      <c r="B50" s="21">
        <v>35</v>
      </c>
      <c r="C50" s="6">
        <v>21</v>
      </c>
      <c r="D50" s="5">
        <v>56</v>
      </c>
    </row>
    <row r="51" spans="1:4" ht="18" customHeight="1" x14ac:dyDescent="0.15">
      <c r="A51" s="8">
        <v>38</v>
      </c>
      <c r="B51" s="21">
        <v>33</v>
      </c>
      <c r="C51" s="6">
        <v>29</v>
      </c>
      <c r="D51" s="5">
        <v>62</v>
      </c>
    </row>
    <row r="52" spans="1:4" ht="18" customHeight="1" x14ac:dyDescent="0.15">
      <c r="A52" s="8">
        <v>39</v>
      </c>
      <c r="B52" s="21">
        <v>29</v>
      </c>
      <c r="C52" s="6">
        <v>32</v>
      </c>
      <c r="D52" s="5">
        <v>61</v>
      </c>
    </row>
    <row r="53" spans="1:4" ht="18" customHeight="1" x14ac:dyDescent="0.15">
      <c r="A53" s="8" t="s">
        <v>17</v>
      </c>
      <c r="B53" s="21">
        <v>163</v>
      </c>
      <c r="C53" s="6">
        <v>129</v>
      </c>
      <c r="D53" s="5">
        <v>292</v>
      </c>
    </row>
    <row r="54" spans="1:4" ht="18" customHeight="1" x14ac:dyDescent="0.15">
      <c r="A54" s="8">
        <v>40</v>
      </c>
      <c r="B54" s="21">
        <v>28</v>
      </c>
      <c r="C54" s="6">
        <v>33</v>
      </c>
      <c r="D54" s="5">
        <v>61</v>
      </c>
    </row>
    <row r="55" spans="1:4" ht="18" customHeight="1" x14ac:dyDescent="0.15">
      <c r="A55" s="8">
        <v>41</v>
      </c>
      <c r="B55" s="21">
        <v>38</v>
      </c>
      <c r="C55" s="6">
        <v>37</v>
      </c>
      <c r="D55" s="5">
        <v>75</v>
      </c>
    </row>
    <row r="56" spans="1:4" ht="18" customHeight="1" x14ac:dyDescent="0.15">
      <c r="A56" s="8">
        <v>42</v>
      </c>
      <c r="B56" s="21">
        <v>34</v>
      </c>
      <c r="C56" s="6">
        <v>36</v>
      </c>
      <c r="D56" s="5">
        <v>70</v>
      </c>
    </row>
    <row r="57" spans="1:4" ht="18" customHeight="1" x14ac:dyDescent="0.15">
      <c r="A57" s="8">
        <v>43</v>
      </c>
      <c r="B57" s="21">
        <v>37</v>
      </c>
      <c r="C57" s="6">
        <v>36</v>
      </c>
      <c r="D57" s="5">
        <v>73</v>
      </c>
    </row>
    <row r="58" spans="1:4" ht="18" customHeight="1" x14ac:dyDescent="0.15">
      <c r="A58" s="8">
        <v>44</v>
      </c>
      <c r="B58" s="21">
        <v>37</v>
      </c>
      <c r="C58" s="6">
        <v>33</v>
      </c>
      <c r="D58" s="5">
        <v>70</v>
      </c>
    </row>
    <row r="59" spans="1:4" ht="18" customHeight="1" x14ac:dyDescent="0.15">
      <c r="A59" s="8" t="s">
        <v>16</v>
      </c>
      <c r="B59" s="21">
        <v>174</v>
      </c>
      <c r="C59" s="6">
        <v>175</v>
      </c>
      <c r="D59" s="5">
        <v>349</v>
      </c>
    </row>
    <row r="60" spans="1:4" ht="18" customHeight="1" x14ac:dyDescent="0.15">
      <c r="A60" s="8">
        <v>45</v>
      </c>
      <c r="B60" s="21">
        <v>43</v>
      </c>
      <c r="C60" s="6">
        <v>41</v>
      </c>
      <c r="D60" s="5">
        <v>84</v>
      </c>
    </row>
    <row r="61" spans="1:4" ht="18" customHeight="1" x14ac:dyDescent="0.15">
      <c r="A61" s="8">
        <v>46</v>
      </c>
      <c r="B61" s="21">
        <v>47</v>
      </c>
      <c r="C61" s="6">
        <v>48</v>
      </c>
      <c r="D61" s="5">
        <v>95</v>
      </c>
    </row>
    <row r="62" spans="1:4" ht="18" customHeight="1" x14ac:dyDescent="0.15">
      <c r="A62" s="8">
        <v>47</v>
      </c>
      <c r="B62" s="21">
        <v>32</v>
      </c>
      <c r="C62" s="6">
        <v>34</v>
      </c>
      <c r="D62" s="5">
        <v>66</v>
      </c>
    </row>
    <row r="63" spans="1:4" ht="18" customHeight="1" x14ac:dyDescent="0.15">
      <c r="A63" s="8">
        <v>48</v>
      </c>
      <c r="B63" s="21">
        <v>39</v>
      </c>
      <c r="C63" s="6">
        <v>48</v>
      </c>
      <c r="D63" s="5">
        <v>87</v>
      </c>
    </row>
    <row r="64" spans="1:4" ht="18" customHeight="1" x14ac:dyDescent="0.15">
      <c r="A64" s="8">
        <v>49</v>
      </c>
      <c r="B64" s="21">
        <v>52</v>
      </c>
      <c r="C64" s="6">
        <v>41</v>
      </c>
      <c r="D64" s="5">
        <v>93</v>
      </c>
    </row>
    <row r="65" spans="1:4" ht="18" customHeight="1" x14ac:dyDescent="0.15">
      <c r="A65" s="8" t="s">
        <v>15</v>
      </c>
      <c r="B65" s="21">
        <v>213</v>
      </c>
      <c r="C65" s="6">
        <v>212</v>
      </c>
      <c r="D65" s="5">
        <v>425</v>
      </c>
    </row>
    <row r="66" spans="1:4" ht="18" customHeight="1" x14ac:dyDescent="0.15">
      <c r="A66" s="8">
        <v>50</v>
      </c>
      <c r="B66" s="21">
        <v>49</v>
      </c>
      <c r="C66" s="6">
        <v>46</v>
      </c>
      <c r="D66" s="5">
        <v>95</v>
      </c>
    </row>
    <row r="67" spans="1:4" ht="18" customHeight="1" x14ac:dyDescent="0.15">
      <c r="A67" s="8">
        <v>51</v>
      </c>
      <c r="B67" s="21">
        <v>42</v>
      </c>
      <c r="C67" s="6">
        <v>39</v>
      </c>
      <c r="D67" s="5">
        <v>81</v>
      </c>
    </row>
    <row r="68" spans="1:4" ht="18" customHeight="1" x14ac:dyDescent="0.15">
      <c r="A68" s="8">
        <v>52</v>
      </c>
      <c r="B68" s="21">
        <v>54</v>
      </c>
      <c r="C68" s="6">
        <v>55</v>
      </c>
      <c r="D68" s="5">
        <v>109</v>
      </c>
    </row>
    <row r="69" spans="1:4" ht="18" customHeight="1" x14ac:dyDescent="0.15">
      <c r="A69" s="8">
        <v>53</v>
      </c>
      <c r="B69" s="21">
        <v>52</v>
      </c>
      <c r="C69" s="6">
        <v>59</v>
      </c>
      <c r="D69" s="5">
        <v>111</v>
      </c>
    </row>
    <row r="70" spans="1:4" ht="18" customHeight="1" x14ac:dyDescent="0.15">
      <c r="A70" s="8">
        <v>54</v>
      </c>
      <c r="B70" s="21">
        <v>48</v>
      </c>
      <c r="C70" s="6">
        <v>37</v>
      </c>
      <c r="D70" s="5">
        <v>85</v>
      </c>
    </row>
    <row r="71" spans="1:4" ht="18" customHeight="1" x14ac:dyDescent="0.15">
      <c r="A71" s="8" t="s">
        <v>14</v>
      </c>
      <c r="B71" s="21">
        <v>245</v>
      </c>
      <c r="C71" s="6">
        <v>236</v>
      </c>
      <c r="D71" s="5">
        <v>481</v>
      </c>
    </row>
    <row r="72" spans="1:4" ht="18" customHeight="1" x14ac:dyDescent="0.15">
      <c r="A72" s="8">
        <v>55</v>
      </c>
      <c r="B72" s="21">
        <v>68</v>
      </c>
      <c r="C72" s="6">
        <v>47</v>
      </c>
      <c r="D72" s="5">
        <v>115</v>
      </c>
    </row>
    <row r="73" spans="1:4" ht="18" customHeight="1" x14ac:dyDescent="0.15">
      <c r="A73" s="8">
        <v>56</v>
      </c>
      <c r="B73" s="21">
        <v>41</v>
      </c>
      <c r="C73" s="6">
        <v>51</v>
      </c>
      <c r="D73" s="5">
        <v>92</v>
      </c>
    </row>
    <row r="74" spans="1:4" ht="18" customHeight="1" x14ac:dyDescent="0.15">
      <c r="A74" s="8">
        <v>57</v>
      </c>
      <c r="B74" s="21">
        <v>48</v>
      </c>
      <c r="C74" s="6">
        <v>50</v>
      </c>
      <c r="D74" s="5">
        <v>98</v>
      </c>
    </row>
    <row r="75" spans="1:4" ht="18" customHeight="1" x14ac:dyDescent="0.15">
      <c r="A75" s="8">
        <v>58</v>
      </c>
      <c r="B75" s="21">
        <v>56</v>
      </c>
      <c r="C75" s="6">
        <v>49</v>
      </c>
      <c r="D75" s="5">
        <v>105</v>
      </c>
    </row>
    <row r="76" spans="1:4" ht="18" customHeight="1" x14ac:dyDescent="0.15">
      <c r="A76" s="8">
        <v>59</v>
      </c>
      <c r="B76" s="21">
        <v>33</v>
      </c>
      <c r="C76" s="6">
        <v>37</v>
      </c>
      <c r="D76" s="5">
        <v>70</v>
      </c>
    </row>
    <row r="77" spans="1:4" ht="18" customHeight="1" x14ac:dyDescent="0.15">
      <c r="A77" s="8" t="s">
        <v>13</v>
      </c>
      <c r="B77" s="21">
        <v>246</v>
      </c>
      <c r="C77" s="6">
        <v>234</v>
      </c>
      <c r="D77" s="5">
        <v>480</v>
      </c>
    </row>
    <row r="78" spans="1:4" ht="18" customHeight="1" x14ac:dyDescent="0.15">
      <c r="A78" s="8">
        <v>60</v>
      </c>
      <c r="B78" s="21">
        <v>51</v>
      </c>
      <c r="C78" s="6">
        <v>38</v>
      </c>
      <c r="D78" s="5">
        <v>89</v>
      </c>
    </row>
    <row r="79" spans="1:4" ht="18" customHeight="1" x14ac:dyDescent="0.15">
      <c r="A79" s="8">
        <v>61</v>
      </c>
      <c r="B79" s="21">
        <v>44</v>
      </c>
      <c r="C79" s="6">
        <v>43</v>
      </c>
      <c r="D79" s="5">
        <v>87</v>
      </c>
    </row>
    <row r="80" spans="1:4" ht="18" customHeight="1" x14ac:dyDescent="0.15">
      <c r="A80" s="8">
        <v>62</v>
      </c>
      <c r="B80" s="21">
        <v>43</v>
      </c>
      <c r="C80" s="6">
        <v>40</v>
      </c>
      <c r="D80" s="5">
        <v>83</v>
      </c>
    </row>
    <row r="81" spans="1:4" ht="18" customHeight="1" x14ac:dyDescent="0.15">
      <c r="A81" s="8">
        <v>63</v>
      </c>
      <c r="B81" s="21">
        <v>45</v>
      </c>
      <c r="C81" s="6">
        <v>44</v>
      </c>
      <c r="D81" s="5">
        <v>89</v>
      </c>
    </row>
    <row r="82" spans="1:4" ht="18" customHeight="1" x14ac:dyDescent="0.15">
      <c r="A82" s="8">
        <v>64</v>
      </c>
      <c r="B82" s="21">
        <v>48</v>
      </c>
      <c r="C82" s="6">
        <v>57</v>
      </c>
      <c r="D82" s="5">
        <v>105</v>
      </c>
    </row>
    <row r="83" spans="1:4" ht="18" customHeight="1" x14ac:dyDescent="0.15">
      <c r="A83" s="8" t="s">
        <v>12</v>
      </c>
      <c r="B83" s="21">
        <v>231</v>
      </c>
      <c r="C83" s="6">
        <v>222</v>
      </c>
      <c r="D83" s="5">
        <v>453</v>
      </c>
    </row>
    <row r="84" spans="1:4" ht="18" customHeight="1" x14ac:dyDescent="0.15">
      <c r="A84" s="8" t="s">
        <v>11</v>
      </c>
      <c r="B84" s="21">
        <v>1916</v>
      </c>
      <c r="C84" s="6">
        <v>1712</v>
      </c>
      <c r="D84" s="5">
        <v>3628</v>
      </c>
    </row>
    <row r="85" spans="1:4" ht="18" customHeight="1" x14ac:dyDescent="0.15">
      <c r="A85" s="8">
        <v>65</v>
      </c>
      <c r="B85" s="21">
        <v>45</v>
      </c>
      <c r="C85" s="6">
        <v>49</v>
      </c>
      <c r="D85" s="5">
        <v>94</v>
      </c>
    </row>
    <row r="86" spans="1:4" ht="18" customHeight="1" x14ac:dyDescent="0.15">
      <c r="A86" s="8">
        <v>66</v>
      </c>
      <c r="B86" s="21">
        <v>41</v>
      </c>
      <c r="C86" s="6">
        <v>35</v>
      </c>
      <c r="D86" s="5">
        <v>76</v>
      </c>
    </row>
    <row r="87" spans="1:4" ht="18" customHeight="1" x14ac:dyDescent="0.15">
      <c r="A87" s="8">
        <v>67</v>
      </c>
      <c r="B87" s="21">
        <v>43</v>
      </c>
      <c r="C87" s="6">
        <v>34</v>
      </c>
      <c r="D87" s="5">
        <v>77</v>
      </c>
    </row>
    <row r="88" spans="1:4" ht="18" customHeight="1" x14ac:dyDescent="0.15">
      <c r="A88" s="8">
        <v>68</v>
      </c>
      <c r="B88" s="21">
        <v>40</v>
      </c>
      <c r="C88" s="6">
        <v>50</v>
      </c>
      <c r="D88" s="5">
        <v>90</v>
      </c>
    </row>
    <row r="89" spans="1:4" ht="18" customHeight="1" x14ac:dyDescent="0.15">
      <c r="A89" s="8">
        <v>69</v>
      </c>
      <c r="B89" s="21">
        <v>52</v>
      </c>
      <c r="C89" s="6">
        <v>45</v>
      </c>
      <c r="D89" s="5">
        <v>97</v>
      </c>
    </row>
    <row r="90" spans="1:4" ht="18" customHeight="1" x14ac:dyDescent="0.15">
      <c r="A90" s="8" t="s">
        <v>10</v>
      </c>
      <c r="B90" s="21">
        <v>221</v>
      </c>
      <c r="C90" s="6">
        <v>213</v>
      </c>
      <c r="D90" s="5">
        <v>434</v>
      </c>
    </row>
    <row r="91" spans="1:4" ht="18" customHeight="1" x14ac:dyDescent="0.15">
      <c r="A91" s="8">
        <v>70</v>
      </c>
      <c r="B91" s="21">
        <v>48</v>
      </c>
      <c r="C91" s="6">
        <v>42</v>
      </c>
      <c r="D91" s="5">
        <v>90</v>
      </c>
    </row>
    <row r="92" spans="1:4" ht="18" customHeight="1" x14ac:dyDescent="0.15">
      <c r="A92" s="8">
        <v>71</v>
      </c>
      <c r="B92" s="21">
        <v>48</v>
      </c>
      <c r="C92" s="6">
        <v>59</v>
      </c>
      <c r="D92" s="5">
        <v>107</v>
      </c>
    </row>
    <row r="93" spans="1:4" ht="18" customHeight="1" x14ac:dyDescent="0.15">
      <c r="A93" s="8">
        <v>72</v>
      </c>
      <c r="B93" s="21">
        <v>54</v>
      </c>
      <c r="C93" s="6">
        <v>55</v>
      </c>
      <c r="D93" s="5">
        <v>109</v>
      </c>
    </row>
    <row r="94" spans="1:4" ht="18" customHeight="1" x14ac:dyDescent="0.15">
      <c r="A94" s="8">
        <v>73</v>
      </c>
      <c r="B94" s="21">
        <v>61</v>
      </c>
      <c r="C94" s="6">
        <v>46</v>
      </c>
      <c r="D94" s="5">
        <v>107</v>
      </c>
    </row>
    <row r="95" spans="1:4" ht="18" customHeight="1" x14ac:dyDescent="0.15">
      <c r="A95" s="8">
        <v>74</v>
      </c>
      <c r="B95" s="21">
        <v>46</v>
      </c>
      <c r="C95" s="6">
        <v>62</v>
      </c>
      <c r="D95" s="5">
        <v>108</v>
      </c>
    </row>
    <row r="96" spans="1:4" ht="18" customHeight="1" x14ac:dyDescent="0.15">
      <c r="A96" s="8" t="s">
        <v>9</v>
      </c>
      <c r="B96" s="21">
        <v>257</v>
      </c>
      <c r="C96" s="6">
        <v>264</v>
      </c>
      <c r="D96" s="5">
        <v>521</v>
      </c>
    </row>
    <row r="97" spans="1:4" ht="18" customHeight="1" x14ac:dyDescent="0.15">
      <c r="A97" s="8">
        <v>75</v>
      </c>
      <c r="B97" s="21">
        <v>60</v>
      </c>
      <c r="C97" s="6">
        <v>56</v>
      </c>
      <c r="D97" s="5">
        <v>116</v>
      </c>
    </row>
    <row r="98" spans="1:4" ht="18" customHeight="1" x14ac:dyDescent="0.15">
      <c r="A98" s="8">
        <v>76</v>
      </c>
      <c r="B98" s="21">
        <v>57</v>
      </c>
      <c r="C98" s="6">
        <v>49</v>
      </c>
      <c r="D98" s="5">
        <v>106</v>
      </c>
    </row>
    <row r="99" spans="1:4" ht="18" customHeight="1" x14ac:dyDescent="0.15">
      <c r="A99" s="8">
        <v>77</v>
      </c>
      <c r="B99" s="21">
        <v>72</v>
      </c>
      <c r="C99" s="6">
        <v>65</v>
      </c>
      <c r="D99" s="5">
        <v>137</v>
      </c>
    </row>
    <row r="100" spans="1:4" ht="18" customHeight="1" x14ac:dyDescent="0.15">
      <c r="A100" s="8">
        <v>78</v>
      </c>
      <c r="B100" s="21">
        <v>52</v>
      </c>
      <c r="C100" s="6">
        <v>60</v>
      </c>
      <c r="D100" s="5">
        <v>112</v>
      </c>
    </row>
    <row r="101" spans="1:4" ht="18" customHeight="1" x14ac:dyDescent="0.15">
      <c r="A101" s="8">
        <v>79</v>
      </c>
      <c r="B101" s="21">
        <v>31</v>
      </c>
      <c r="C101" s="6">
        <v>32</v>
      </c>
      <c r="D101" s="5">
        <v>63</v>
      </c>
    </row>
    <row r="102" spans="1:4" ht="18" customHeight="1" x14ac:dyDescent="0.15">
      <c r="A102" s="8" t="s">
        <v>8</v>
      </c>
      <c r="B102" s="21">
        <v>272</v>
      </c>
      <c r="C102" s="6">
        <v>262</v>
      </c>
      <c r="D102" s="5">
        <v>534</v>
      </c>
    </row>
    <row r="103" spans="1:4" ht="18" customHeight="1" x14ac:dyDescent="0.15">
      <c r="A103" s="8">
        <v>80</v>
      </c>
      <c r="B103" s="21">
        <v>31</v>
      </c>
      <c r="C103" s="6">
        <v>33</v>
      </c>
      <c r="D103" s="5">
        <v>64</v>
      </c>
    </row>
    <row r="104" spans="1:4" ht="18" customHeight="1" x14ac:dyDescent="0.15">
      <c r="A104" s="8">
        <v>81</v>
      </c>
      <c r="B104" s="21">
        <v>34</v>
      </c>
      <c r="C104" s="6">
        <v>46</v>
      </c>
      <c r="D104" s="5">
        <v>80</v>
      </c>
    </row>
    <row r="105" spans="1:4" ht="18" customHeight="1" x14ac:dyDescent="0.15">
      <c r="A105" s="8">
        <v>82</v>
      </c>
      <c r="B105" s="21">
        <v>29</v>
      </c>
      <c r="C105" s="6">
        <v>40</v>
      </c>
      <c r="D105" s="5">
        <v>69</v>
      </c>
    </row>
    <row r="106" spans="1:4" ht="18" customHeight="1" x14ac:dyDescent="0.15">
      <c r="A106" s="8">
        <v>83</v>
      </c>
      <c r="B106" s="21">
        <v>38</v>
      </c>
      <c r="C106" s="6">
        <v>46</v>
      </c>
      <c r="D106" s="5">
        <v>84</v>
      </c>
    </row>
    <row r="107" spans="1:4" ht="18" customHeight="1" x14ac:dyDescent="0.15">
      <c r="A107" s="8">
        <v>84</v>
      </c>
      <c r="B107" s="21">
        <v>28</v>
      </c>
      <c r="C107" s="6">
        <v>37</v>
      </c>
      <c r="D107" s="5">
        <v>65</v>
      </c>
    </row>
    <row r="108" spans="1:4" ht="18" customHeight="1" x14ac:dyDescent="0.15">
      <c r="A108" s="8" t="s">
        <v>7</v>
      </c>
      <c r="B108" s="21">
        <v>160</v>
      </c>
      <c r="C108" s="6">
        <v>202</v>
      </c>
      <c r="D108" s="5">
        <v>362</v>
      </c>
    </row>
    <row r="109" spans="1:4" ht="18" customHeight="1" x14ac:dyDescent="0.15">
      <c r="A109" s="8">
        <v>85</v>
      </c>
      <c r="B109" s="21">
        <v>13</v>
      </c>
      <c r="C109" s="6">
        <v>32</v>
      </c>
      <c r="D109" s="5">
        <v>45</v>
      </c>
    </row>
    <row r="110" spans="1:4" ht="18" customHeight="1" x14ac:dyDescent="0.15">
      <c r="A110" s="8">
        <v>86</v>
      </c>
      <c r="B110" s="21">
        <v>16</v>
      </c>
      <c r="C110" s="6">
        <v>26</v>
      </c>
      <c r="D110" s="5">
        <v>42</v>
      </c>
    </row>
    <row r="111" spans="1:4" ht="18" customHeight="1" x14ac:dyDescent="0.15">
      <c r="A111" s="8">
        <v>87</v>
      </c>
      <c r="B111" s="21">
        <v>16</v>
      </c>
      <c r="C111" s="6">
        <v>19</v>
      </c>
      <c r="D111" s="5">
        <v>35</v>
      </c>
    </row>
    <row r="112" spans="1:4" ht="18" customHeight="1" x14ac:dyDescent="0.15">
      <c r="A112" s="8">
        <v>88</v>
      </c>
      <c r="B112" s="21">
        <v>14</v>
      </c>
      <c r="C112" s="6">
        <v>35</v>
      </c>
      <c r="D112" s="5">
        <v>49</v>
      </c>
    </row>
    <row r="113" spans="1:4" ht="18" customHeight="1" x14ac:dyDescent="0.15">
      <c r="A113" s="8">
        <v>89</v>
      </c>
      <c r="B113" s="21">
        <v>19</v>
      </c>
      <c r="C113" s="6">
        <v>29</v>
      </c>
      <c r="D113" s="5">
        <v>48</v>
      </c>
    </row>
    <row r="114" spans="1:4" ht="18" customHeight="1" x14ac:dyDescent="0.15">
      <c r="A114" s="8" t="s">
        <v>6</v>
      </c>
      <c r="B114" s="21">
        <v>78</v>
      </c>
      <c r="C114" s="6">
        <v>141</v>
      </c>
      <c r="D114" s="5">
        <v>219</v>
      </c>
    </row>
    <row r="115" spans="1:4" ht="18" customHeight="1" x14ac:dyDescent="0.15">
      <c r="A115" s="8">
        <v>90</v>
      </c>
      <c r="B115" s="21">
        <v>9</v>
      </c>
      <c r="C115" s="6">
        <v>16</v>
      </c>
      <c r="D115" s="5">
        <v>25</v>
      </c>
    </row>
    <row r="116" spans="1:4" ht="18" customHeight="1" x14ac:dyDescent="0.15">
      <c r="A116" s="8">
        <v>91</v>
      </c>
      <c r="B116" s="21">
        <v>10</v>
      </c>
      <c r="C116" s="6">
        <v>26</v>
      </c>
      <c r="D116" s="5">
        <v>36</v>
      </c>
    </row>
    <row r="117" spans="1:4" ht="18" customHeight="1" x14ac:dyDescent="0.15">
      <c r="A117" s="8">
        <v>92</v>
      </c>
      <c r="B117" s="21">
        <v>6</v>
      </c>
      <c r="C117" s="6">
        <v>14</v>
      </c>
      <c r="D117" s="5">
        <v>20</v>
      </c>
    </row>
    <row r="118" spans="1:4" ht="18" customHeight="1" x14ac:dyDescent="0.15">
      <c r="A118" s="8">
        <v>93</v>
      </c>
      <c r="B118" s="21">
        <v>6</v>
      </c>
      <c r="C118" s="6">
        <v>10</v>
      </c>
      <c r="D118" s="5">
        <v>16</v>
      </c>
    </row>
    <row r="119" spans="1:4" ht="18" customHeight="1" x14ac:dyDescent="0.15">
      <c r="A119" s="8">
        <v>94</v>
      </c>
      <c r="B119" s="21">
        <v>0</v>
      </c>
      <c r="C119" s="6">
        <v>13</v>
      </c>
      <c r="D119" s="5">
        <v>13</v>
      </c>
    </row>
    <row r="120" spans="1:4" ht="18" customHeight="1" x14ac:dyDescent="0.15">
      <c r="A120" s="8" t="s">
        <v>5</v>
      </c>
      <c r="B120" s="21">
        <v>31</v>
      </c>
      <c r="C120" s="6">
        <v>79</v>
      </c>
      <c r="D120" s="5">
        <v>110</v>
      </c>
    </row>
    <row r="121" spans="1:4" ht="18" customHeight="1" x14ac:dyDescent="0.15">
      <c r="A121" s="8">
        <v>95</v>
      </c>
      <c r="B121" s="21">
        <v>5</v>
      </c>
      <c r="C121" s="6">
        <v>17</v>
      </c>
      <c r="D121" s="5">
        <v>22</v>
      </c>
    </row>
    <row r="122" spans="1:4" ht="18" customHeight="1" x14ac:dyDescent="0.15">
      <c r="A122" s="8">
        <v>96</v>
      </c>
      <c r="B122" s="21">
        <v>3</v>
      </c>
      <c r="C122" s="6">
        <v>7</v>
      </c>
      <c r="D122" s="5">
        <v>10</v>
      </c>
    </row>
    <row r="123" spans="1:4" ht="18" customHeight="1" x14ac:dyDescent="0.15">
      <c r="A123" s="8">
        <v>97</v>
      </c>
      <c r="B123" s="21">
        <v>1</v>
      </c>
      <c r="C123" s="6">
        <v>6</v>
      </c>
      <c r="D123" s="5">
        <v>7</v>
      </c>
    </row>
    <row r="124" spans="1:4" ht="18" customHeight="1" x14ac:dyDescent="0.15">
      <c r="A124" s="8">
        <v>98</v>
      </c>
      <c r="B124" s="21">
        <v>2</v>
      </c>
      <c r="C124" s="6">
        <v>5</v>
      </c>
      <c r="D124" s="5">
        <v>7</v>
      </c>
    </row>
    <row r="125" spans="1:4" ht="18" customHeight="1" x14ac:dyDescent="0.15">
      <c r="A125" s="8">
        <v>99</v>
      </c>
      <c r="B125" s="21">
        <v>2</v>
      </c>
      <c r="C125" s="6">
        <v>4</v>
      </c>
      <c r="D125" s="5">
        <v>6</v>
      </c>
    </row>
    <row r="126" spans="1:4" ht="18" customHeight="1" x14ac:dyDescent="0.15">
      <c r="A126" s="8" t="s">
        <v>4</v>
      </c>
      <c r="B126" s="21">
        <v>13</v>
      </c>
      <c r="C126" s="6">
        <v>39</v>
      </c>
      <c r="D126" s="5">
        <v>52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032</v>
      </c>
      <c r="C130" s="6">
        <v>1202</v>
      </c>
      <c r="D130" s="5">
        <v>2234</v>
      </c>
    </row>
    <row r="131" spans="1:4" ht="18" customHeight="1" x14ac:dyDescent="0.15">
      <c r="A131" s="4" t="s">
        <v>0</v>
      </c>
      <c r="B131" s="20">
        <v>3217</v>
      </c>
      <c r="C131" s="2">
        <v>3199</v>
      </c>
      <c r="D131" s="1">
        <v>64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42D1F1-D85E-490B-9C1F-6B64E58B39F7}">
  <sheetPr codeName="Sheet7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4</v>
      </c>
      <c r="C5" s="31">
        <v>11</v>
      </c>
      <c r="D5" s="30">
        <v>25</v>
      </c>
    </row>
    <row r="6" spans="1:4" ht="18" customHeight="1" x14ac:dyDescent="0.15">
      <c r="A6" s="8">
        <v>1</v>
      </c>
      <c r="B6" s="26">
        <v>13</v>
      </c>
      <c r="C6" s="6">
        <v>11</v>
      </c>
      <c r="D6" s="5">
        <v>24</v>
      </c>
    </row>
    <row r="7" spans="1:4" ht="18" customHeight="1" x14ac:dyDescent="0.15">
      <c r="A7" s="8">
        <v>2</v>
      </c>
      <c r="B7" s="26">
        <v>15</v>
      </c>
      <c r="C7" s="6">
        <v>12</v>
      </c>
      <c r="D7" s="5">
        <v>27</v>
      </c>
    </row>
    <row r="8" spans="1:4" ht="18" customHeight="1" x14ac:dyDescent="0.15">
      <c r="A8" s="8">
        <v>3</v>
      </c>
      <c r="B8" s="26">
        <v>15</v>
      </c>
      <c r="C8" s="6">
        <v>11</v>
      </c>
      <c r="D8" s="5">
        <v>26</v>
      </c>
    </row>
    <row r="9" spans="1:4" ht="18" customHeight="1" x14ac:dyDescent="0.15">
      <c r="A9" s="8">
        <v>4</v>
      </c>
      <c r="B9" s="29">
        <v>17</v>
      </c>
      <c r="C9" s="28">
        <v>19</v>
      </c>
      <c r="D9" s="27">
        <v>36</v>
      </c>
    </row>
    <row r="10" spans="1:4" ht="18" customHeight="1" x14ac:dyDescent="0.15">
      <c r="A10" s="8" t="s">
        <v>25</v>
      </c>
      <c r="B10" s="21">
        <v>74</v>
      </c>
      <c r="C10" s="6">
        <v>64</v>
      </c>
      <c r="D10" s="5">
        <v>138</v>
      </c>
    </row>
    <row r="11" spans="1:4" ht="18" customHeight="1" x14ac:dyDescent="0.15">
      <c r="A11" s="8">
        <v>5</v>
      </c>
      <c r="B11" s="26">
        <v>17</v>
      </c>
      <c r="C11" s="6">
        <v>24</v>
      </c>
      <c r="D11" s="5">
        <v>41</v>
      </c>
    </row>
    <row r="12" spans="1:4" ht="18" customHeight="1" x14ac:dyDescent="0.15">
      <c r="A12" s="8">
        <v>6</v>
      </c>
      <c r="B12" s="26">
        <v>19</v>
      </c>
      <c r="C12" s="6">
        <v>16</v>
      </c>
      <c r="D12" s="5">
        <v>35</v>
      </c>
    </row>
    <row r="13" spans="1:4" ht="18" customHeight="1" x14ac:dyDescent="0.15">
      <c r="A13" s="8">
        <v>7</v>
      </c>
      <c r="B13" s="26">
        <v>17</v>
      </c>
      <c r="C13" s="6">
        <v>24</v>
      </c>
      <c r="D13" s="5">
        <v>41</v>
      </c>
    </row>
    <row r="14" spans="1:4" ht="18" customHeight="1" x14ac:dyDescent="0.15">
      <c r="A14" s="8">
        <v>8</v>
      </c>
      <c r="B14" s="26">
        <v>26</v>
      </c>
      <c r="C14" s="6">
        <v>34</v>
      </c>
      <c r="D14" s="5">
        <v>60</v>
      </c>
    </row>
    <row r="15" spans="1:4" ht="18" customHeight="1" x14ac:dyDescent="0.15">
      <c r="A15" s="8">
        <v>9</v>
      </c>
      <c r="B15" s="26">
        <v>27</v>
      </c>
      <c r="C15" s="6">
        <v>23</v>
      </c>
      <c r="D15" s="5">
        <v>50</v>
      </c>
    </row>
    <row r="16" spans="1:4" ht="18" customHeight="1" x14ac:dyDescent="0.15">
      <c r="A16" s="8" t="s">
        <v>24</v>
      </c>
      <c r="B16" s="21">
        <v>106</v>
      </c>
      <c r="C16" s="6">
        <v>121</v>
      </c>
      <c r="D16" s="5">
        <v>227</v>
      </c>
    </row>
    <row r="17" spans="1:4" ht="18" customHeight="1" x14ac:dyDescent="0.15">
      <c r="A17" s="8">
        <v>10</v>
      </c>
      <c r="B17" s="21">
        <v>25</v>
      </c>
      <c r="C17" s="6">
        <v>23</v>
      </c>
      <c r="D17" s="5">
        <v>48</v>
      </c>
    </row>
    <row r="18" spans="1:4" ht="18" customHeight="1" x14ac:dyDescent="0.15">
      <c r="A18" s="8">
        <v>11</v>
      </c>
      <c r="B18" s="21">
        <v>26</v>
      </c>
      <c r="C18" s="6">
        <v>16</v>
      </c>
      <c r="D18" s="5">
        <v>42</v>
      </c>
    </row>
    <row r="19" spans="1:4" ht="18" customHeight="1" x14ac:dyDescent="0.15">
      <c r="A19" s="8">
        <v>12</v>
      </c>
      <c r="B19" s="21">
        <v>25</v>
      </c>
      <c r="C19" s="6">
        <v>21</v>
      </c>
      <c r="D19" s="5">
        <v>46</v>
      </c>
    </row>
    <row r="20" spans="1:4" ht="18" customHeight="1" x14ac:dyDescent="0.15">
      <c r="A20" s="8">
        <v>13</v>
      </c>
      <c r="B20" s="21">
        <v>26</v>
      </c>
      <c r="C20" s="6">
        <v>21</v>
      </c>
      <c r="D20" s="5">
        <v>47</v>
      </c>
    </row>
    <row r="21" spans="1:4" ht="18" customHeight="1" x14ac:dyDescent="0.15">
      <c r="A21" s="8">
        <v>14</v>
      </c>
      <c r="B21" s="21">
        <v>31</v>
      </c>
      <c r="C21" s="6">
        <v>23</v>
      </c>
      <c r="D21" s="5">
        <v>54</v>
      </c>
    </row>
    <row r="22" spans="1:4" ht="18" customHeight="1" x14ac:dyDescent="0.15">
      <c r="A22" s="8" t="s">
        <v>23</v>
      </c>
      <c r="B22" s="21">
        <v>133</v>
      </c>
      <c r="C22" s="6">
        <v>104</v>
      </c>
      <c r="D22" s="5">
        <v>237</v>
      </c>
    </row>
    <row r="23" spans="1:4" ht="18" customHeight="1" x14ac:dyDescent="0.15">
      <c r="A23" s="8" t="s">
        <v>22</v>
      </c>
      <c r="B23" s="21">
        <v>313</v>
      </c>
      <c r="C23" s="6">
        <v>289</v>
      </c>
      <c r="D23" s="5">
        <v>602</v>
      </c>
    </row>
    <row r="24" spans="1:4" ht="18" customHeight="1" x14ac:dyDescent="0.15">
      <c r="A24" s="8">
        <v>15</v>
      </c>
      <c r="B24" s="21">
        <v>25</v>
      </c>
      <c r="C24" s="6">
        <v>44</v>
      </c>
      <c r="D24" s="5">
        <v>69</v>
      </c>
    </row>
    <row r="25" spans="1:4" ht="18" customHeight="1" x14ac:dyDescent="0.15">
      <c r="A25" s="8">
        <v>16</v>
      </c>
      <c r="B25" s="21">
        <v>31</v>
      </c>
      <c r="C25" s="6">
        <v>31</v>
      </c>
      <c r="D25" s="5">
        <v>62</v>
      </c>
    </row>
    <row r="26" spans="1:4" ht="18" customHeight="1" x14ac:dyDescent="0.15">
      <c r="A26" s="8">
        <v>17</v>
      </c>
      <c r="B26" s="21">
        <v>33</v>
      </c>
      <c r="C26" s="6">
        <v>37</v>
      </c>
      <c r="D26" s="5">
        <v>70</v>
      </c>
    </row>
    <row r="27" spans="1:4" ht="18" customHeight="1" x14ac:dyDescent="0.15">
      <c r="A27" s="8">
        <v>18</v>
      </c>
      <c r="B27" s="21">
        <v>33</v>
      </c>
      <c r="C27" s="6">
        <v>29</v>
      </c>
      <c r="D27" s="5">
        <v>62</v>
      </c>
    </row>
    <row r="28" spans="1:4" ht="18" customHeight="1" x14ac:dyDescent="0.15">
      <c r="A28" s="8">
        <v>19</v>
      </c>
      <c r="B28" s="21">
        <v>31</v>
      </c>
      <c r="C28" s="6">
        <v>34</v>
      </c>
      <c r="D28" s="5">
        <v>65</v>
      </c>
    </row>
    <row r="29" spans="1:4" ht="18" customHeight="1" x14ac:dyDescent="0.15">
      <c r="A29" s="8" t="s">
        <v>21</v>
      </c>
      <c r="B29" s="21">
        <v>153</v>
      </c>
      <c r="C29" s="6">
        <v>175</v>
      </c>
      <c r="D29" s="5">
        <v>328</v>
      </c>
    </row>
    <row r="30" spans="1:4" ht="18" customHeight="1" x14ac:dyDescent="0.15">
      <c r="A30" s="8">
        <v>20</v>
      </c>
      <c r="B30" s="21">
        <v>27</v>
      </c>
      <c r="C30" s="6">
        <v>39</v>
      </c>
      <c r="D30" s="5">
        <v>66</v>
      </c>
    </row>
    <row r="31" spans="1:4" ht="18" customHeight="1" x14ac:dyDescent="0.15">
      <c r="A31" s="8">
        <v>21</v>
      </c>
      <c r="B31" s="21">
        <v>36</v>
      </c>
      <c r="C31" s="6">
        <v>40</v>
      </c>
      <c r="D31" s="5">
        <v>76</v>
      </c>
    </row>
    <row r="32" spans="1:4" ht="18" customHeight="1" x14ac:dyDescent="0.15">
      <c r="A32" s="8">
        <v>22</v>
      </c>
      <c r="B32" s="21">
        <v>29</v>
      </c>
      <c r="C32" s="6">
        <v>42</v>
      </c>
      <c r="D32" s="5">
        <v>71</v>
      </c>
    </row>
    <row r="33" spans="1:4" ht="18" customHeight="1" x14ac:dyDescent="0.15">
      <c r="A33" s="8">
        <v>23</v>
      </c>
      <c r="B33" s="21">
        <v>40</v>
      </c>
      <c r="C33" s="6">
        <v>31</v>
      </c>
      <c r="D33" s="5">
        <v>71</v>
      </c>
    </row>
    <row r="34" spans="1:4" ht="18" customHeight="1" x14ac:dyDescent="0.15">
      <c r="A34" s="8">
        <v>24</v>
      </c>
      <c r="B34" s="21">
        <v>34</v>
      </c>
      <c r="C34" s="6">
        <v>31</v>
      </c>
      <c r="D34" s="5">
        <v>65</v>
      </c>
    </row>
    <row r="35" spans="1:4" ht="18" customHeight="1" x14ac:dyDescent="0.15">
      <c r="A35" s="8" t="s">
        <v>20</v>
      </c>
      <c r="B35" s="21">
        <v>166</v>
      </c>
      <c r="C35" s="6">
        <v>183</v>
      </c>
      <c r="D35" s="5">
        <v>349</v>
      </c>
    </row>
    <row r="36" spans="1:4" ht="18" customHeight="1" x14ac:dyDescent="0.15">
      <c r="A36" s="8">
        <v>25</v>
      </c>
      <c r="B36" s="21">
        <v>34</v>
      </c>
      <c r="C36" s="6">
        <v>29</v>
      </c>
      <c r="D36" s="5">
        <v>63</v>
      </c>
    </row>
    <row r="37" spans="1:4" ht="18" customHeight="1" x14ac:dyDescent="0.15">
      <c r="A37" s="8">
        <v>26</v>
      </c>
      <c r="B37" s="21">
        <v>28</v>
      </c>
      <c r="C37" s="6">
        <v>36</v>
      </c>
      <c r="D37" s="5">
        <v>64</v>
      </c>
    </row>
    <row r="38" spans="1:4" ht="18" customHeight="1" x14ac:dyDescent="0.15">
      <c r="A38" s="8">
        <v>27</v>
      </c>
      <c r="B38" s="21">
        <v>35</v>
      </c>
      <c r="C38" s="6">
        <v>24</v>
      </c>
      <c r="D38" s="5">
        <v>59</v>
      </c>
    </row>
    <row r="39" spans="1:4" ht="18" customHeight="1" x14ac:dyDescent="0.15">
      <c r="A39" s="8">
        <v>28</v>
      </c>
      <c r="B39" s="21">
        <v>24</v>
      </c>
      <c r="C39" s="6">
        <v>22</v>
      </c>
      <c r="D39" s="5">
        <v>46</v>
      </c>
    </row>
    <row r="40" spans="1:4" ht="18" customHeight="1" x14ac:dyDescent="0.15">
      <c r="A40" s="8">
        <v>29</v>
      </c>
      <c r="B40" s="21">
        <v>34</v>
      </c>
      <c r="C40" s="6">
        <v>22</v>
      </c>
      <c r="D40" s="5">
        <v>56</v>
      </c>
    </row>
    <row r="41" spans="1:4" ht="18" customHeight="1" x14ac:dyDescent="0.15">
      <c r="A41" s="8" t="s">
        <v>19</v>
      </c>
      <c r="B41" s="21">
        <v>155</v>
      </c>
      <c r="C41" s="6">
        <v>133</v>
      </c>
      <c r="D41" s="5">
        <v>288</v>
      </c>
    </row>
    <row r="42" spans="1:4" ht="18" customHeight="1" x14ac:dyDescent="0.15">
      <c r="A42" s="8">
        <v>30</v>
      </c>
      <c r="B42" s="21">
        <v>16</v>
      </c>
      <c r="C42" s="6">
        <v>27</v>
      </c>
      <c r="D42" s="5">
        <v>43</v>
      </c>
    </row>
    <row r="43" spans="1:4" ht="18" customHeight="1" x14ac:dyDescent="0.15">
      <c r="A43" s="8">
        <v>31</v>
      </c>
      <c r="B43" s="21">
        <v>30</v>
      </c>
      <c r="C43" s="6">
        <v>16</v>
      </c>
      <c r="D43" s="5">
        <v>46</v>
      </c>
    </row>
    <row r="44" spans="1:4" ht="18" customHeight="1" x14ac:dyDescent="0.15">
      <c r="A44" s="8">
        <v>32</v>
      </c>
      <c r="B44" s="21">
        <v>16</v>
      </c>
      <c r="C44" s="6">
        <v>19</v>
      </c>
      <c r="D44" s="5">
        <v>35</v>
      </c>
    </row>
    <row r="45" spans="1:4" ht="18" customHeight="1" x14ac:dyDescent="0.15">
      <c r="A45" s="8">
        <v>33</v>
      </c>
      <c r="B45" s="21">
        <v>28</v>
      </c>
      <c r="C45" s="6">
        <v>22</v>
      </c>
      <c r="D45" s="5">
        <v>50</v>
      </c>
    </row>
    <row r="46" spans="1:4" ht="18" customHeight="1" x14ac:dyDescent="0.15">
      <c r="A46" s="8">
        <v>34</v>
      </c>
      <c r="B46" s="21">
        <v>20</v>
      </c>
      <c r="C46" s="6">
        <v>15</v>
      </c>
      <c r="D46" s="5">
        <v>35</v>
      </c>
    </row>
    <row r="47" spans="1:4" ht="18" customHeight="1" x14ac:dyDescent="0.15">
      <c r="A47" s="8" t="s">
        <v>18</v>
      </c>
      <c r="B47" s="21">
        <v>110</v>
      </c>
      <c r="C47" s="6">
        <v>99</v>
      </c>
      <c r="D47" s="5">
        <v>209</v>
      </c>
    </row>
    <row r="48" spans="1:4" ht="18" customHeight="1" x14ac:dyDescent="0.15">
      <c r="A48" s="8">
        <v>35</v>
      </c>
      <c r="B48" s="21">
        <v>20</v>
      </c>
      <c r="C48" s="6">
        <v>23</v>
      </c>
      <c r="D48" s="5">
        <v>43</v>
      </c>
    </row>
    <row r="49" spans="1:4" ht="18" customHeight="1" x14ac:dyDescent="0.15">
      <c r="A49" s="8">
        <v>36</v>
      </c>
      <c r="B49" s="21">
        <v>27</v>
      </c>
      <c r="C49" s="6">
        <v>28</v>
      </c>
      <c r="D49" s="5">
        <v>55</v>
      </c>
    </row>
    <row r="50" spans="1:4" ht="18" customHeight="1" x14ac:dyDescent="0.15">
      <c r="A50" s="8">
        <v>37</v>
      </c>
      <c r="B50" s="21">
        <v>25</v>
      </c>
      <c r="C50" s="6">
        <v>28</v>
      </c>
      <c r="D50" s="5">
        <v>53</v>
      </c>
    </row>
    <row r="51" spans="1:4" ht="18" customHeight="1" x14ac:dyDescent="0.15">
      <c r="A51" s="8">
        <v>38</v>
      </c>
      <c r="B51" s="21">
        <v>31</v>
      </c>
      <c r="C51" s="6">
        <v>24</v>
      </c>
      <c r="D51" s="5">
        <v>55</v>
      </c>
    </row>
    <row r="52" spans="1:4" ht="18" customHeight="1" x14ac:dyDescent="0.15">
      <c r="A52" s="8">
        <v>39</v>
      </c>
      <c r="B52" s="21">
        <v>23</v>
      </c>
      <c r="C52" s="6">
        <v>29</v>
      </c>
      <c r="D52" s="5">
        <v>52</v>
      </c>
    </row>
    <row r="53" spans="1:4" ht="18" customHeight="1" x14ac:dyDescent="0.15">
      <c r="A53" s="8" t="s">
        <v>17</v>
      </c>
      <c r="B53" s="21">
        <v>126</v>
      </c>
      <c r="C53" s="6">
        <v>132</v>
      </c>
      <c r="D53" s="5">
        <v>258</v>
      </c>
    </row>
    <row r="54" spans="1:4" ht="18" customHeight="1" x14ac:dyDescent="0.15">
      <c r="A54" s="8">
        <v>40</v>
      </c>
      <c r="B54" s="21">
        <v>33</v>
      </c>
      <c r="C54" s="6">
        <v>24</v>
      </c>
      <c r="D54" s="5">
        <v>57</v>
      </c>
    </row>
    <row r="55" spans="1:4" ht="18" customHeight="1" x14ac:dyDescent="0.15">
      <c r="A55" s="8">
        <v>41</v>
      </c>
      <c r="B55" s="21">
        <v>23</v>
      </c>
      <c r="C55" s="6">
        <v>31</v>
      </c>
      <c r="D55" s="5">
        <v>54</v>
      </c>
    </row>
    <row r="56" spans="1:4" ht="18" customHeight="1" x14ac:dyDescent="0.15">
      <c r="A56" s="8">
        <v>42</v>
      </c>
      <c r="B56" s="21">
        <v>32</v>
      </c>
      <c r="C56" s="6">
        <v>38</v>
      </c>
      <c r="D56" s="5">
        <v>70</v>
      </c>
    </row>
    <row r="57" spans="1:4" ht="18" customHeight="1" x14ac:dyDescent="0.15">
      <c r="A57" s="8">
        <v>43</v>
      </c>
      <c r="B57" s="21">
        <v>43</v>
      </c>
      <c r="C57" s="6">
        <v>44</v>
      </c>
      <c r="D57" s="5">
        <v>87</v>
      </c>
    </row>
    <row r="58" spans="1:4" ht="18" customHeight="1" x14ac:dyDescent="0.15">
      <c r="A58" s="8">
        <v>44</v>
      </c>
      <c r="B58" s="21">
        <v>57</v>
      </c>
      <c r="C58" s="6">
        <v>35</v>
      </c>
      <c r="D58" s="5">
        <v>92</v>
      </c>
    </row>
    <row r="59" spans="1:4" ht="18" customHeight="1" x14ac:dyDescent="0.15">
      <c r="A59" s="8" t="s">
        <v>16</v>
      </c>
      <c r="B59" s="21">
        <v>188</v>
      </c>
      <c r="C59" s="6">
        <v>172</v>
      </c>
      <c r="D59" s="5">
        <v>360</v>
      </c>
    </row>
    <row r="60" spans="1:4" ht="18" customHeight="1" x14ac:dyDescent="0.15">
      <c r="A60" s="8">
        <v>45</v>
      </c>
      <c r="B60" s="21">
        <v>36</v>
      </c>
      <c r="C60" s="6">
        <v>30</v>
      </c>
      <c r="D60" s="5">
        <v>66</v>
      </c>
    </row>
    <row r="61" spans="1:4" ht="18" customHeight="1" x14ac:dyDescent="0.15">
      <c r="A61" s="8">
        <v>46</v>
      </c>
      <c r="B61" s="21">
        <v>46</v>
      </c>
      <c r="C61" s="6">
        <v>46</v>
      </c>
      <c r="D61" s="5">
        <v>92</v>
      </c>
    </row>
    <row r="62" spans="1:4" ht="18" customHeight="1" x14ac:dyDescent="0.15">
      <c r="A62" s="8">
        <v>47</v>
      </c>
      <c r="B62" s="21">
        <v>48</v>
      </c>
      <c r="C62" s="6">
        <v>45</v>
      </c>
      <c r="D62" s="5">
        <v>93</v>
      </c>
    </row>
    <row r="63" spans="1:4" ht="18" customHeight="1" x14ac:dyDescent="0.15">
      <c r="A63" s="8">
        <v>48</v>
      </c>
      <c r="B63" s="21">
        <v>49</v>
      </c>
      <c r="C63" s="6">
        <v>44</v>
      </c>
      <c r="D63" s="5">
        <v>93</v>
      </c>
    </row>
    <row r="64" spans="1:4" ht="18" customHeight="1" x14ac:dyDescent="0.15">
      <c r="A64" s="8">
        <v>49</v>
      </c>
      <c r="B64" s="21">
        <v>52</v>
      </c>
      <c r="C64" s="6">
        <v>49</v>
      </c>
      <c r="D64" s="5">
        <v>101</v>
      </c>
    </row>
    <row r="65" spans="1:4" ht="18" customHeight="1" x14ac:dyDescent="0.15">
      <c r="A65" s="8" t="s">
        <v>15</v>
      </c>
      <c r="B65" s="21">
        <v>231</v>
      </c>
      <c r="C65" s="6">
        <v>214</v>
      </c>
      <c r="D65" s="5">
        <v>445</v>
      </c>
    </row>
    <row r="66" spans="1:4" ht="18" customHeight="1" x14ac:dyDescent="0.15">
      <c r="A66" s="8">
        <v>50</v>
      </c>
      <c r="B66" s="21">
        <v>59</v>
      </c>
      <c r="C66" s="6">
        <v>66</v>
      </c>
      <c r="D66" s="5">
        <v>125</v>
      </c>
    </row>
    <row r="67" spans="1:4" ht="18" customHeight="1" x14ac:dyDescent="0.15">
      <c r="A67" s="8">
        <v>51</v>
      </c>
      <c r="B67" s="21">
        <v>53</v>
      </c>
      <c r="C67" s="6">
        <v>53</v>
      </c>
      <c r="D67" s="5">
        <v>106</v>
      </c>
    </row>
    <row r="68" spans="1:4" ht="18" customHeight="1" x14ac:dyDescent="0.15">
      <c r="A68" s="8">
        <v>52</v>
      </c>
      <c r="B68" s="21">
        <v>64</v>
      </c>
      <c r="C68" s="6">
        <v>51</v>
      </c>
      <c r="D68" s="5">
        <v>115</v>
      </c>
    </row>
    <row r="69" spans="1:4" ht="18" customHeight="1" x14ac:dyDescent="0.15">
      <c r="A69" s="8">
        <v>53</v>
      </c>
      <c r="B69" s="21">
        <v>57</v>
      </c>
      <c r="C69" s="6">
        <v>50</v>
      </c>
      <c r="D69" s="5">
        <v>107</v>
      </c>
    </row>
    <row r="70" spans="1:4" ht="18" customHeight="1" x14ac:dyDescent="0.15">
      <c r="A70" s="8">
        <v>54</v>
      </c>
      <c r="B70" s="21">
        <v>54</v>
      </c>
      <c r="C70" s="6">
        <v>60</v>
      </c>
      <c r="D70" s="5">
        <v>114</v>
      </c>
    </row>
    <row r="71" spans="1:4" ht="18" customHeight="1" x14ac:dyDescent="0.15">
      <c r="A71" s="8" t="s">
        <v>14</v>
      </c>
      <c r="B71" s="21">
        <v>287</v>
      </c>
      <c r="C71" s="6">
        <v>280</v>
      </c>
      <c r="D71" s="5">
        <v>567</v>
      </c>
    </row>
    <row r="72" spans="1:4" ht="18" customHeight="1" x14ac:dyDescent="0.15">
      <c r="A72" s="8">
        <v>55</v>
      </c>
      <c r="B72" s="21">
        <v>46</v>
      </c>
      <c r="C72" s="6">
        <v>51</v>
      </c>
      <c r="D72" s="5">
        <v>97</v>
      </c>
    </row>
    <row r="73" spans="1:4" ht="18" customHeight="1" x14ac:dyDescent="0.15">
      <c r="A73" s="8">
        <v>56</v>
      </c>
      <c r="B73" s="21">
        <v>45</v>
      </c>
      <c r="C73" s="6">
        <v>39</v>
      </c>
      <c r="D73" s="5">
        <v>84</v>
      </c>
    </row>
    <row r="74" spans="1:4" ht="18" customHeight="1" x14ac:dyDescent="0.15">
      <c r="A74" s="8">
        <v>57</v>
      </c>
      <c r="B74" s="21">
        <v>35</v>
      </c>
      <c r="C74" s="6">
        <v>43</v>
      </c>
      <c r="D74" s="5">
        <v>78</v>
      </c>
    </row>
    <row r="75" spans="1:4" ht="18" customHeight="1" x14ac:dyDescent="0.15">
      <c r="A75" s="8">
        <v>58</v>
      </c>
      <c r="B75" s="21">
        <v>41</v>
      </c>
      <c r="C75" s="6">
        <v>41</v>
      </c>
      <c r="D75" s="5">
        <v>82</v>
      </c>
    </row>
    <row r="76" spans="1:4" ht="18" customHeight="1" x14ac:dyDescent="0.15">
      <c r="A76" s="8">
        <v>59</v>
      </c>
      <c r="B76" s="21">
        <v>27</v>
      </c>
      <c r="C76" s="6">
        <v>30</v>
      </c>
      <c r="D76" s="5">
        <v>57</v>
      </c>
    </row>
    <row r="77" spans="1:4" ht="18" customHeight="1" x14ac:dyDescent="0.15">
      <c r="A77" s="8" t="s">
        <v>13</v>
      </c>
      <c r="B77" s="21">
        <v>194</v>
      </c>
      <c r="C77" s="6">
        <v>204</v>
      </c>
      <c r="D77" s="5">
        <v>398</v>
      </c>
    </row>
    <row r="78" spans="1:4" ht="18" customHeight="1" x14ac:dyDescent="0.15">
      <c r="A78" s="8">
        <v>60</v>
      </c>
      <c r="B78" s="21">
        <v>50</v>
      </c>
      <c r="C78" s="6">
        <v>30</v>
      </c>
      <c r="D78" s="5">
        <v>80</v>
      </c>
    </row>
    <row r="79" spans="1:4" ht="18" customHeight="1" x14ac:dyDescent="0.15">
      <c r="A79" s="8">
        <v>61</v>
      </c>
      <c r="B79" s="21">
        <v>44</v>
      </c>
      <c r="C79" s="6">
        <v>40</v>
      </c>
      <c r="D79" s="5">
        <v>84</v>
      </c>
    </row>
    <row r="80" spans="1:4" ht="18" customHeight="1" x14ac:dyDescent="0.15">
      <c r="A80" s="8">
        <v>62</v>
      </c>
      <c r="B80" s="21">
        <v>43</v>
      </c>
      <c r="C80" s="6">
        <v>50</v>
      </c>
      <c r="D80" s="5">
        <v>93</v>
      </c>
    </row>
    <row r="81" spans="1:4" ht="18" customHeight="1" x14ac:dyDescent="0.15">
      <c r="A81" s="8">
        <v>63</v>
      </c>
      <c r="B81" s="21">
        <v>41</v>
      </c>
      <c r="C81" s="6">
        <v>35</v>
      </c>
      <c r="D81" s="5">
        <v>76</v>
      </c>
    </row>
    <row r="82" spans="1:4" ht="18" customHeight="1" x14ac:dyDescent="0.15">
      <c r="A82" s="8">
        <v>64</v>
      </c>
      <c r="B82" s="21">
        <v>39</v>
      </c>
      <c r="C82" s="6">
        <v>31</v>
      </c>
      <c r="D82" s="5">
        <v>70</v>
      </c>
    </row>
    <row r="83" spans="1:4" ht="18" customHeight="1" x14ac:dyDescent="0.15">
      <c r="A83" s="8" t="s">
        <v>12</v>
      </c>
      <c r="B83" s="21">
        <v>217</v>
      </c>
      <c r="C83" s="6">
        <v>186</v>
      </c>
      <c r="D83" s="5">
        <v>403</v>
      </c>
    </row>
    <row r="84" spans="1:4" ht="18" customHeight="1" x14ac:dyDescent="0.15">
      <c r="A84" s="8" t="s">
        <v>11</v>
      </c>
      <c r="B84" s="21">
        <v>1827</v>
      </c>
      <c r="C84" s="6">
        <v>1778</v>
      </c>
      <c r="D84" s="5">
        <v>3605</v>
      </c>
    </row>
    <row r="85" spans="1:4" ht="18" customHeight="1" x14ac:dyDescent="0.15">
      <c r="A85" s="8">
        <v>65</v>
      </c>
      <c r="B85" s="21">
        <v>48</v>
      </c>
      <c r="C85" s="6">
        <v>40</v>
      </c>
      <c r="D85" s="5">
        <v>88</v>
      </c>
    </row>
    <row r="86" spans="1:4" ht="18" customHeight="1" x14ac:dyDescent="0.15">
      <c r="A86" s="8">
        <v>66</v>
      </c>
      <c r="B86" s="21">
        <v>31</v>
      </c>
      <c r="C86" s="6">
        <v>37</v>
      </c>
      <c r="D86" s="5">
        <v>68</v>
      </c>
    </row>
    <row r="87" spans="1:4" ht="18" customHeight="1" x14ac:dyDescent="0.15">
      <c r="A87" s="8">
        <v>67</v>
      </c>
      <c r="B87" s="21">
        <v>39</v>
      </c>
      <c r="C87" s="6">
        <v>39</v>
      </c>
      <c r="D87" s="5">
        <v>78</v>
      </c>
    </row>
    <row r="88" spans="1:4" ht="18" customHeight="1" x14ac:dyDescent="0.15">
      <c r="A88" s="8">
        <v>68</v>
      </c>
      <c r="B88" s="21">
        <v>46</v>
      </c>
      <c r="C88" s="6">
        <v>43</v>
      </c>
      <c r="D88" s="5">
        <v>89</v>
      </c>
    </row>
    <row r="89" spans="1:4" ht="18" customHeight="1" x14ac:dyDescent="0.15">
      <c r="A89" s="8">
        <v>69</v>
      </c>
      <c r="B89" s="21">
        <v>36</v>
      </c>
      <c r="C89" s="6">
        <v>45</v>
      </c>
      <c r="D89" s="5">
        <v>81</v>
      </c>
    </row>
    <row r="90" spans="1:4" ht="18" customHeight="1" x14ac:dyDescent="0.15">
      <c r="A90" s="8" t="s">
        <v>10</v>
      </c>
      <c r="B90" s="21">
        <v>200</v>
      </c>
      <c r="C90" s="6">
        <v>204</v>
      </c>
      <c r="D90" s="5">
        <v>404</v>
      </c>
    </row>
    <row r="91" spans="1:4" ht="18" customHeight="1" x14ac:dyDescent="0.15">
      <c r="A91" s="8">
        <v>70</v>
      </c>
      <c r="B91" s="21">
        <v>44</v>
      </c>
      <c r="C91" s="6">
        <v>55</v>
      </c>
      <c r="D91" s="5">
        <v>99</v>
      </c>
    </row>
    <row r="92" spans="1:4" ht="18" customHeight="1" x14ac:dyDescent="0.15">
      <c r="A92" s="8">
        <v>71</v>
      </c>
      <c r="B92" s="21">
        <v>49</v>
      </c>
      <c r="C92" s="6">
        <v>41</v>
      </c>
      <c r="D92" s="5">
        <v>90</v>
      </c>
    </row>
    <row r="93" spans="1:4" ht="18" customHeight="1" x14ac:dyDescent="0.15">
      <c r="A93" s="8">
        <v>72</v>
      </c>
      <c r="B93" s="21">
        <v>50</v>
      </c>
      <c r="C93" s="6">
        <v>46</v>
      </c>
      <c r="D93" s="5">
        <v>96</v>
      </c>
    </row>
    <row r="94" spans="1:4" ht="18" customHeight="1" x14ac:dyDescent="0.15">
      <c r="A94" s="8">
        <v>73</v>
      </c>
      <c r="B94" s="21">
        <v>43</v>
      </c>
      <c r="C94" s="6">
        <v>63</v>
      </c>
      <c r="D94" s="5">
        <v>106</v>
      </c>
    </row>
    <row r="95" spans="1:4" ht="18" customHeight="1" x14ac:dyDescent="0.15">
      <c r="A95" s="8">
        <v>74</v>
      </c>
      <c r="B95" s="21">
        <v>47</v>
      </c>
      <c r="C95" s="6">
        <v>69</v>
      </c>
      <c r="D95" s="5">
        <v>116</v>
      </c>
    </row>
    <row r="96" spans="1:4" ht="18" customHeight="1" x14ac:dyDescent="0.15">
      <c r="A96" s="8" t="s">
        <v>9</v>
      </c>
      <c r="B96" s="21">
        <v>233</v>
      </c>
      <c r="C96" s="6">
        <v>274</v>
      </c>
      <c r="D96" s="5">
        <v>507</v>
      </c>
    </row>
    <row r="97" spans="1:4" ht="18" customHeight="1" x14ac:dyDescent="0.15">
      <c r="A97" s="8">
        <v>75</v>
      </c>
      <c r="B97" s="21">
        <v>55</v>
      </c>
      <c r="C97" s="6">
        <v>74</v>
      </c>
      <c r="D97" s="5">
        <v>129</v>
      </c>
    </row>
    <row r="98" spans="1:4" ht="18" customHeight="1" x14ac:dyDescent="0.15">
      <c r="A98" s="8">
        <v>76</v>
      </c>
      <c r="B98" s="21">
        <v>75</v>
      </c>
      <c r="C98" s="6">
        <v>74</v>
      </c>
      <c r="D98" s="5">
        <v>149</v>
      </c>
    </row>
    <row r="99" spans="1:4" ht="18" customHeight="1" x14ac:dyDescent="0.15">
      <c r="A99" s="8">
        <v>77</v>
      </c>
      <c r="B99" s="21">
        <v>72</v>
      </c>
      <c r="C99" s="6">
        <v>45</v>
      </c>
      <c r="D99" s="5">
        <v>117</v>
      </c>
    </row>
    <row r="100" spans="1:4" ht="18" customHeight="1" x14ac:dyDescent="0.15">
      <c r="A100" s="8">
        <v>78</v>
      </c>
      <c r="B100" s="21">
        <v>53</v>
      </c>
      <c r="C100" s="6">
        <v>74</v>
      </c>
      <c r="D100" s="5">
        <v>127</v>
      </c>
    </row>
    <row r="101" spans="1:4" ht="18" customHeight="1" x14ac:dyDescent="0.15">
      <c r="A101" s="8">
        <v>79</v>
      </c>
      <c r="B101" s="21">
        <v>26</v>
      </c>
      <c r="C101" s="6">
        <v>38</v>
      </c>
      <c r="D101" s="5">
        <v>64</v>
      </c>
    </row>
    <row r="102" spans="1:4" ht="18" customHeight="1" x14ac:dyDescent="0.15">
      <c r="A102" s="8" t="s">
        <v>8</v>
      </c>
      <c r="B102" s="21">
        <v>281</v>
      </c>
      <c r="C102" s="6">
        <v>305</v>
      </c>
      <c r="D102" s="5">
        <v>586</v>
      </c>
    </row>
    <row r="103" spans="1:4" ht="18" customHeight="1" x14ac:dyDescent="0.15">
      <c r="A103" s="8">
        <v>80</v>
      </c>
      <c r="B103" s="21">
        <v>22</v>
      </c>
      <c r="C103" s="6">
        <v>28</v>
      </c>
      <c r="D103" s="5">
        <v>50</v>
      </c>
    </row>
    <row r="104" spans="1:4" ht="18" customHeight="1" x14ac:dyDescent="0.15">
      <c r="A104" s="8">
        <v>81</v>
      </c>
      <c r="B104" s="21">
        <v>40</v>
      </c>
      <c r="C104" s="6">
        <v>29</v>
      </c>
      <c r="D104" s="5">
        <v>69</v>
      </c>
    </row>
    <row r="105" spans="1:4" ht="18" customHeight="1" x14ac:dyDescent="0.15">
      <c r="A105" s="8">
        <v>82</v>
      </c>
      <c r="B105" s="21">
        <v>31</v>
      </c>
      <c r="C105" s="6">
        <v>28</v>
      </c>
      <c r="D105" s="5">
        <v>59</v>
      </c>
    </row>
    <row r="106" spans="1:4" ht="18" customHeight="1" x14ac:dyDescent="0.15">
      <c r="A106" s="8">
        <v>83</v>
      </c>
      <c r="B106" s="21">
        <v>29</v>
      </c>
      <c r="C106" s="6">
        <v>31</v>
      </c>
      <c r="D106" s="5">
        <v>60</v>
      </c>
    </row>
    <row r="107" spans="1:4" ht="18" customHeight="1" x14ac:dyDescent="0.15">
      <c r="A107" s="8">
        <v>84</v>
      </c>
      <c r="B107" s="21">
        <v>27</v>
      </c>
      <c r="C107" s="6">
        <v>35</v>
      </c>
      <c r="D107" s="5">
        <v>62</v>
      </c>
    </row>
    <row r="108" spans="1:4" ht="18" customHeight="1" x14ac:dyDescent="0.15">
      <c r="A108" s="8" t="s">
        <v>7</v>
      </c>
      <c r="B108" s="21">
        <v>149</v>
      </c>
      <c r="C108" s="6">
        <v>151</v>
      </c>
      <c r="D108" s="5">
        <v>300</v>
      </c>
    </row>
    <row r="109" spans="1:4" ht="18" customHeight="1" x14ac:dyDescent="0.15">
      <c r="A109" s="8">
        <v>85</v>
      </c>
      <c r="B109" s="21">
        <v>19</v>
      </c>
      <c r="C109" s="6">
        <v>23</v>
      </c>
      <c r="D109" s="5">
        <v>42</v>
      </c>
    </row>
    <row r="110" spans="1:4" ht="18" customHeight="1" x14ac:dyDescent="0.15">
      <c r="A110" s="8">
        <v>86</v>
      </c>
      <c r="B110" s="21">
        <v>18</v>
      </c>
      <c r="C110" s="6">
        <v>31</v>
      </c>
      <c r="D110" s="5">
        <v>49</v>
      </c>
    </row>
    <row r="111" spans="1:4" ht="18" customHeight="1" x14ac:dyDescent="0.15">
      <c r="A111" s="8">
        <v>87</v>
      </c>
      <c r="B111" s="21">
        <v>15</v>
      </c>
      <c r="C111" s="6">
        <v>30</v>
      </c>
      <c r="D111" s="5">
        <v>45</v>
      </c>
    </row>
    <row r="112" spans="1:4" ht="18" customHeight="1" x14ac:dyDescent="0.15">
      <c r="A112" s="8">
        <v>88</v>
      </c>
      <c r="B112" s="21">
        <v>13</v>
      </c>
      <c r="C112" s="6">
        <v>31</v>
      </c>
      <c r="D112" s="5">
        <v>44</v>
      </c>
    </row>
    <row r="113" spans="1:4" ht="18" customHeight="1" x14ac:dyDescent="0.15">
      <c r="A113" s="8">
        <v>89</v>
      </c>
      <c r="B113" s="21">
        <v>18</v>
      </c>
      <c r="C113" s="6">
        <v>23</v>
      </c>
      <c r="D113" s="5">
        <v>41</v>
      </c>
    </row>
    <row r="114" spans="1:4" ht="18" customHeight="1" x14ac:dyDescent="0.15">
      <c r="A114" s="8" t="s">
        <v>6</v>
      </c>
      <c r="B114" s="21">
        <v>83</v>
      </c>
      <c r="C114" s="6">
        <v>138</v>
      </c>
      <c r="D114" s="5">
        <v>221</v>
      </c>
    </row>
    <row r="115" spans="1:4" ht="18" customHeight="1" x14ac:dyDescent="0.15">
      <c r="A115" s="8">
        <v>90</v>
      </c>
      <c r="B115" s="21">
        <v>11</v>
      </c>
      <c r="C115" s="6">
        <v>26</v>
      </c>
      <c r="D115" s="5">
        <v>37</v>
      </c>
    </row>
    <row r="116" spans="1:4" ht="18" customHeight="1" x14ac:dyDescent="0.15">
      <c r="A116" s="8">
        <v>91</v>
      </c>
      <c r="B116" s="21">
        <v>7</v>
      </c>
      <c r="C116" s="6">
        <v>27</v>
      </c>
      <c r="D116" s="5">
        <v>34</v>
      </c>
    </row>
    <row r="117" spans="1:4" ht="18" customHeight="1" x14ac:dyDescent="0.15">
      <c r="A117" s="8">
        <v>92</v>
      </c>
      <c r="B117" s="21">
        <v>5</v>
      </c>
      <c r="C117" s="6">
        <v>21</v>
      </c>
      <c r="D117" s="5">
        <v>26</v>
      </c>
    </row>
    <row r="118" spans="1:4" ht="18" customHeight="1" x14ac:dyDescent="0.15">
      <c r="A118" s="8">
        <v>93</v>
      </c>
      <c r="B118" s="21">
        <v>8</v>
      </c>
      <c r="C118" s="6">
        <v>25</v>
      </c>
      <c r="D118" s="5">
        <v>33</v>
      </c>
    </row>
    <row r="119" spans="1:4" ht="18" customHeight="1" x14ac:dyDescent="0.15">
      <c r="A119" s="8">
        <v>94</v>
      </c>
      <c r="B119" s="21">
        <v>6</v>
      </c>
      <c r="C119" s="6">
        <v>11</v>
      </c>
      <c r="D119" s="5">
        <v>17</v>
      </c>
    </row>
    <row r="120" spans="1:4" ht="18" customHeight="1" x14ac:dyDescent="0.15">
      <c r="A120" s="8" t="s">
        <v>5</v>
      </c>
      <c r="B120" s="21">
        <v>37</v>
      </c>
      <c r="C120" s="6">
        <v>110</v>
      </c>
      <c r="D120" s="5">
        <v>147</v>
      </c>
    </row>
    <row r="121" spans="1:4" ht="18" customHeight="1" x14ac:dyDescent="0.15">
      <c r="A121" s="8">
        <v>95</v>
      </c>
      <c r="B121" s="21">
        <v>2</v>
      </c>
      <c r="C121" s="6">
        <v>11</v>
      </c>
      <c r="D121" s="5">
        <v>13</v>
      </c>
    </row>
    <row r="122" spans="1:4" ht="18" customHeight="1" x14ac:dyDescent="0.15">
      <c r="A122" s="8">
        <v>96</v>
      </c>
      <c r="B122" s="21">
        <v>2</v>
      </c>
      <c r="C122" s="6">
        <v>11</v>
      </c>
      <c r="D122" s="5">
        <v>13</v>
      </c>
    </row>
    <row r="123" spans="1:4" ht="18" customHeight="1" x14ac:dyDescent="0.15">
      <c r="A123" s="8">
        <v>97</v>
      </c>
      <c r="B123" s="21">
        <v>3</v>
      </c>
      <c r="C123" s="6">
        <v>5</v>
      </c>
      <c r="D123" s="5">
        <v>8</v>
      </c>
    </row>
    <row r="124" spans="1:4" ht="18" customHeight="1" x14ac:dyDescent="0.15">
      <c r="A124" s="8">
        <v>98</v>
      </c>
      <c r="B124" s="21">
        <v>1</v>
      </c>
      <c r="C124" s="6">
        <v>2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8</v>
      </c>
      <c r="C126" s="6">
        <v>29</v>
      </c>
      <c r="D126" s="5">
        <v>37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991</v>
      </c>
      <c r="C130" s="6">
        <v>1215</v>
      </c>
      <c r="D130" s="5">
        <v>2206</v>
      </c>
    </row>
    <row r="131" spans="1:4" ht="18" customHeight="1" x14ac:dyDescent="0.15">
      <c r="A131" s="4" t="s">
        <v>0</v>
      </c>
      <c r="B131" s="20">
        <v>3131</v>
      </c>
      <c r="C131" s="2">
        <v>3282</v>
      </c>
      <c r="D131" s="1">
        <v>641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50D8F2-4C68-40D3-96F5-39269BB36E93}">
  <sheetPr codeName="Sheet7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0</v>
      </c>
      <c r="D5" s="30">
        <v>2</v>
      </c>
    </row>
    <row r="6" spans="1:4" ht="18" customHeight="1" x14ac:dyDescent="0.15">
      <c r="A6" s="8">
        <v>1</v>
      </c>
      <c r="B6" s="26">
        <v>0</v>
      </c>
      <c r="C6" s="6">
        <v>1</v>
      </c>
      <c r="D6" s="5">
        <v>1</v>
      </c>
    </row>
    <row r="7" spans="1:4" ht="18" customHeight="1" x14ac:dyDescent="0.15">
      <c r="A7" s="8">
        <v>2</v>
      </c>
      <c r="B7" s="26">
        <v>1</v>
      </c>
      <c r="C7" s="6">
        <v>0</v>
      </c>
      <c r="D7" s="5">
        <v>1</v>
      </c>
    </row>
    <row r="8" spans="1:4" ht="18" customHeight="1" x14ac:dyDescent="0.15">
      <c r="A8" s="8">
        <v>3</v>
      </c>
      <c r="B8" s="26">
        <v>0</v>
      </c>
      <c r="C8" s="6">
        <v>1</v>
      </c>
      <c r="D8" s="5">
        <v>1</v>
      </c>
    </row>
    <row r="9" spans="1:4" ht="18" customHeight="1" x14ac:dyDescent="0.15">
      <c r="A9" s="8">
        <v>4</v>
      </c>
      <c r="B9" s="29">
        <v>1</v>
      </c>
      <c r="C9" s="28">
        <v>1</v>
      </c>
      <c r="D9" s="27">
        <v>2</v>
      </c>
    </row>
    <row r="10" spans="1:4" ht="18" customHeight="1" x14ac:dyDescent="0.15">
      <c r="A10" s="8" t="s">
        <v>25</v>
      </c>
      <c r="B10" s="21">
        <v>4</v>
      </c>
      <c r="C10" s="6">
        <v>3</v>
      </c>
      <c r="D10" s="5">
        <v>7</v>
      </c>
    </row>
    <row r="11" spans="1:4" ht="18" customHeight="1" x14ac:dyDescent="0.15">
      <c r="A11" s="8">
        <v>5</v>
      </c>
      <c r="B11" s="26">
        <v>2</v>
      </c>
      <c r="C11" s="6">
        <v>0</v>
      </c>
      <c r="D11" s="5">
        <v>2</v>
      </c>
    </row>
    <row r="12" spans="1:4" ht="18" customHeight="1" x14ac:dyDescent="0.15">
      <c r="A12" s="8">
        <v>6</v>
      </c>
      <c r="B12" s="26">
        <v>1</v>
      </c>
      <c r="C12" s="6">
        <v>2</v>
      </c>
      <c r="D12" s="5">
        <v>3</v>
      </c>
    </row>
    <row r="13" spans="1:4" ht="18" customHeight="1" x14ac:dyDescent="0.15">
      <c r="A13" s="8">
        <v>7</v>
      </c>
      <c r="B13" s="26">
        <v>0</v>
      </c>
      <c r="C13" s="6">
        <v>4</v>
      </c>
      <c r="D13" s="5">
        <v>4</v>
      </c>
    </row>
    <row r="14" spans="1:4" ht="18" customHeight="1" x14ac:dyDescent="0.15">
      <c r="A14" s="8">
        <v>8</v>
      </c>
      <c r="B14" s="26">
        <v>3</v>
      </c>
      <c r="C14" s="6">
        <v>0</v>
      </c>
      <c r="D14" s="5">
        <v>3</v>
      </c>
    </row>
    <row r="15" spans="1:4" ht="18" customHeight="1" x14ac:dyDescent="0.15">
      <c r="A15" s="8">
        <v>9</v>
      </c>
      <c r="B15" s="26">
        <v>1</v>
      </c>
      <c r="C15" s="6">
        <v>4</v>
      </c>
      <c r="D15" s="5">
        <v>5</v>
      </c>
    </row>
    <row r="16" spans="1:4" ht="18" customHeight="1" x14ac:dyDescent="0.15">
      <c r="A16" s="8" t="s">
        <v>24</v>
      </c>
      <c r="B16" s="21">
        <v>7</v>
      </c>
      <c r="C16" s="6">
        <v>10</v>
      </c>
      <c r="D16" s="5">
        <v>17</v>
      </c>
    </row>
    <row r="17" spans="1:4" ht="18" customHeight="1" x14ac:dyDescent="0.15">
      <c r="A17" s="8">
        <v>10</v>
      </c>
      <c r="B17" s="21">
        <v>2</v>
      </c>
      <c r="C17" s="6">
        <v>3</v>
      </c>
      <c r="D17" s="5">
        <v>5</v>
      </c>
    </row>
    <row r="18" spans="1:4" ht="18" customHeight="1" x14ac:dyDescent="0.15">
      <c r="A18" s="8">
        <v>11</v>
      </c>
      <c r="B18" s="21">
        <v>1</v>
      </c>
      <c r="C18" s="6">
        <v>4</v>
      </c>
      <c r="D18" s="5">
        <v>5</v>
      </c>
    </row>
    <row r="19" spans="1:4" ht="18" customHeight="1" x14ac:dyDescent="0.15">
      <c r="A19" s="8">
        <v>12</v>
      </c>
      <c r="B19" s="21">
        <v>3</v>
      </c>
      <c r="C19" s="6">
        <v>4</v>
      </c>
      <c r="D19" s="5">
        <v>7</v>
      </c>
    </row>
    <row r="20" spans="1:4" ht="18" customHeight="1" x14ac:dyDescent="0.15">
      <c r="A20" s="8">
        <v>13</v>
      </c>
      <c r="B20" s="21">
        <v>1</v>
      </c>
      <c r="C20" s="6">
        <v>1</v>
      </c>
      <c r="D20" s="5">
        <v>2</v>
      </c>
    </row>
    <row r="21" spans="1:4" ht="18" customHeight="1" x14ac:dyDescent="0.15">
      <c r="A21" s="8">
        <v>14</v>
      </c>
      <c r="B21" s="21">
        <v>0</v>
      </c>
      <c r="C21" s="6">
        <v>6</v>
      </c>
      <c r="D21" s="5">
        <v>6</v>
      </c>
    </row>
    <row r="22" spans="1:4" ht="18" customHeight="1" x14ac:dyDescent="0.15">
      <c r="A22" s="8" t="s">
        <v>23</v>
      </c>
      <c r="B22" s="21">
        <v>7</v>
      </c>
      <c r="C22" s="6">
        <v>18</v>
      </c>
      <c r="D22" s="5">
        <v>25</v>
      </c>
    </row>
    <row r="23" spans="1:4" ht="18" customHeight="1" x14ac:dyDescent="0.15">
      <c r="A23" s="8" t="s">
        <v>22</v>
      </c>
      <c r="B23" s="21">
        <v>18</v>
      </c>
      <c r="C23" s="6">
        <v>31</v>
      </c>
      <c r="D23" s="5">
        <v>49</v>
      </c>
    </row>
    <row r="24" spans="1:4" ht="18" customHeight="1" x14ac:dyDescent="0.15">
      <c r="A24" s="8">
        <v>15</v>
      </c>
      <c r="B24" s="21">
        <v>1</v>
      </c>
      <c r="C24" s="6">
        <v>3</v>
      </c>
      <c r="D24" s="5">
        <v>4</v>
      </c>
    </row>
    <row r="25" spans="1:4" ht="18" customHeight="1" x14ac:dyDescent="0.15">
      <c r="A25" s="8">
        <v>16</v>
      </c>
      <c r="B25" s="21">
        <v>4</v>
      </c>
      <c r="C25" s="6">
        <v>1</v>
      </c>
      <c r="D25" s="5">
        <v>5</v>
      </c>
    </row>
    <row r="26" spans="1:4" ht="18" customHeight="1" x14ac:dyDescent="0.15">
      <c r="A26" s="8">
        <v>17</v>
      </c>
      <c r="B26" s="21">
        <v>4</v>
      </c>
      <c r="C26" s="6">
        <v>3</v>
      </c>
      <c r="D26" s="5">
        <v>7</v>
      </c>
    </row>
    <row r="27" spans="1:4" ht="18" customHeight="1" x14ac:dyDescent="0.15">
      <c r="A27" s="8">
        <v>18</v>
      </c>
      <c r="B27" s="21">
        <v>1</v>
      </c>
      <c r="C27" s="6">
        <v>2</v>
      </c>
      <c r="D27" s="5">
        <v>3</v>
      </c>
    </row>
    <row r="28" spans="1:4" ht="18" customHeight="1" x14ac:dyDescent="0.15">
      <c r="A28" s="8">
        <v>19</v>
      </c>
      <c r="B28" s="21">
        <v>2</v>
      </c>
      <c r="C28" s="6">
        <v>1</v>
      </c>
      <c r="D28" s="5">
        <v>3</v>
      </c>
    </row>
    <row r="29" spans="1:4" ht="18" customHeight="1" x14ac:dyDescent="0.15">
      <c r="A29" s="8" t="s">
        <v>21</v>
      </c>
      <c r="B29" s="21">
        <v>12</v>
      </c>
      <c r="C29" s="6">
        <v>10</v>
      </c>
      <c r="D29" s="5">
        <v>22</v>
      </c>
    </row>
    <row r="30" spans="1:4" ht="18" customHeight="1" x14ac:dyDescent="0.15">
      <c r="A30" s="8">
        <v>20</v>
      </c>
      <c r="B30" s="21">
        <v>6</v>
      </c>
      <c r="C30" s="6">
        <v>2</v>
      </c>
      <c r="D30" s="5">
        <v>8</v>
      </c>
    </row>
    <row r="31" spans="1:4" ht="18" customHeight="1" x14ac:dyDescent="0.15">
      <c r="A31" s="8">
        <v>21</v>
      </c>
      <c r="B31" s="21">
        <v>4</v>
      </c>
      <c r="C31" s="6">
        <v>2</v>
      </c>
      <c r="D31" s="5">
        <v>6</v>
      </c>
    </row>
    <row r="32" spans="1:4" ht="18" customHeight="1" x14ac:dyDescent="0.15">
      <c r="A32" s="8">
        <v>22</v>
      </c>
      <c r="B32" s="21">
        <v>3</v>
      </c>
      <c r="C32" s="6">
        <v>3</v>
      </c>
      <c r="D32" s="5">
        <v>6</v>
      </c>
    </row>
    <row r="33" spans="1:4" ht="18" customHeight="1" x14ac:dyDescent="0.15">
      <c r="A33" s="8">
        <v>23</v>
      </c>
      <c r="B33" s="21">
        <v>2</v>
      </c>
      <c r="C33" s="6">
        <v>5</v>
      </c>
      <c r="D33" s="5">
        <v>7</v>
      </c>
    </row>
    <row r="34" spans="1:4" ht="18" customHeight="1" x14ac:dyDescent="0.15">
      <c r="A34" s="8">
        <v>24</v>
      </c>
      <c r="B34" s="21">
        <v>8</v>
      </c>
      <c r="C34" s="6">
        <v>1</v>
      </c>
      <c r="D34" s="5">
        <v>9</v>
      </c>
    </row>
    <row r="35" spans="1:4" ht="18" customHeight="1" x14ac:dyDescent="0.15">
      <c r="A35" s="8" t="s">
        <v>20</v>
      </c>
      <c r="B35" s="21">
        <v>23</v>
      </c>
      <c r="C35" s="6">
        <v>13</v>
      </c>
      <c r="D35" s="5">
        <v>36</v>
      </c>
    </row>
    <row r="36" spans="1:4" ht="18" customHeight="1" x14ac:dyDescent="0.15">
      <c r="A36" s="8">
        <v>25</v>
      </c>
      <c r="B36" s="21">
        <v>2</v>
      </c>
      <c r="C36" s="6">
        <v>3</v>
      </c>
      <c r="D36" s="5">
        <v>5</v>
      </c>
    </row>
    <row r="37" spans="1:4" ht="18" customHeight="1" x14ac:dyDescent="0.15">
      <c r="A37" s="8">
        <v>26</v>
      </c>
      <c r="B37" s="21">
        <v>2</v>
      </c>
      <c r="C37" s="6">
        <v>1</v>
      </c>
      <c r="D37" s="5">
        <v>3</v>
      </c>
    </row>
    <row r="38" spans="1:4" ht="18" customHeight="1" x14ac:dyDescent="0.15">
      <c r="A38" s="8">
        <v>27</v>
      </c>
      <c r="B38" s="21">
        <v>2</v>
      </c>
      <c r="C38" s="6">
        <v>1</v>
      </c>
      <c r="D38" s="5">
        <v>3</v>
      </c>
    </row>
    <row r="39" spans="1:4" ht="18" customHeight="1" x14ac:dyDescent="0.15">
      <c r="A39" s="8">
        <v>28</v>
      </c>
      <c r="B39" s="21">
        <v>0</v>
      </c>
      <c r="C39" s="6">
        <v>1</v>
      </c>
      <c r="D39" s="5">
        <v>1</v>
      </c>
    </row>
    <row r="40" spans="1:4" ht="18" customHeight="1" x14ac:dyDescent="0.15">
      <c r="A40" s="8">
        <v>29</v>
      </c>
      <c r="B40" s="21">
        <v>2</v>
      </c>
      <c r="C40" s="6">
        <v>0</v>
      </c>
      <c r="D40" s="5">
        <v>2</v>
      </c>
    </row>
    <row r="41" spans="1:4" ht="18" customHeight="1" x14ac:dyDescent="0.15">
      <c r="A41" s="8" t="s">
        <v>19</v>
      </c>
      <c r="B41" s="21">
        <v>8</v>
      </c>
      <c r="C41" s="6">
        <v>6</v>
      </c>
      <c r="D41" s="5">
        <v>14</v>
      </c>
    </row>
    <row r="42" spans="1:4" ht="18" customHeight="1" x14ac:dyDescent="0.15">
      <c r="A42" s="8">
        <v>30</v>
      </c>
      <c r="B42" s="21">
        <v>3</v>
      </c>
      <c r="C42" s="6">
        <v>1</v>
      </c>
      <c r="D42" s="5">
        <v>4</v>
      </c>
    </row>
    <row r="43" spans="1:4" ht="18" customHeight="1" x14ac:dyDescent="0.15">
      <c r="A43" s="8">
        <v>31</v>
      </c>
      <c r="B43" s="21">
        <v>1</v>
      </c>
      <c r="C43" s="6">
        <v>1</v>
      </c>
      <c r="D43" s="5">
        <v>2</v>
      </c>
    </row>
    <row r="44" spans="1:4" ht="18" customHeight="1" x14ac:dyDescent="0.15">
      <c r="A44" s="8">
        <v>32</v>
      </c>
      <c r="B44" s="21">
        <v>2</v>
      </c>
      <c r="C44" s="6">
        <v>5</v>
      </c>
      <c r="D44" s="5">
        <v>7</v>
      </c>
    </row>
    <row r="45" spans="1:4" ht="18" customHeight="1" x14ac:dyDescent="0.15">
      <c r="A45" s="8">
        <v>33</v>
      </c>
      <c r="B45" s="21">
        <v>2</v>
      </c>
      <c r="C45" s="6">
        <v>0</v>
      </c>
      <c r="D45" s="5">
        <v>2</v>
      </c>
    </row>
    <row r="46" spans="1:4" ht="18" customHeight="1" x14ac:dyDescent="0.15">
      <c r="A46" s="8">
        <v>34</v>
      </c>
      <c r="B46" s="21">
        <v>3</v>
      </c>
      <c r="C46" s="6">
        <v>1</v>
      </c>
      <c r="D46" s="5">
        <v>4</v>
      </c>
    </row>
    <row r="47" spans="1:4" ht="18" customHeight="1" x14ac:dyDescent="0.15">
      <c r="A47" s="8" t="s">
        <v>18</v>
      </c>
      <c r="B47" s="21">
        <v>11</v>
      </c>
      <c r="C47" s="6">
        <v>8</v>
      </c>
      <c r="D47" s="5">
        <v>19</v>
      </c>
    </row>
    <row r="48" spans="1:4" ht="18" customHeight="1" x14ac:dyDescent="0.15">
      <c r="A48" s="8">
        <v>35</v>
      </c>
      <c r="B48" s="21">
        <v>1</v>
      </c>
      <c r="C48" s="6">
        <v>3</v>
      </c>
      <c r="D48" s="5">
        <v>4</v>
      </c>
    </row>
    <row r="49" spans="1:4" ht="18" customHeight="1" x14ac:dyDescent="0.15">
      <c r="A49" s="8">
        <v>36</v>
      </c>
      <c r="B49" s="21">
        <v>1</v>
      </c>
      <c r="C49" s="6">
        <v>2</v>
      </c>
      <c r="D49" s="5">
        <v>3</v>
      </c>
    </row>
    <row r="50" spans="1:4" ht="18" customHeight="1" x14ac:dyDescent="0.15">
      <c r="A50" s="8">
        <v>37</v>
      </c>
      <c r="B50" s="21">
        <v>2</v>
      </c>
      <c r="C50" s="6">
        <v>1</v>
      </c>
      <c r="D50" s="5">
        <v>3</v>
      </c>
    </row>
    <row r="51" spans="1:4" ht="18" customHeight="1" x14ac:dyDescent="0.15">
      <c r="A51" s="8">
        <v>38</v>
      </c>
      <c r="B51" s="21">
        <v>1</v>
      </c>
      <c r="C51" s="6">
        <v>5</v>
      </c>
      <c r="D51" s="5">
        <v>6</v>
      </c>
    </row>
    <row r="52" spans="1:4" ht="18" customHeight="1" x14ac:dyDescent="0.15">
      <c r="A52" s="8">
        <v>39</v>
      </c>
      <c r="B52" s="21">
        <v>5</v>
      </c>
      <c r="C52" s="6">
        <v>4</v>
      </c>
      <c r="D52" s="5">
        <v>9</v>
      </c>
    </row>
    <row r="53" spans="1:4" ht="18" customHeight="1" x14ac:dyDescent="0.15">
      <c r="A53" s="8" t="s">
        <v>17</v>
      </c>
      <c r="B53" s="21">
        <v>10</v>
      </c>
      <c r="C53" s="6">
        <v>15</v>
      </c>
      <c r="D53" s="5">
        <v>25</v>
      </c>
    </row>
    <row r="54" spans="1:4" ht="18" customHeight="1" x14ac:dyDescent="0.15">
      <c r="A54" s="8">
        <v>40</v>
      </c>
      <c r="B54" s="21">
        <v>3</v>
      </c>
      <c r="C54" s="6">
        <v>1</v>
      </c>
      <c r="D54" s="5">
        <v>4</v>
      </c>
    </row>
    <row r="55" spans="1:4" ht="18" customHeight="1" x14ac:dyDescent="0.15">
      <c r="A55" s="8">
        <v>41</v>
      </c>
      <c r="B55" s="21">
        <v>2</v>
      </c>
      <c r="C55" s="6">
        <v>1</v>
      </c>
      <c r="D55" s="5">
        <v>3</v>
      </c>
    </row>
    <row r="56" spans="1:4" ht="18" customHeight="1" x14ac:dyDescent="0.15">
      <c r="A56" s="8">
        <v>42</v>
      </c>
      <c r="B56" s="21">
        <v>3</v>
      </c>
      <c r="C56" s="6">
        <v>2</v>
      </c>
      <c r="D56" s="5">
        <v>5</v>
      </c>
    </row>
    <row r="57" spans="1:4" ht="18" customHeight="1" x14ac:dyDescent="0.15">
      <c r="A57" s="8">
        <v>43</v>
      </c>
      <c r="B57" s="21">
        <v>0</v>
      </c>
      <c r="C57" s="6">
        <v>2</v>
      </c>
      <c r="D57" s="5">
        <v>2</v>
      </c>
    </row>
    <row r="58" spans="1:4" ht="18" customHeight="1" x14ac:dyDescent="0.15">
      <c r="A58" s="8">
        <v>44</v>
      </c>
      <c r="B58" s="21">
        <v>4</v>
      </c>
      <c r="C58" s="6">
        <v>3</v>
      </c>
      <c r="D58" s="5">
        <v>7</v>
      </c>
    </row>
    <row r="59" spans="1:4" ht="18" customHeight="1" x14ac:dyDescent="0.15">
      <c r="A59" s="8" t="s">
        <v>16</v>
      </c>
      <c r="B59" s="21">
        <v>12</v>
      </c>
      <c r="C59" s="6">
        <v>9</v>
      </c>
      <c r="D59" s="5">
        <v>21</v>
      </c>
    </row>
    <row r="60" spans="1:4" ht="18" customHeight="1" x14ac:dyDescent="0.15">
      <c r="A60" s="8">
        <v>45</v>
      </c>
      <c r="B60" s="21">
        <v>0</v>
      </c>
      <c r="C60" s="6">
        <v>3</v>
      </c>
      <c r="D60" s="5">
        <v>3</v>
      </c>
    </row>
    <row r="61" spans="1:4" ht="18" customHeight="1" x14ac:dyDescent="0.15">
      <c r="A61" s="8">
        <v>46</v>
      </c>
      <c r="B61" s="21">
        <v>7</v>
      </c>
      <c r="C61" s="6">
        <v>4</v>
      </c>
      <c r="D61" s="5">
        <v>11</v>
      </c>
    </row>
    <row r="62" spans="1:4" ht="18" customHeight="1" x14ac:dyDescent="0.15">
      <c r="A62" s="8">
        <v>47</v>
      </c>
      <c r="B62" s="21">
        <v>6</v>
      </c>
      <c r="C62" s="6">
        <v>2</v>
      </c>
      <c r="D62" s="5">
        <v>8</v>
      </c>
    </row>
    <row r="63" spans="1:4" ht="18" customHeight="1" x14ac:dyDescent="0.15">
      <c r="A63" s="8">
        <v>48</v>
      </c>
      <c r="B63" s="21">
        <v>2</v>
      </c>
      <c r="C63" s="6">
        <v>2</v>
      </c>
      <c r="D63" s="5">
        <v>4</v>
      </c>
    </row>
    <row r="64" spans="1:4" ht="18" customHeight="1" x14ac:dyDescent="0.15">
      <c r="A64" s="8">
        <v>49</v>
      </c>
      <c r="B64" s="21">
        <v>3</v>
      </c>
      <c r="C64" s="6">
        <v>4</v>
      </c>
      <c r="D64" s="5">
        <v>7</v>
      </c>
    </row>
    <row r="65" spans="1:4" ht="18" customHeight="1" x14ac:dyDescent="0.15">
      <c r="A65" s="8" t="s">
        <v>15</v>
      </c>
      <c r="B65" s="21">
        <v>18</v>
      </c>
      <c r="C65" s="6">
        <v>15</v>
      </c>
      <c r="D65" s="5">
        <v>33</v>
      </c>
    </row>
    <row r="66" spans="1:4" ht="18" customHeight="1" x14ac:dyDescent="0.15">
      <c r="A66" s="8">
        <v>50</v>
      </c>
      <c r="B66" s="21">
        <v>7</v>
      </c>
      <c r="C66" s="6">
        <v>2</v>
      </c>
      <c r="D66" s="5">
        <v>9</v>
      </c>
    </row>
    <row r="67" spans="1:4" ht="18" customHeight="1" x14ac:dyDescent="0.15">
      <c r="A67" s="8">
        <v>51</v>
      </c>
      <c r="B67" s="21">
        <v>1</v>
      </c>
      <c r="C67" s="6">
        <v>4</v>
      </c>
      <c r="D67" s="5">
        <v>5</v>
      </c>
    </row>
    <row r="68" spans="1:4" ht="18" customHeight="1" x14ac:dyDescent="0.15">
      <c r="A68" s="8">
        <v>52</v>
      </c>
      <c r="B68" s="21">
        <v>5</v>
      </c>
      <c r="C68" s="6">
        <v>3</v>
      </c>
      <c r="D68" s="5">
        <v>8</v>
      </c>
    </row>
    <row r="69" spans="1:4" ht="18" customHeight="1" x14ac:dyDescent="0.15">
      <c r="A69" s="8">
        <v>53</v>
      </c>
      <c r="B69" s="21">
        <v>9</v>
      </c>
      <c r="C69" s="6">
        <v>9</v>
      </c>
      <c r="D69" s="5">
        <v>18</v>
      </c>
    </row>
    <row r="70" spans="1:4" ht="18" customHeight="1" x14ac:dyDescent="0.15">
      <c r="A70" s="8">
        <v>54</v>
      </c>
      <c r="B70" s="21">
        <v>5</v>
      </c>
      <c r="C70" s="6">
        <v>4</v>
      </c>
      <c r="D70" s="5">
        <v>9</v>
      </c>
    </row>
    <row r="71" spans="1:4" ht="18" customHeight="1" x14ac:dyDescent="0.15">
      <c r="A71" s="8" t="s">
        <v>14</v>
      </c>
      <c r="B71" s="21">
        <v>27</v>
      </c>
      <c r="C71" s="6">
        <v>22</v>
      </c>
      <c r="D71" s="5">
        <v>49</v>
      </c>
    </row>
    <row r="72" spans="1:4" ht="18" customHeight="1" x14ac:dyDescent="0.15">
      <c r="A72" s="8">
        <v>55</v>
      </c>
      <c r="B72" s="21">
        <v>5</v>
      </c>
      <c r="C72" s="6">
        <v>6</v>
      </c>
      <c r="D72" s="5">
        <v>11</v>
      </c>
    </row>
    <row r="73" spans="1:4" ht="18" customHeight="1" x14ac:dyDescent="0.15">
      <c r="A73" s="8">
        <v>56</v>
      </c>
      <c r="B73" s="21">
        <v>5</v>
      </c>
      <c r="C73" s="6">
        <v>5</v>
      </c>
      <c r="D73" s="5">
        <v>10</v>
      </c>
    </row>
    <row r="74" spans="1:4" ht="18" customHeight="1" x14ac:dyDescent="0.15">
      <c r="A74" s="8">
        <v>57</v>
      </c>
      <c r="B74" s="21">
        <v>2</v>
      </c>
      <c r="C74" s="6">
        <v>6</v>
      </c>
      <c r="D74" s="5">
        <v>8</v>
      </c>
    </row>
    <row r="75" spans="1:4" ht="18" customHeight="1" x14ac:dyDescent="0.15">
      <c r="A75" s="8">
        <v>58</v>
      </c>
      <c r="B75" s="21">
        <v>5</v>
      </c>
      <c r="C75" s="6">
        <v>6</v>
      </c>
      <c r="D75" s="5">
        <v>11</v>
      </c>
    </row>
    <row r="76" spans="1:4" ht="18" customHeight="1" x14ac:dyDescent="0.15">
      <c r="A76" s="8">
        <v>59</v>
      </c>
      <c r="B76" s="21">
        <v>3</v>
      </c>
      <c r="C76" s="6">
        <v>4</v>
      </c>
      <c r="D76" s="5">
        <v>7</v>
      </c>
    </row>
    <row r="77" spans="1:4" ht="18" customHeight="1" x14ac:dyDescent="0.15">
      <c r="A77" s="8" t="s">
        <v>13</v>
      </c>
      <c r="B77" s="21">
        <v>20</v>
      </c>
      <c r="C77" s="6">
        <v>27</v>
      </c>
      <c r="D77" s="5">
        <v>47</v>
      </c>
    </row>
    <row r="78" spans="1:4" ht="18" customHeight="1" x14ac:dyDescent="0.15">
      <c r="A78" s="8">
        <v>60</v>
      </c>
      <c r="B78" s="21">
        <v>2</v>
      </c>
      <c r="C78" s="6">
        <v>3</v>
      </c>
      <c r="D78" s="5">
        <v>5</v>
      </c>
    </row>
    <row r="79" spans="1:4" ht="18" customHeight="1" x14ac:dyDescent="0.15">
      <c r="A79" s="8">
        <v>61</v>
      </c>
      <c r="B79" s="21">
        <v>2</v>
      </c>
      <c r="C79" s="6">
        <v>5</v>
      </c>
      <c r="D79" s="5">
        <v>7</v>
      </c>
    </row>
    <row r="80" spans="1:4" ht="18" customHeight="1" x14ac:dyDescent="0.15">
      <c r="A80" s="8">
        <v>62</v>
      </c>
      <c r="B80" s="21">
        <v>2</v>
      </c>
      <c r="C80" s="6">
        <v>6</v>
      </c>
      <c r="D80" s="5">
        <v>8</v>
      </c>
    </row>
    <row r="81" spans="1:4" ht="18" customHeight="1" x14ac:dyDescent="0.15">
      <c r="A81" s="8">
        <v>63</v>
      </c>
      <c r="B81" s="21">
        <v>10</v>
      </c>
      <c r="C81" s="6">
        <v>3</v>
      </c>
      <c r="D81" s="5">
        <v>13</v>
      </c>
    </row>
    <row r="82" spans="1:4" ht="18" customHeight="1" x14ac:dyDescent="0.15">
      <c r="A82" s="8">
        <v>64</v>
      </c>
      <c r="B82" s="21">
        <v>3</v>
      </c>
      <c r="C82" s="6">
        <v>7</v>
      </c>
      <c r="D82" s="5">
        <v>10</v>
      </c>
    </row>
    <row r="83" spans="1:4" ht="18" customHeight="1" x14ac:dyDescent="0.15">
      <c r="A83" s="8" t="s">
        <v>12</v>
      </c>
      <c r="B83" s="21">
        <v>19</v>
      </c>
      <c r="C83" s="6">
        <v>24</v>
      </c>
      <c r="D83" s="5">
        <v>43</v>
      </c>
    </row>
    <row r="84" spans="1:4" ht="18" customHeight="1" x14ac:dyDescent="0.15">
      <c r="A84" s="8" t="s">
        <v>11</v>
      </c>
      <c r="B84" s="21">
        <v>160</v>
      </c>
      <c r="C84" s="6">
        <v>149</v>
      </c>
      <c r="D84" s="5">
        <v>309</v>
      </c>
    </row>
    <row r="85" spans="1:4" ht="18" customHeight="1" x14ac:dyDescent="0.15">
      <c r="A85" s="8">
        <v>65</v>
      </c>
      <c r="B85" s="21">
        <v>3</v>
      </c>
      <c r="C85" s="6">
        <v>4</v>
      </c>
      <c r="D85" s="5">
        <v>7</v>
      </c>
    </row>
    <row r="86" spans="1:4" ht="18" customHeight="1" x14ac:dyDescent="0.15">
      <c r="A86" s="8">
        <v>66</v>
      </c>
      <c r="B86" s="21">
        <v>6</v>
      </c>
      <c r="C86" s="6">
        <v>8</v>
      </c>
      <c r="D86" s="5">
        <v>14</v>
      </c>
    </row>
    <row r="87" spans="1:4" ht="18" customHeight="1" x14ac:dyDescent="0.15">
      <c r="A87" s="8">
        <v>67</v>
      </c>
      <c r="B87" s="21">
        <v>7</v>
      </c>
      <c r="C87" s="6">
        <v>8</v>
      </c>
      <c r="D87" s="5">
        <v>15</v>
      </c>
    </row>
    <row r="88" spans="1:4" ht="18" customHeight="1" x14ac:dyDescent="0.15">
      <c r="A88" s="8">
        <v>68</v>
      </c>
      <c r="B88" s="21">
        <v>6</v>
      </c>
      <c r="C88" s="6">
        <v>6</v>
      </c>
      <c r="D88" s="5">
        <v>12</v>
      </c>
    </row>
    <row r="89" spans="1:4" ht="18" customHeight="1" x14ac:dyDescent="0.15">
      <c r="A89" s="8">
        <v>69</v>
      </c>
      <c r="B89" s="21">
        <v>10</v>
      </c>
      <c r="C89" s="6">
        <v>8</v>
      </c>
      <c r="D89" s="5">
        <v>18</v>
      </c>
    </row>
    <row r="90" spans="1:4" ht="18" customHeight="1" x14ac:dyDescent="0.15">
      <c r="A90" s="8" t="s">
        <v>10</v>
      </c>
      <c r="B90" s="21">
        <v>32</v>
      </c>
      <c r="C90" s="6">
        <v>34</v>
      </c>
      <c r="D90" s="5">
        <v>66</v>
      </c>
    </row>
    <row r="91" spans="1:4" ht="18" customHeight="1" x14ac:dyDescent="0.15">
      <c r="A91" s="8">
        <v>70</v>
      </c>
      <c r="B91" s="21">
        <v>8</v>
      </c>
      <c r="C91" s="6">
        <v>6</v>
      </c>
      <c r="D91" s="5">
        <v>14</v>
      </c>
    </row>
    <row r="92" spans="1:4" ht="18" customHeight="1" x14ac:dyDescent="0.15">
      <c r="A92" s="8">
        <v>71</v>
      </c>
      <c r="B92" s="21">
        <v>9</v>
      </c>
      <c r="C92" s="6">
        <v>10</v>
      </c>
      <c r="D92" s="5">
        <v>19</v>
      </c>
    </row>
    <row r="93" spans="1:4" ht="18" customHeight="1" x14ac:dyDescent="0.15">
      <c r="A93" s="8">
        <v>72</v>
      </c>
      <c r="B93" s="21">
        <v>11</v>
      </c>
      <c r="C93" s="6">
        <v>8</v>
      </c>
      <c r="D93" s="5">
        <v>19</v>
      </c>
    </row>
    <row r="94" spans="1:4" ht="18" customHeight="1" x14ac:dyDescent="0.15">
      <c r="A94" s="8">
        <v>73</v>
      </c>
      <c r="B94" s="21">
        <v>6</v>
      </c>
      <c r="C94" s="6">
        <v>5</v>
      </c>
      <c r="D94" s="5">
        <v>11</v>
      </c>
    </row>
    <row r="95" spans="1:4" ht="18" customHeight="1" x14ac:dyDescent="0.15">
      <c r="A95" s="8">
        <v>74</v>
      </c>
      <c r="B95" s="21">
        <v>5</v>
      </c>
      <c r="C95" s="6">
        <v>7</v>
      </c>
      <c r="D95" s="5">
        <v>12</v>
      </c>
    </row>
    <row r="96" spans="1:4" ht="18" customHeight="1" x14ac:dyDescent="0.15">
      <c r="A96" s="8" t="s">
        <v>9</v>
      </c>
      <c r="B96" s="21">
        <v>39</v>
      </c>
      <c r="C96" s="6">
        <v>36</v>
      </c>
      <c r="D96" s="5">
        <v>75</v>
      </c>
    </row>
    <row r="97" spans="1:4" ht="18" customHeight="1" x14ac:dyDescent="0.15">
      <c r="A97" s="8">
        <v>75</v>
      </c>
      <c r="B97" s="21">
        <v>6</v>
      </c>
      <c r="C97" s="6">
        <v>10</v>
      </c>
      <c r="D97" s="5">
        <v>16</v>
      </c>
    </row>
    <row r="98" spans="1:4" ht="18" customHeight="1" x14ac:dyDescent="0.15">
      <c r="A98" s="8">
        <v>76</v>
      </c>
      <c r="B98" s="21">
        <v>9</v>
      </c>
      <c r="C98" s="6">
        <v>7</v>
      </c>
      <c r="D98" s="5">
        <v>16</v>
      </c>
    </row>
    <row r="99" spans="1:4" ht="18" customHeight="1" x14ac:dyDescent="0.15">
      <c r="A99" s="8">
        <v>77</v>
      </c>
      <c r="B99" s="21">
        <v>7</v>
      </c>
      <c r="C99" s="6">
        <v>11</v>
      </c>
      <c r="D99" s="5">
        <v>18</v>
      </c>
    </row>
    <row r="100" spans="1:4" ht="18" customHeight="1" x14ac:dyDescent="0.15">
      <c r="A100" s="8">
        <v>78</v>
      </c>
      <c r="B100" s="21">
        <v>8</v>
      </c>
      <c r="C100" s="6">
        <v>7</v>
      </c>
      <c r="D100" s="5">
        <v>15</v>
      </c>
    </row>
    <row r="101" spans="1:4" ht="18" customHeight="1" x14ac:dyDescent="0.15">
      <c r="A101" s="8">
        <v>79</v>
      </c>
      <c r="B101" s="21">
        <v>8</v>
      </c>
      <c r="C101" s="6">
        <v>3</v>
      </c>
      <c r="D101" s="5">
        <v>11</v>
      </c>
    </row>
    <row r="102" spans="1:4" ht="18" customHeight="1" x14ac:dyDescent="0.15">
      <c r="A102" s="8" t="s">
        <v>8</v>
      </c>
      <c r="B102" s="21">
        <v>38</v>
      </c>
      <c r="C102" s="6">
        <v>38</v>
      </c>
      <c r="D102" s="5">
        <v>76</v>
      </c>
    </row>
    <row r="103" spans="1:4" ht="18" customHeight="1" x14ac:dyDescent="0.15">
      <c r="A103" s="8">
        <v>80</v>
      </c>
      <c r="B103" s="21">
        <v>1</v>
      </c>
      <c r="C103" s="6">
        <v>8</v>
      </c>
      <c r="D103" s="5">
        <v>9</v>
      </c>
    </row>
    <row r="104" spans="1:4" ht="18" customHeight="1" x14ac:dyDescent="0.15">
      <c r="A104" s="8">
        <v>81</v>
      </c>
      <c r="B104" s="21">
        <v>8</v>
      </c>
      <c r="C104" s="6">
        <v>4</v>
      </c>
      <c r="D104" s="5">
        <v>12</v>
      </c>
    </row>
    <row r="105" spans="1:4" ht="18" customHeight="1" x14ac:dyDescent="0.15">
      <c r="A105" s="8">
        <v>82</v>
      </c>
      <c r="B105" s="21">
        <v>8</v>
      </c>
      <c r="C105" s="6">
        <v>2</v>
      </c>
      <c r="D105" s="5">
        <v>10</v>
      </c>
    </row>
    <row r="106" spans="1:4" ht="18" customHeight="1" x14ac:dyDescent="0.15">
      <c r="A106" s="8">
        <v>83</v>
      </c>
      <c r="B106" s="21">
        <v>3</v>
      </c>
      <c r="C106" s="6">
        <v>6</v>
      </c>
      <c r="D106" s="5">
        <v>9</v>
      </c>
    </row>
    <row r="107" spans="1:4" ht="18" customHeight="1" x14ac:dyDescent="0.15">
      <c r="A107" s="8">
        <v>84</v>
      </c>
      <c r="B107" s="21">
        <v>4</v>
      </c>
      <c r="C107" s="6">
        <v>4</v>
      </c>
      <c r="D107" s="5">
        <v>8</v>
      </c>
    </row>
    <row r="108" spans="1:4" ht="18" customHeight="1" x14ac:dyDescent="0.15">
      <c r="A108" s="8" t="s">
        <v>7</v>
      </c>
      <c r="B108" s="21">
        <v>24</v>
      </c>
      <c r="C108" s="6">
        <v>24</v>
      </c>
      <c r="D108" s="5">
        <v>48</v>
      </c>
    </row>
    <row r="109" spans="1:4" ht="18" customHeight="1" x14ac:dyDescent="0.15">
      <c r="A109" s="8">
        <v>85</v>
      </c>
      <c r="B109" s="21">
        <v>1</v>
      </c>
      <c r="C109" s="6">
        <v>4</v>
      </c>
      <c r="D109" s="5">
        <v>5</v>
      </c>
    </row>
    <row r="110" spans="1:4" ht="18" customHeight="1" x14ac:dyDescent="0.15">
      <c r="A110" s="8">
        <v>86</v>
      </c>
      <c r="B110" s="21">
        <v>2</v>
      </c>
      <c r="C110" s="6">
        <v>4</v>
      </c>
      <c r="D110" s="5">
        <v>6</v>
      </c>
    </row>
    <row r="111" spans="1:4" ht="18" customHeight="1" x14ac:dyDescent="0.15">
      <c r="A111" s="8">
        <v>87</v>
      </c>
      <c r="B111" s="21">
        <v>1</v>
      </c>
      <c r="C111" s="6">
        <v>8</v>
      </c>
      <c r="D111" s="5">
        <v>9</v>
      </c>
    </row>
    <row r="112" spans="1:4" ht="18" customHeight="1" x14ac:dyDescent="0.15">
      <c r="A112" s="8">
        <v>88</v>
      </c>
      <c r="B112" s="21">
        <v>0</v>
      </c>
      <c r="C112" s="6">
        <v>4</v>
      </c>
      <c r="D112" s="5">
        <v>4</v>
      </c>
    </row>
    <row r="113" spans="1:4" ht="18" customHeight="1" x14ac:dyDescent="0.15">
      <c r="A113" s="8">
        <v>89</v>
      </c>
      <c r="B113" s="21">
        <v>2</v>
      </c>
      <c r="C113" s="6">
        <v>7</v>
      </c>
      <c r="D113" s="5">
        <v>9</v>
      </c>
    </row>
    <row r="114" spans="1:4" ht="18" customHeight="1" x14ac:dyDescent="0.15">
      <c r="A114" s="8" t="s">
        <v>6</v>
      </c>
      <c r="B114" s="21">
        <v>6</v>
      </c>
      <c r="C114" s="6">
        <v>27</v>
      </c>
      <c r="D114" s="5">
        <v>33</v>
      </c>
    </row>
    <row r="115" spans="1:4" ht="18" customHeight="1" x14ac:dyDescent="0.15">
      <c r="A115" s="8">
        <v>90</v>
      </c>
      <c r="B115" s="21">
        <v>2</v>
      </c>
      <c r="C115" s="6">
        <v>4</v>
      </c>
      <c r="D115" s="5">
        <v>6</v>
      </c>
    </row>
    <row r="116" spans="1:4" ht="18" customHeight="1" x14ac:dyDescent="0.15">
      <c r="A116" s="8">
        <v>91</v>
      </c>
      <c r="B116" s="21">
        <v>3</v>
      </c>
      <c r="C116" s="6">
        <v>5</v>
      </c>
      <c r="D116" s="5">
        <v>8</v>
      </c>
    </row>
    <row r="117" spans="1:4" ht="18" customHeight="1" x14ac:dyDescent="0.15">
      <c r="A117" s="8">
        <v>92</v>
      </c>
      <c r="B117" s="21">
        <v>1</v>
      </c>
      <c r="C117" s="6">
        <v>2</v>
      </c>
      <c r="D117" s="5">
        <v>3</v>
      </c>
    </row>
    <row r="118" spans="1:4" ht="18" customHeight="1" x14ac:dyDescent="0.15">
      <c r="A118" s="8">
        <v>93</v>
      </c>
      <c r="B118" s="21">
        <v>1</v>
      </c>
      <c r="C118" s="6">
        <v>5</v>
      </c>
      <c r="D118" s="5">
        <v>6</v>
      </c>
    </row>
    <row r="119" spans="1:4" ht="18" customHeight="1" x14ac:dyDescent="0.15">
      <c r="A119" s="8">
        <v>94</v>
      </c>
      <c r="B119" s="21">
        <v>1</v>
      </c>
      <c r="C119" s="6">
        <v>4</v>
      </c>
      <c r="D119" s="5">
        <v>5</v>
      </c>
    </row>
    <row r="120" spans="1:4" ht="18" customHeight="1" x14ac:dyDescent="0.15">
      <c r="A120" s="8" t="s">
        <v>5</v>
      </c>
      <c r="B120" s="21">
        <v>8</v>
      </c>
      <c r="C120" s="6">
        <v>20</v>
      </c>
      <c r="D120" s="5">
        <v>28</v>
      </c>
    </row>
    <row r="121" spans="1:4" ht="18" customHeight="1" x14ac:dyDescent="0.15">
      <c r="A121" s="8">
        <v>95</v>
      </c>
      <c r="B121" s="21">
        <v>0</v>
      </c>
      <c r="C121" s="6">
        <v>6</v>
      </c>
      <c r="D121" s="5">
        <v>6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4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0</v>
      </c>
      <c r="C126" s="6">
        <v>14</v>
      </c>
      <c r="D126" s="5">
        <v>14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147</v>
      </c>
      <c r="C130" s="6">
        <v>197</v>
      </c>
      <c r="D130" s="5">
        <v>344</v>
      </c>
    </row>
    <row r="131" spans="1:4" ht="18" customHeight="1" x14ac:dyDescent="0.15">
      <c r="A131" s="4" t="s">
        <v>0</v>
      </c>
      <c r="B131" s="20">
        <v>325</v>
      </c>
      <c r="C131" s="2">
        <v>377</v>
      </c>
      <c r="D131" s="1">
        <v>70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07EAD1-CB56-45CF-ACAF-A8E33BE5C9DE}">
  <sheetPr codeName="Sheet7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1</v>
      </c>
      <c r="C9" s="28">
        <v>0</v>
      </c>
      <c r="D9" s="27">
        <v>1</v>
      </c>
    </row>
    <row r="10" spans="1:4" ht="18" customHeight="1" x14ac:dyDescent="0.15">
      <c r="A10" s="8" t="s">
        <v>25</v>
      </c>
      <c r="B10" s="21">
        <v>1</v>
      </c>
      <c r="C10" s="6">
        <v>0</v>
      </c>
      <c r="D10" s="5">
        <v>1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1</v>
      </c>
      <c r="C16" s="6">
        <v>2</v>
      </c>
      <c r="D16" s="5">
        <v>3</v>
      </c>
    </row>
    <row r="17" spans="1:4" ht="18" customHeight="1" x14ac:dyDescent="0.15">
      <c r="A17" s="8">
        <v>10</v>
      </c>
      <c r="B17" s="21">
        <v>0</v>
      </c>
      <c r="C17" s="6">
        <v>0</v>
      </c>
      <c r="D17" s="5">
        <v>0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1</v>
      </c>
      <c r="C19" s="6">
        <v>0</v>
      </c>
      <c r="D19" s="5">
        <v>1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0</v>
      </c>
      <c r="C21" s="6">
        <v>0</v>
      </c>
      <c r="D21" s="5">
        <v>0</v>
      </c>
    </row>
    <row r="22" spans="1:4" ht="18" customHeight="1" x14ac:dyDescent="0.15">
      <c r="A22" s="8" t="s">
        <v>23</v>
      </c>
      <c r="B22" s="21">
        <v>1</v>
      </c>
      <c r="C22" s="6">
        <v>0</v>
      </c>
      <c r="D22" s="5">
        <v>1</v>
      </c>
    </row>
    <row r="23" spans="1:4" ht="18" customHeight="1" x14ac:dyDescent="0.15">
      <c r="A23" s="8" t="s">
        <v>22</v>
      </c>
      <c r="B23" s="21">
        <v>3</v>
      </c>
      <c r="C23" s="6">
        <v>2</v>
      </c>
      <c r="D23" s="5">
        <v>5</v>
      </c>
    </row>
    <row r="24" spans="1:4" ht="18" customHeight="1" x14ac:dyDescent="0.15">
      <c r="A24" s="8">
        <v>15</v>
      </c>
      <c r="B24" s="21">
        <v>0</v>
      </c>
      <c r="C24" s="6">
        <v>0</v>
      </c>
      <c r="D24" s="5">
        <v>0</v>
      </c>
    </row>
    <row r="25" spans="1:4" ht="18" customHeight="1" x14ac:dyDescent="0.15">
      <c r="A25" s="8">
        <v>16</v>
      </c>
      <c r="B25" s="21">
        <v>3</v>
      </c>
      <c r="C25" s="6">
        <v>1</v>
      </c>
      <c r="D25" s="5">
        <v>4</v>
      </c>
    </row>
    <row r="26" spans="1:4" ht="18" customHeight="1" x14ac:dyDescent="0.15">
      <c r="A26" s="8">
        <v>17</v>
      </c>
      <c r="B26" s="21">
        <v>0</v>
      </c>
      <c r="C26" s="6">
        <v>2</v>
      </c>
      <c r="D26" s="5">
        <v>2</v>
      </c>
    </row>
    <row r="27" spans="1:4" ht="18" customHeight="1" x14ac:dyDescent="0.15">
      <c r="A27" s="8">
        <v>18</v>
      </c>
      <c r="B27" s="21">
        <v>1</v>
      </c>
      <c r="C27" s="6">
        <v>0</v>
      </c>
      <c r="D27" s="5">
        <v>1</v>
      </c>
    </row>
    <row r="28" spans="1:4" ht="18" customHeight="1" x14ac:dyDescent="0.15">
      <c r="A28" s="8">
        <v>19</v>
      </c>
      <c r="B28" s="21">
        <v>1</v>
      </c>
      <c r="C28" s="6">
        <v>1</v>
      </c>
      <c r="D28" s="5">
        <v>2</v>
      </c>
    </row>
    <row r="29" spans="1:4" ht="18" customHeight="1" x14ac:dyDescent="0.15">
      <c r="A29" s="8" t="s">
        <v>21</v>
      </c>
      <c r="B29" s="21">
        <v>5</v>
      </c>
      <c r="C29" s="6">
        <v>4</v>
      </c>
      <c r="D29" s="5">
        <v>9</v>
      </c>
    </row>
    <row r="30" spans="1:4" ht="18" customHeight="1" x14ac:dyDescent="0.15">
      <c r="A30" s="8">
        <v>20</v>
      </c>
      <c r="B30" s="21">
        <v>0</v>
      </c>
      <c r="C30" s="6">
        <v>2</v>
      </c>
      <c r="D30" s="5">
        <v>2</v>
      </c>
    </row>
    <row r="31" spans="1:4" ht="18" customHeight="1" x14ac:dyDescent="0.15">
      <c r="A31" s="8">
        <v>21</v>
      </c>
      <c r="B31" s="21">
        <v>1</v>
      </c>
      <c r="C31" s="6">
        <v>1</v>
      </c>
      <c r="D31" s="5">
        <v>2</v>
      </c>
    </row>
    <row r="32" spans="1:4" ht="18" customHeight="1" x14ac:dyDescent="0.15">
      <c r="A32" s="8">
        <v>22</v>
      </c>
      <c r="B32" s="21">
        <v>2</v>
      </c>
      <c r="C32" s="6">
        <v>0</v>
      </c>
      <c r="D32" s="5">
        <v>2</v>
      </c>
    </row>
    <row r="33" spans="1:4" ht="18" customHeight="1" x14ac:dyDescent="0.15">
      <c r="A33" s="8">
        <v>23</v>
      </c>
      <c r="B33" s="21">
        <v>1</v>
      </c>
      <c r="C33" s="6">
        <v>2</v>
      </c>
      <c r="D33" s="5">
        <v>3</v>
      </c>
    </row>
    <row r="34" spans="1:4" ht="18" customHeight="1" x14ac:dyDescent="0.15">
      <c r="A34" s="8">
        <v>24</v>
      </c>
      <c r="B34" s="21">
        <v>2</v>
      </c>
      <c r="C34" s="6">
        <v>0</v>
      </c>
      <c r="D34" s="5">
        <v>2</v>
      </c>
    </row>
    <row r="35" spans="1:4" ht="18" customHeight="1" x14ac:dyDescent="0.15">
      <c r="A35" s="8" t="s">
        <v>20</v>
      </c>
      <c r="B35" s="21">
        <v>6</v>
      </c>
      <c r="C35" s="6">
        <v>5</v>
      </c>
      <c r="D35" s="5">
        <v>11</v>
      </c>
    </row>
    <row r="36" spans="1:4" ht="18" customHeight="1" x14ac:dyDescent="0.15">
      <c r="A36" s="8">
        <v>25</v>
      </c>
      <c r="B36" s="21">
        <v>1</v>
      </c>
      <c r="C36" s="6">
        <v>2</v>
      </c>
      <c r="D36" s="5">
        <v>3</v>
      </c>
    </row>
    <row r="37" spans="1:4" ht="18" customHeight="1" x14ac:dyDescent="0.15">
      <c r="A37" s="8">
        <v>26</v>
      </c>
      <c r="B37" s="21">
        <v>2</v>
      </c>
      <c r="C37" s="6">
        <v>0</v>
      </c>
      <c r="D37" s="5">
        <v>2</v>
      </c>
    </row>
    <row r="38" spans="1:4" ht="18" customHeight="1" x14ac:dyDescent="0.15">
      <c r="A38" s="8">
        <v>27</v>
      </c>
      <c r="B38" s="21">
        <v>6</v>
      </c>
      <c r="C38" s="6">
        <v>2</v>
      </c>
      <c r="D38" s="5">
        <v>8</v>
      </c>
    </row>
    <row r="39" spans="1:4" ht="18" customHeight="1" x14ac:dyDescent="0.15">
      <c r="A39" s="8">
        <v>28</v>
      </c>
      <c r="B39" s="21">
        <v>1</v>
      </c>
      <c r="C39" s="6">
        <v>1</v>
      </c>
      <c r="D39" s="5">
        <v>2</v>
      </c>
    </row>
    <row r="40" spans="1:4" ht="18" customHeight="1" x14ac:dyDescent="0.15">
      <c r="A40" s="8">
        <v>29</v>
      </c>
      <c r="B40" s="21">
        <v>1</v>
      </c>
      <c r="C40" s="6">
        <v>0</v>
      </c>
      <c r="D40" s="5">
        <v>1</v>
      </c>
    </row>
    <row r="41" spans="1:4" ht="18" customHeight="1" x14ac:dyDescent="0.15">
      <c r="A41" s="8" t="s">
        <v>19</v>
      </c>
      <c r="B41" s="21">
        <v>11</v>
      </c>
      <c r="C41" s="6">
        <v>5</v>
      </c>
      <c r="D41" s="5">
        <v>16</v>
      </c>
    </row>
    <row r="42" spans="1:4" ht="18" customHeight="1" x14ac:dyDescent="0.15">
      <c r="A42" s="8">
        <v>30</v>
      </c>
      <c r="B42" s="21">
        <v>2</v>
      </c>
      <c r="C42" s="6">
        <v>1</v>
      </c>
      <c r="D42" s="5">
        <v>3</v>
      </c>
    </row>
    <row r="43" spans="1:4" ht="18" customHeight="1" x14ac:dyDescent="0.15">
      <c r="A43" s="8">
        <v>31</v>
      </c>
      <c r="B43" s="21">
        <v>5</v>
      </c>
      <c r="C43" s="6">
        <v>1</v>
      </c>
      <c r="D43" s="5">
        <v>6</v>
      </c>
    </row>
    <row r="44" spans="1:4" ht="18" customHeight="1" x14ac:dyDescent="0.15">
      <c r="A44" s="8">
        <v>32</v>
      </c>
      <c r="B44" s="21">
        <v>2</v>
      </c>
      <c r="C44" s="6">
        <v>1</v>
      </c>
      <c r="D44" s="5">
        <v>3</v>
      </c>
    </row>
    <row r="45" spans="1:4" ht="18" customHeight="1" x14ac:dyDescent="0.15">
      <c r="A45" s="8">
        <v>33</v>
      </c>
      <c r="B45" s="21">
        <v>1</v>
      </c>
      <c r="C45" s="6">
        <v>1</v>
      </c>
      <c r="D45" s="5">
        <v>2</v>
      </c>
    </row>
    <row r="46" spans="1:4" ht="18" customHeight="1" x14ac:dyDescent="0.15">
      <c r="A46" s="8">
        <v>34</v>
      </c>
      <c r="B46" s="21">
        <v>4</v>
      </c>
      <c r="C46" s="6">
        <v>0</v>
      </c>
      <c r="D46" s="5">
        <v>4</v>
      </c>
    </row>
    <row r="47" spans="1:4" ht="18" customHeight="1" x14ac:dyDescent="0.15">
      <c r="A47" s="8" t="s">
        <v>18</v>
      </c>
      <c r="B47" s="21">
        <v>14</v>
      </c>
      <c r="C47" s="6">
        <v>4</v>
      </c>
      <c r="D47" s="5">
        <v>18</v>
      </c>
    </row>
    <row r="48" spans="1:4" ht="18" customHeight="1" x14ac:dyDescent="0.15">
      <c r="A48" s="8">
        <v>35</v>
      </c>
      <c r="B48" s="21">
        <v>0</v>
      </c>
      <c r="C48" s="6">
        <v>3</v>
      </c>
      <c r="D48" s="5">
        <v>3</v>
      </c>
    </row>
    <row r="49" spans="1:4" ht="18" customHeight="1" x14ac:dyDescent="0.15">
      <c r="A49" s="8">
        <v>36</v>
      </c>
      <c r="B49" s="21">
        <v>3</v>
      </c>
      <c r="C49" s="6">
        <v>1</v>
      </c>
      <c r="D49" s="5">
        <v>4</v>
      </c>
    </row>
    <row r="50" spans="1:4" ht="18" customHeight="1" x14ac:dyDescent="0.15">
      <c r="A50" s="8">
        <v>37</v>
      </c>
      <c r="B50" s="21">
        <v>2</v>
      </c>
      <c r="C50" s="6">
        <v>3</v>
      </c>
      <c r="D50" s="5">
        <v>5</v>
      </c>
    </row>
    <row r="51" spans="1:4" ht="18" customHeight="1" x14ac:dyDescent="0.15">
      <c r="A51" s="8">
        <v>38</v>
      </c>
      <c r="B51" s="21">
        <v>2</v>
      </c>
      <c r="C51" s="6">
        <v>1</v>
      </c>
      <c r="D51" s="5">
        <v>3</v>
      </c>
    </row>
    <row r="52" spans="1:4" ht="18" customHeight="1" x14ac:dyDescent="0.15">
      <c r="A52" s="8">
        <v>39</v>
      </c>
      <c r="B52" s="21">
        <v>2</v>
      </c>
      <c r="C52" s="6">
        <v>1</v>
      </c>
      <c r="D52" s="5">
        <v>3</v>
      </c>
    </row>
    <row r="53" spans="1:4" ht="18" customHeight="1" x14ac:dyDescent="0.15">
      <c r="A53" s="8" t="s">
        <v>17</v>
      </c>
      <c r="B53" s="21">
        <v>9</v>
      </c>
      <c r="C53" s="6">
        <v>9</v>
      </c>
      <c r="D53" s="5">
        <v>18</v>
      </c>
    </row>
    <row r="54" spans="1:4" ht="18" customHeight="1" x14ac:dyDescent="0.15">
      <c r="A54" s="8">
        <v>40</v>
      </c>
      <c r="B54" s="21">
        <v>2</v>
      </c>
      <c r="C54" s="6">
        <v>0</v>
      </c>
      <c r="D54" s="5">
        <v>2</v>
      </c>
    </row>
    <row r="55" spans="1:4" ht="18" customHeight="1" x14ac:dyDescent="0.15">
      <c r="A55" s="8">
        <v>41</v>
      </c>
      <c r="B55" s="21">
        <v>1</v>
      </c>
      <c r="C55" s="6">
        <v>2</v>
      </c>
      <c r="D55" s="5">
        <v>3</v>
      </c>
    </row>
    <row r="56" spans="1:4" ht="18" customHeight="1" x14ac:dyDescent="0.15">
      <c r="A56" s="8">
        <v>42</v>
      </c>
      <c r="B56" s="21">
        <v>1</v>
      </c>
      <c r="C56" s="6">
        <v>1</v>
      </c>
      <c r="D56" s="5">
        <v>2</v>
      </c>
    </row>
    <row r="57" spans="1:4" ht="18" customHeight="1" x14ac:dyDescent="0.15">
      <c r="A57" s="8">
        <v>43</v>
      </c>
      <c r="B57" s="21">
        <v>0</v>
      </c>
      <c r="C57" s="6">
        <v>0</v>
      </c>
      <c r="D57" s="5">
        <v>0</v>
      </c>
    </row>
    <row r="58" spans="1:4" ht="18" customHeight="1" x14ac:dyDescent="0.15">
      <c r="A58" s="8">
        <v>44</v>
      </c>
      <c r="B58" s="21">
        <v>1</v>
      </c>
      <c r="C58" s="6">
        <v>1</v>
      </c>
      <c r="D58" s="5">
        <v>2</v>
      </c>
    </row>
    <row r="59" spans="1:4" ht="18" customHeight="1" x14ac:dyDescent="0.15">
      <c r="A59" s="8" t="s">
        <v>16</v>
      </c>
      <c r="B59" s="21">
        <v>5</v>
      </c>
      <c r="C59" s="6">
        <v>4</v>
      </c>
      <c r="D59" s="5">
        <v>9</v>
      </c>
    </row>
    <row r="60" spans="1:4" ht="18" customHeight="1" x14ac:dyDescent="0.15">
      <c r="A60" s="8">
        <v>45</v>
      </c>
      <c r="B60" s="21">
        <v>1</v>
      </c>
      <c r="C60" s="6">
        <v>2</v>
      </c>
      <c r="D60" s="5">
        <v>3</v>
      </c>
    </row>
    <row r="61" spans="1:4" ht="18" customHeight="1" x14ac:dyDescent="0.15">
      <c r="A61" s="8">
        <v>46</v>
      </c>
      <c r="B61" s="21">
        <v>2</v>
      </c>
      <c r="C61" s="6">
        <v>1</v>
      </c>
      <c r="D61" s="5">
        <v>3</v>
      </c>
    </row>
    <row r="62" spans="1:4" ht="18" customHeight="1" x14ac:dyDescent="0.15">
      <c r="A62" s="8">
        <v>47</v>
      </c>
      <c r="B62" s="21">
        <v>1</v>
      </c>
      <c r="C62" s="6">
        <v>2</v>
      </c>
      <c r="D62" s="5">
        <v>3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2</v>
      </c>
      <c r="C64" s="6">
        <v>1</v>
      </c>
      <c r="D64" s="5">
        <v>3</v>
      </c>
    </row>
    <row r="65" spans="1:4" ht="18" customHeight="1" x14ac:dyDescent="0.15">
      <c r="A65" s="8" t="s">
        <v>15</v>
      </c>
      <c r="B65" s="21">
        <v>6</v>
      </c>
      <c r="C65" s="6">
        <v>6</v>
      </c>
      <c r="D65" s="5">
        <v>12</v>
      </c>
    </row>
    <row r="66" spans="1:4" ht="18" customHeight="1" x14ac:dyDescent="0.15">
      <c r="A66" s="8">
        <v>50</v>
      </c>
      <c r="B66" s="21">
        <v>2</v>
      </c>
      <c r="C66" s="6">
        <v>4</v>
      </c>
      <c r="D66" s="5">
        <v>6</v>
      </c>
    </row>
    <row r="67" spans="1:4" ht="18" customHeight="1" x14ac:dyDescent="0.15">
      <c r="A67" s="8">
        <v>51</v>
      </c>
      <c r="B67" s="21">
        <v>4</v>
      </c>
      <c r="C67" s="6">
        <v>1</v>
      </c>
      <c r="D67" s="5">
        <v>5</v>
      </c>
    </row>
    <row r="68" spans="1:4" ht="18" customHeight="1" x14ac:dyDescent="0.15">
      <c r="A68" s="8">
        <v>52</v>
      </c>
      <c r="B68" s="21">
        <v>1</v>
      </c>
      <c r="C68" s="6">
        <v>2</v>
      </c>
      <c r="D68" s="5">
        <v>3</v>
      </c>
    </row>
    <row r="69" spans="1:4" ht="18" customHeight="1" x14ac:dyDescent="0.15">
      <c r="A69" s="8">
        <v>53</v>
      </c>
      <c r="B69" s="21">
        <v>2</v>
      </c>
      <c r="C69" s="6">
        <v>2</v>
      </c>
      <c r="D69" s="5">
        <v>4</v>
      </c>
    </row>
    <row r="70" spans="1:4" ht="18" customHeight="1" x14ac:dyDescent="0.15">
      <c r="A70" s="8">
        <v>54</v>
      </c>
      <c r="B70" s="21">
        <v>1</v>
      </c>
      <c r="C70" s="6">
        <v>2</v>
      </c>
      <c r="D70" s="5">
        <v>3</v>
      </c>
    </row>
    <row r="71" spans="1:4" ht="18" customHeight="1" x14ac:dyDescent="0.15">
      <c r="A71" s="8" t="s">
        <v>14</v>
      </c>
      <c r="B71" s="21">
        <v>10</v>
      </c>
      <c r="C71" s="6">
        <v>11</v>
      </c>
      <c r="D71" s="5">
        <v>21</v>
      </c>
    </row>
    <row r="72" spans="1:4" ht="18" customHeight="1" x14ac:dyDescent="0.15">
      <c r="A72" s="8">
        <v>55</v>
      </c>
      <c r="B72" s="21">
        <v>3</v>
      </c>
      <c r="C72" s="6">
        <v>0</v>
      </c>
      <c r="D72" s="5">
        <v>3</v>
      </c>
    </row>
    <row r="73" spans="1:4" ht="18" customHeight="1" x14ac:dyDescent="0.15">
      <c r="A73" s="8">
        <v>56</v>
      </c>
      <c r="B73" s="21">
        <v>2</v>
      </c>
      <c r="C73" s="6">
        <v>1</v>
      </c>
      <c r="D73" s="5">
        <v>3</v>
      </c>
    </row>
    <row r="74" spans="1:4" ht="18" customHeight="1" x14ac:dyDescent="0.15">
      <c r="A74" s="8">
        <v>57</v>
      </c>
      <c r="B74" s="21">
        <v>4</v>
      </c>
      <c r="C74" s="6">
        <v>4</v>
      </c>
      <c r="D74" s="5">
        <v>8</v>
      </c>
    </row>
    <row r="75" spans="1:4" ht="18" customHeight="1" x14ac:dyDescent="0.15">
      <c r="A75" s="8">
        <v>58</v>
      </c>
      <c r="B75" s="21">
        <v>4</v>
      </c>
      <c r="C75" s="6">
        <v>4</v>
      </c>
      <c r="D75" s="5">
        <v>8</v>
      </c>
    </row>
    <row r="76" spans="1:4" ht="18" customHeight="1" x14ac:dyDescent="0.15">
      <c r="A76" s="8">
        <v>59</v>
      </c>
      <c r="B76" s="21">
        <v>1</v>
      </c>
      <c r="C76" s="6">
        <v>3</v>
      </c>
      <c r="D76" s="5">
        <v>4</v>
      </c>
    </row>
    <row r="77" spans="1:4" ht="18" customHeight="1" x14ac:dyDescent="0.15">
      <c r="A77" s="8" t="s">
        <v>13</v>
      </c>
      <c r="B77" s="21">
        <v>14</v>
      </c>
      <c r="C77" s="6">
        <v>12</v>
      </c>
      <c r="D77" s="5">
        <v>26</v>
      </c>
    </row>
    <row r="78" spans="1:4" ht="18" customHeight="1" x14ac:dyDescent="0.15">
      <c r="A78" s="8">
        <v>60</v>
      </c>
      <c r="B78" s="21">
        <v>5</v>
      </c>
      <c r="C78" s="6">
        <v>8</v>
      </c>
      <c r="D78" s="5">
        <v>13</v>
      </c>
    </row>
    <row r="79" spans="1:4" ht="18" customHeight="1" x14ac:dyDescent="0.15">
      <c r="A79" s="8">
        <v>61</v>
      </c>
      <c r="B79" s="21">
        <v>4</v>
      </c>
      <c r="C79" s="6">
        <v>0</v>
      </c>
      <c r="D79" s="5">
        <v>4</v>
      </c>
    </row>
    <row r="80" spans="1:4" ht="18" customHeight="1" x14ac:dyDescent="0.15">
      <c r="A80" s="8">
        <v>62</v>
      </c>
      <c r="B80" s="21">
        <v>2</v>
      </c>
      <c r="C80" s="6">
        <v>3</v>
      </c>
      <c r="D80" s="5">
        <v>5</v>
      </c>
    </row>
    <row r="81" spans="1:4" ht="18" customHeight="1" x14ac:dyDescent="0.15">
      <c r="A81" s="8">
        <v>63</v>
      </c>
      <c r="B81" s="21">
        <v>0</v>
      </c>
      <c r="C81" s="6">
        <v>5</v>
      </c>
      <c r="D81" s="5">
        <v>5</v>
      </c>
    </row>
    <row r="82" spans="1:4" ht="18" customHeight="1" x14ac:dyDescent="0.15">
      <c r="A82" s="8">
        <v>64</v>
      </c>
      <c r="B82" s="21">
        <v>0</v>
      </c>
      <c r="C82" s="6">
        <v>4</v>
      </c>
      <c r="D82" s="5">
        <v>4</v>
      </c>
    </row>
    <row r="83" spans="1:4" ht="18" customHeight="1" x14ac:dyDescent="0.15">
      <c r="A83" s="8" t="s">
        <v>12</v>
      </c>
      <c r="B83" s="21">
        <v>11</v>
      </c>
      <c r="C83" s="6">
        <v>20</v>
      </c>
      <c r="D83" s="5">
        <v>31</v>
      </c>
    </row>
    <row r="84" spans="1:4" ht="18" customHeight="1" x14ac:dyDescent="0.15">
      <c r="A84" s="8" t="s">
        <v>11</v>
      </c>
      <c r="B84" s="21">
        <v>91</v>
      </c>
      <c r="C84" s="6">
        <v>80</v>
      </c>
      <c r="D84" s="5">
        <v>171</v>
      </c>
    </row>
    <row r="85" spans="1:4" ht="18" customHeight="1" x14ac:dyDescent="0.15">
      <c r="A85" s="8">
        <v>65</v>
      </c>
      <c r="B85" s="21">
        <v>4</v>
      </c>
      <c r="C85" s="6">
        <v>1</v>
      </c>
      <c r="D85" s="5">
        <v>5</v>
      </c>
    </row>
    <row r="86" spans="1:4" ht="18" customHeight="1" x14ac:dyDescent="0.15">
      <c r="A86" s="8">
        <v>66</v>
      </c>
      <c r="B86" s="21">
        <v>3</v>
      </c>
      <c r="C86" s="6">
        <v>4</v>
      </c>
      <c r="D86" s="5">
        <v>7</v>
      </c>
    </row>
    <row r="87" spans="1:4" ht="18" customHeight="1" x14ac:dyDescent="0.15">
      <c r="A87" s="8">
        <v>67</v>
      </c>
      <c r="B87" s="21">
        <v>4</v>
      </c>
      <c r="C87" s="6">
        <v>1</v>
      </c>
      <c r="D87" s="5">
        <v>5</v>
      </c>
    </row>
    <row r="88" spans="1:4" ht="18" customHeight="1" x14ac:dyDescent="0.15">
      <c r="A88" s="8">
        <v>68</v>
      </c>
      <c r="B88" s="21">
        <v>3</v>
      </c>
      <c r="C88" s="6">
        <v>1</v>
      </c>
      <c r="D88" s="5">
        <v>4</v>
      </c>
    </row>
    <row r="89" spans="1:4" ht="18" customHeight="1" x14ac:dyDescent="0.15">
      <c r="A89" s="8">
        <v>69</v>
      </c>
      <c r="B89" s="21">
        <v>4</v>
      </c>
      <c r="C89" s="6">
        <v>5</v>
      </c>
      <c r="D89" s="5">
        <v>9</v>
      </c>
    </row>
    <row r="90" spans="1:4" ht="18" customHeight="1" x14ac:dyDescent="0.15">
      <c r="A90" s="8" t="s">
        <v>10</v>
      </c>
      <c r="B90" s="21">
        <v>18</v>
      </c>
      <c r="C90" s="6">
        <v>12</v>
      </c>
      <c r="D90" s="5">
        <v>30</v>
      </c>
    </row>
    <row r="91" spans="1:4" ht="18" customHeight="1" x14ac:dyDescent="0.15">
      <c r="A91" s="8">
        <v>70</v>
      </c>
      <c r="B91" s="21">
        <v>2</v>
      </c>
      <c r="C91" s="6">
        <v>2</v>
      </c>
      <c r="D91" s="5">
        <v>4</v>
      </c>
    </row>
    <row r="92" spans="1:4" ht="18" customHeight="1" x14ac:dyDescent="0.15">
      <c r="A92" s="8">
        <v>71</v>
      </c>
      <c r="B92" s="21">
        <v>6</v>
      </c>
      <c r="C92" s="6">
        <v>3</v>
      </c>
      <c r="D92" s="5">
        <v>9</v>
      </c>
    </row>
    <row r="93" spans="1:4" ht="18" customHeight="1" x14ac:dyDescent="0.15">
      <c r="A93" s="8">
        <v>72</v>
      </c>
      <c r="B93" s="21">
        <v>2</v>
      </c>
      <c r="C93" s="6">
        <v>6</v>
      </c>
      <c r="D93" s="5">
        <v>8</v>
      </c>
    </row>
    <row r="94" spans="1:4" ht="18" customHeight="1" x14ac:dyDescent="0.15">
      <c r="A94" s="8">
        <v>73</v>
      </c>
      <c r="B94" s="21">
        <v>4</v>
      </c>
      <c r="C94" s="6">
        <v>3</v>
      </c>
      <c r="D94" s="5">
        <v>7</v>
      </c>
    </row>
    <row r="95" spans="1:4" ht="18" customHeight="1" x14ac:dyDescent="0.15">
      <c r="A95" s="8">
        <v>74</v>
      </c>
      <c r="B95" s="21">
        <v>5</v>
      </c>
      <c r="C95" s="6">
        <v>5</v>
      </c>
      <c r="D95" s="5">
        <v>10</v>
      </c>
    </row>
    <row r="96" spans="1:4" ht="18" customHeight="1" x14ac:dyDescent="0.15">
      <c r="A96" s="8" t="s">
        <v>9</v>
      </c>
      <c r="B96" s="21">
        <v>19</v>
      </c>
      <c r="C96" s="6">
        <v>19</v>
      </c>
      <c r="D96" s="5">
        <v>38</v>
      </c>
    </row>
    <row r="97" spans="1:4" ht="18" customHeight="1" x14ac:dyDescent="0.15">
      <c r="A97" s="8">
        <v>75</v>
      </c>
      <c r="B97" s="21">
        <v>7</v>
      </c>
      <c r="C97" s="6">
        <v>4</v>
      </c>
      <c r="D97" s="5">
        <v>11</v>
      </c>
    </row>
    <row r="98" spans="1:4" ht="18" customHeight="1" x14ac:dyDescent="0.15">
      <c r="A98" s="8">
        <v>76</v>
      </c>
      <c r="B98" s="21">
        <v>4</v>
      </c>
      <c r="C98" s="6">
        <v>6</v>
      </c>
      <c r="D98" s="5">
        <v>10</v>
      </c>
    </row>
    <row r="99" spans="1:4" ht="18" customHeight="1" x14ac:dyDescent="0.15">
      <c r="A99" s="8">
        <v>77</v>
      </c>
      <c r="B99" s="21">
        <v>8</v>
      </c>
      <c r="C99" s="6">
        <v>3</v>
      </c>
      <c r="D99" s="5">
        <v>11</v>
      </c>
    </row>
    <row r="100" spans="1:4" ht="18" customHeight="1" x14ac:dyDescent="0.15">
      <c r="A100" s="8">
        <v>78</v>
      </c>
      <c r="B100" s="21">
        <v>4</v>
      </c>
      <c r="C100" s="6">
        <v>4</v>
      </c>
      <c r="D100" s="5">
        <v>8</v>
      </c>
    </row>
    <row r="101" spans="1:4" ht="18" customHeight="1" x14ac:dyDescent="0.15">
      <c r="A101" s="8">
        <v>79</v>
      </c>
      <c r="B101" s="21">
        <v>1</v>
      </c>
      <c r="C101" s="6">
        <v>1</v>
      </c>
      <c r="D101" s="5">
        <v>2</v>
      </c>
    </row>
    <row r="102" spans="1:4" ht="18" customHeight="1" x14ac:dyDescent="0.15">
      <c r="A102" s="8" t="s">
        <v>8</v>
      </c>
      <c r="B102" s="21">
        <v>24</v>
      </c>
      <c r="C102" s="6">
        <v>18</v>
      </c>
      <c r="D102" s="5">
        <v>42</v>
      </c>
    </row>
    <row r="103" spans="1:4" ht="18" customHeight="1" x14ac:dyDescent="0.15">
      <c r="A103" s="8">
        <v>80</v>
      </c>
      <c r="B103" s="21">
        <v>0</v>
      </c>
      <c r="C103" s="6">
        <v>2</v>
      </c>
      <c r="D103" s="5">
        <v>2</v>
      </c>
    </row>
    <row r="104" spans="1:4" ht="18" customHeight="1" x14ac:dyDescent="0.15">
      <c r="A104" s="8">
        <v>81</v>
      </c>
      <c r="B104" s="21">
        <v>0</v>
      </c>
      <c r="C104" s="6">
        <v>6</v>
      </c>
      <c r="D104" s="5">
        <v>6</v>
      </c>
    </row>
    <row r="105" spans="1:4" ht="18" customHeight="1" x14ac:dyDescent="0.15">
      <c r="A105" s="8">
        <v>82</v>
      </c>
      <c r="B105" s="21">
        <v>2</v>
      </c>
      <c r="C105" s="6">
        <v>3</v>
      </c>
      <c r="D105" s="5">
        <v>5</v>
      </c>
    </row>
    <row r="106" spans="1:4" ht="18" customHeight="1" x14ac:dyDescent="0.15">
      <c r="A106" s="8">
        <v>83</v>
      </c>
      <c r="B106" s="21">
        <v>2</v>
      </c>
      <c r="C106" s="6">
        <v>1</v>
      </c>
      <c r="D106" s="5">
        <v>3</v>
      </c>
    </row>
    <row r="107" spans="1:4" ht="18" customHeight="1" x14ac:dyDescent="0.15">
      <c r="A107" s="8">
        <v>84</v>
      </c>
      <c r="B107" s="21">
        <v>1</v>
      </c>
      <c r="C107" s="6">
        <v>0</v>
      </c>
      <c r="D107" s="5">
        <v>1</v>
      </c>
    </row>
    <row r="108" spans="1:4" ht="18" customHeight="1" x14ac:dyDescent="0.15">
      <c r="A108" s="8" t="s">
        <v>7</v>
      </c>
      <c r="B108" s="21">
        <v>5</v>
      </c>
      <c r="C108" s="6">
        <v>12</v>
      </c>
      <c r="D108" s="5">
        <v>17</v>
      </c>
    </row>
    <row r="109" spans="1:4" ht="18" customHeight="1" x14ac:dyDescent="0.15">
      <c r="A109" s="8">
        <v>85</v>
      </c>
      <c r="B109" s="21">
        <v>0</v>
      </c>
      <c r="C109" s="6">
        <v>3</v>
      </c>
      <c r="D109" s="5">
        <v>3</v>
      </c>
    </row>
    <row r="110" spans="1:4" ht="18" customHeight="1" x14ac:dyDescent="0.15">
      <c r="A110" s="8">
        <v>86</v>
      </c>
      <c r="B110" s="21">
        <v>1</v>
      </c>
      <c r="C110" s="6">
        <v>5</v>
      </c>
      <c r="D110" s="5">
        <v>6</v>
      </c>
    </row>
    <row r="111" spans="1:4" ht="18" customHeight="1" x14ac:dyDescent="0.15">
      <c r="A111" s="8">
        <v>87</v>
      </c>
      <c r="B111" s="21">
        <v>3</v>
      </c>
      <c r="C111" s="6">
        <v>3</v>
      </c>
      <c r="D111" s="5">
        <v>6</v>
      </c>
    </row>
    <row r="112" spans="1:4" ht="18" customHeight="1" x14ac:dyDescent="0.15">
      <c r="A112" s="8">
        <v>88</v>
      </c>
      <c r="B112" s="21">
        <v>3</v>
      </c>
      <c r="C112" s="6">
        <v>3</v>
      </c>
      <c r="D112" s="5">
        <v>6</v>
      </c>
    </row>
    <row r="113" spans="1:4" ht="18" customHeight="1" x14ac:dyDescent="0.15">
      <c r="A113" s="8">
        <v>89</v>
      </c>
      <c r="B113" s="21">
        <v>1</v>
      </c>
      <c r="C113" s="6">
        <v>3</v>
      </c>
      <c r="D113" s="5">
        <v>4</v>
      </c>
    </row>
    <row r="114" spans="1:4" ht="18" customHeight="1" x14ac:dyDescent="0.15">
      <c r="A114" s="8" t="s">
        <v>6</v>
      </c>
      <c r="B114" s="21">
        <v>8</v>
      </c>
      <c r="C114" s="6">
        <v>17</v>
      </c>
      <c r="D114" s="5">
        <v>25</v>
      </c>
    </row>
    <row r="115" spans="1:4" ht="18" customHeight="1" x14ac:dyDescent="0.15">
      <c r="A115" s="8">
        <v>90</v>
      </c>
      <c r="B115" s="21">
        <v>0</v>
      </c>
      <c r="C115" s="6">
        <v>2</v>
      </c>
      <c r="D115" s="5">
        <v>2</v>
      </c>
    </row>
    <row r="116" spans="1:4" ht="18" customHeight="1" x14ac:dyDescent="0.15">
      <c r="A116" s="8">
        <v>91</v>
      </c>
      <c r="B116" s="21">
        <v>1</v>
      </c>
      <c r="C116" s="6">
        <v>3</v>
      </c>
      <c r="D116" s="5">
        <v>4</v>
      </c>
    </row>
    <row r="117" spans="1:4" ht="18" customHeight="1" x14ac:dyDescent="0.15">
      <c r="A117" s="8">
        <v>92</v>
      </c>
      <c r="B117" s="21">
        <v>0</v>
      </c>
      <c r="C117" s="6">
        <v>2</v>
      </c>
      <c r="D117" s="5">
        <v>2</v>
      </c>
    </row>
    <row r="118" spans="1:4" ht="18" customHeight="1" x14ac:dyDescent="0.15">
      <c r="A118" s="8">
        <v>93</v>
      </c>
      <c r="B118" s="21">
        <v>2</v>
      </c>
      <c r="C118" s="6">
        <v>6</v>
      </c>
      <c r="D118" s="5">
        <v>8</v>
      </c>
    </row>
    <row r="119" spans="1:4" ht="18" customHeight="1" x14ac:dyDescent="0.15">
      <c r="A119" s="8">
        <v>94</v>
      </c>
      <c r="B119" s="21">
        <v>0</v>
      </c>
      <c r="C119" s="6">
        <v>0</v>
      </c>
      <c r="D119" s="5">
        <v>0</v>
      </c>
    </row>
    <row r="120" spans="1:4" ht="18" customHeight="1" x14ac:dyDescent="0.15">
      <c r="A120" s="8" t="s">
        <v>5</v>
      </c>
      <c r="B120" s="21">
        <v>3</v>
      </c>
      <c r="C120" s="6">
        <v>13</v>
      </c>
      <c r="D120" s="5">
        <v>16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1</v>
      </c>
      <c r="C122" s="6">
        <v>0</v>
      </c>
      <c r="D122" s="5">
        <v>1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79</v>
      </c>
      <c r="C130" s="6">
        <v>97</v>
      </c>
      <c r="D130" s="5">
        <v>176</v>
      </c>
    </row>
    <row r="131" spans="1:4" ht="18" customHeight="1" x14ac:dyDescent="0.15">
      <c r="A131" s="4" t="s">
        <v>0</v>
      </c>
      <c r="B131" s="20">
        <v>173</v>
      </c>
      <c r="C131" s="2">
        <v>179</v>
      </c>
      <c r="D131" s="1">
        <v>35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F94EE0-43CF-48E3-8750-8545540BE927}">
  <sheetPr codeName="Sheet7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2</v>
      </c>
      <c r="C6" s="6">
        <v>2</v>
      </c>
      <c r="D6" s="5">
        <v>4</v>
      </c>
    </row>
    <row r="7" spans="1:4" ht="18" customHeight="1" x14ac:dyDescent="0.15">
      <c r="A7" s="8">
        <v>2</v>
      </c>
      <c r="B7" s="26">
        <v>4</v>
      </c>
      <c r="C7" s="6">
        <v>1</v>
      </c>
      <c r="D7" s="5">
        <v>5</v>
      </c>
    </row>
    <row r="8" spans="1:4" ht="18" customHeight="1" x14ac:dyDescent="0.15">
      <c r="A8" s="8">
        <v>3</v>
      </c>
      <c r="B8" s="26">
        <v>2</v>
      </c>
      <c r="C8" s="6">
        <v>1</v>
      </c>
      <c r="D8" s="5">
        <v>3</v>
      </c>
    </row>
    <row r="9" spans="1:4" ht="18" customHeight="1" x14ac:dyDescent="0.15">
      <c r="A9" s="8">
        <v>4</v>
      </c>
      <c r="B9" s="29">
        <v>3</v>
      </c>
      <c r="C9" s="28">
        <v>0</v>
      </c>
      <c r="D9" s="27">
        <v>3</v>
      </c>
    </row>
    <row r="10" spans="1:4" ht="18" customHeight="1" x14ac:dyDescent="0.15">
      <c r="A10" s="8" t="s">
        <v>25</v>
      </c>
      <c r="B10" s="21">
        <v>11</v>
      </c>
      <c r="C10" s="6">
        <v>4</v>
      </c>
      <c r="D10" s="5">
        <v>15</v>
      </c>
    </row>
    <row r="11" spans="1:4" ht="18" customHeight="1" x14ac:dyDescent="0.15">
      <c r="A11" s="8">
        <v>5</v>
      </c>
      <c r="B11" s="26">
        <v>1</v>
      </c>
      <c r="C11" s="6">
        <v>1</v>
      </c>
      <c r="D11" s="5">
        <v>2</v>
      </c>
    </row>
    <row r="12" spans="1:4" ht="18" customHeight="1" x14ac:dyDescent="0.15">
      <c r="A12" s="8">
        <v>6</v>
      </c>
      <c r="B12" s="26">
        <v>1</v>
      </c>
      <c r="C12" s="6">
        <v>2</v>
      </c>
      <c r="D12" s="5">
        <v>3</v>
      </c>
    </row>
    <row r="13" spans="1:4" ht="18" customHeight="1" x14ac:dyDescent="0.15">
      <c r="A13" s="8">
        <v>7</v>
      </c>
      <c r="B13" s="26">
        <v>3</v>
      </c>
      <c r="C13" s="6">
        <v>2</v>
      </c>
      <c r="D13" s="5">
        <v>5</v>
      </c>
    </row>
    <row r="14" spans="1:4" ht="18" customHeight="1" x14ac:dyDescent="0.15">
      <c r="A14" s="8">
        <v>8</v>
      </c>
      <c r="B14" s="26">
        <v>3</v>
      </c>
      <c r="C14" s="6">
        <v>1</v>
      </c>
      <c r="D14" s="5">
        <v>4</v>
      </c>
    </row>
    <row r="15" spans="1:4" ht="18" customHeight="1" x14ac:dyDescent="0.15">
      <c r="A15" s="8">
        <v>9</v>
      </c>
      <c r="B15" s="26">
        <v>6</v>
      </c>
      <c r="C15" s="6">
        <v>1</v>
      </c>
      <c r="D15" s="5">
        <v>7</v>
      </c>
    </row>
    <row r="16" spans="1:4" ht="18" customHeight="1" x14ac:dyDescent="0.15">
      <c r="A16" s="8" t="s">
        <v>24</v>
      </c>
      <c r="B16" s="21">
        <v>14</v>
      </c>
      <c r="C16" s="6">
        <v>7</v>
      </c>
      <c r="D16" s="5">
        <v>21</v>
      </c>
    </row>
    <row r="17" spans="1:4" ht="18" customHeight="1" x14ac:dyDescent="0.15">
      <c r="A17" s="8">
        <v>10</v>
      </c>
      <c r="B17" s="21">
        <v>3</v>
      </c>
      <c r="C17" s="6">
        <v>12</v>
      </c>
      <c r="D17" s="5">
        <v>15</v>
      </c>
    </row>
    <row r="18" spans="1:4" ht="18" customHeight="1" x14ac:dyDescent="0.15">
      <c r="A18" s="8">
        <v>11</v>
      </c>
      <c r="B18" s="21">
        <v>3</v>
      </c>
      <c r="C18" s="6">
        <v>5</v>
      </c>
      <c r="D18" s="5">
        <v>8</v>
      </c>
    </row>
    <row r="19" spans="1:4" ht="18" customHeight="1" x14ac:dyDescent="0.15">
      <c r="A19" s="8">
        <v>12</v>
      </c>
      <c r="B19" s="21">
        <v>5</v>
      </c>
      <c r="C19" s="6">
        <v>3</v>
      </c>
      <c r="D19" s="5">
        <v>8</v>
      </c>
    </row>
    <row r="20" spans="1:4" ht="18" customHeight="1" x14ac:dyDescent="0.15">
      <c r="A20" s="8">
        <v>13</v>
      </c>
      <c r="B20" s="21">
        <v>4</v>
      </c>
      <c r="C20" s="6">
        <v>5</v>
      </c>
      <c r="D20" s="5">
        <v>9</v>
      </c>
    </row>
    <row r="21" spans="1:4" ht="18" customHeight="1" x14ac:dyDescent="0.15">
      <c r="A21" s="8">
        <v>14</v>
      </c>
      <c r="B21" s="21">
        <v>1</v>
      </c>
      <c r="C21" s="6">
        <v>5</v>
      </c>
      <c r="D21" s="5">
        <v>6</v>
      </c>
    </row>
    <row r="22" spans="1:4" ht="18" customHeight="1" x14ac:dyDescent="0.15">
      <c r="A22" s="8" t="s">
        <v>23</v>
      </c>
      <c r="B22" s="21">
        <v>16</v>
      </c>
      <c r="C22" s="6">
        <v>30</v>
      </c>
      <c r="D22" s="5">
        <v>46</v>
      </c>
    </row>
    <row r="23" spans="1:4" ht="18" customHeight="1" x14ac:dyDescent="0.15">
      <c r="A23" s="8" t="s">
        <v>22</v>
      </c>
      <c r="B23" s="21">
        <v>41</v>
      </c>
      <c r="C23" s="6">
        <v>41</v>
      </c>
      <c r="D23" s="5">
        <v>82</v>
      </c>
    </row>
    <row r="24" spans="1:4" ht="18" customHeight="1" x14ac:dyDescent="0.15">
      <c r="A24" s="8">
        <v>15</v>
      </c>
      <c r="B24" s="21">
        <v>6</v>
      </c>
      <c r="C24" s="6">
        <v>6</v>
      </c>
      <c r="D24" s="5">
        <v>12</v>
      </c>
    </row>
    <row r="25" spans="1:4" ht="18" customHeight="1" x14ac:dyDescent="0.15">
      <c r="A25" s="8">
        <v>16</v>
      </c>
      <c r="B25" s="21">
        <v>2</v>
      </c>
      <c r="C25" s="6">
        <v>5</v>
      </c>
      <c r="D25" s="5">
        <v>7</v>
      </c>
    </row>
    <row r="26" spans="1:4" ht="18" customHeight="1" x14ac:dyDescent="0.15">
      <c r="A26" s="8">
        <v>17</v>
      </c>
      <c r="B26" s="21">
        <v>8</v>
      </c>
      <c r="C26" s="6">
        <v>6</v>
      </c>
      <c r="D26" s="5">
        <v>14</v>
      </c>
    </row>
    <row r="27" spans="1:4" ht="18" customHeight="1" x14ac:dyDescent="0.15">
      <c r="A27" s="8">
        <v>18</v>
      </c>
      <c r="B27" s="21">
        <v>3</v>
      </c>
      <c r="C27" s="6">
        <v>4</v>
      </c>
      <c r="D27" s="5">
        <v>7</v>
      </c>
    </row>
    <row r="28" spans="1:4" ht="18" customHeight="1" x14ac:dyDescent="0.15">
      <c r="A28" s="8">
        <v>19</v>
      </c>
      <c r="B28" s="21">
        <v>8</v>
      </c>
      <c r="C28" s="6">
        <v>4</v>
      </c>
      <c r="D28" s="5">
        <v>12</v>
      </c>
    </row>
    <row r="29" spans="1:4" ht="18" customHeight="1" x14ac:dyDescent="0.15">
      <c r="A29" s="8" t="s">
        <v>21</v>
      </c>
      <c r="B29" s="21">
        <v>27</v>
      </c>
      <c r="C29" s="6">
        <v>25</v>
      </c>
      <c r="D29" s="5">
        <v>52</v>
      </c>
    </row>
    <row r="30" spans="1:4" ht="18" customHeight="1" x14ac:dyDescent="0.15">
      <c r="A30" s="8">
        <v>20</v>
      </c>
      <c r="B30" s="21">
        <v>3</v>
      </c>
      <c r="C30" s="6">
        <v>6</v>
      </c>
      <c r="D30" s="5">
        <v>9</v>
      </c>
    </row>
    <row r="31" spans="1:4" ht="18" customHeight="1" x14ac:dyDescent="0.15">
      <c r="A31" s="8">
        <v>21</v>
      </c>
      <c r="B31" s="21">
        <v>6</v>
      </c>
      <c r="C31" s="6">
        <v>4</v>
      </c>
      <c r="D31" s="5">
        <v>10</v>
      </c>
    </row>
    <row r="32" spans="1:4" ht="18" customHeight="1" x14ac:dyDescent="0.15">
      <c r="A32" s="8">
        <v>22</v>
      </c>
      <c r="B32" s="21">
        <v>4</v>
      </c>
      <c r="C32" s="6">
        <v>8</v>
      </c>
      <c r="D32" s="5">
        <v>12</v>
      </c>
    </row>
    <row r="33" spans="1:4" ht="18" customHeight="1" x14ac:dyDescent="0.15">
      <c r="A33" s="8">
        <v>23</v>
      </c>
      <c r="B33" s="21">
        <v>3</v>
      </c>
      <c r="C33" s="6">
        <v>10</v>
      </c>
      <c r="D33" s="5">
        <v>13</v>
      </c>
    </row>
    <row r="34" spans="1:4" ht="18" customHeight="1" x14ac:dyDescent="0.15">
      <c r="A34" s="8">
        <v>24</v>
      </c>
      <c r="B34" s="21">
        <v>2</v>
      </c>
      <c r="C34" s="6">
        <v>5</v>
      </c>
      <c r="D34" s="5">
        <v>7</v>
      </c>
    </row>
    <row r="35" spans="1:4" ht="18" customHeight="1" x14ac:dyDescent="0.15">
      <c r="A35" s="8" t="s">
        <v>20</v>
      </c>
      <c r="B35" s="21">
        <v>18</v>
      </c>
      <c r="C35" s="6">
        <v>33</v>
      </c>
      <c r="D35" s="5">
        <v>51</v>
      </c>
    </row>
    <row r="36" spans="1:4" ht="18" customHeight="1" x14ac:dyDescent="0.15">
      <c r="A36" s="8">
        <v>25</v>
      </c>
      <c r="B36" s="21">
        <v>2</v>
      </c>
      <c r="C36" s="6">
        <v>7</v>
      </c>
      <c r="D36" s="5">
        <v>9</v>
      </c>
    </row>
    <row r="37" spans="1:4" ht="18" customHeight="1" x14ac:dyDescent="0.15">
      <c r="A37" s="8">
        <v>26</v>
      </c>
      <c r="B37" s="21">
        <v>3</v>
      </c>
      <c r="C37" s="6">
        <v>5</v>
      </c>
      <c r="D37" s="5">
        <v>8</v>
      </c>
    </row>
    <row r="38" spans="1:4" ht="18" customHeight="1" x14ac:dyDescent="0.15">
      <c r="A38" s="8">
        <v>27</v>
      </c>
      <c r="B38" s="21">
        <v>6</v>
      </c>
      <c r="C38" s="6">
        <v>6</v>
      </c>
      <c r="D38" s="5">
        <v>12</v>
      </c>
    </row>
    <row r="39" spans="1:4" ht="18" customHeight="1" x14ac:dyDescent="0.15">
      <c r="A39" s="8">
        <v>28</v>
      </c>
      <c r="B39" s="21">
        <v>6</v>
      </c>
      <c r="C39" s="6">
        <v>3</v>
      </c>
      <c r="D39" s="5">
        <v>9</v>
      </c>
    </row>
    <row r="40" spans="1:4" ht="18" customHeight="1" x14ac:dyDescent="0.15">
      <c r="A40" s="8">
        <v>29</v>
      </c>
      <c r="B40" s="21">
        <v>2</v>
      </c>
      <c r="C40" s="6">
        <v>5</v>
      </c>
      <c r="D40" s="5">
        <v>7</v>
      </c>
    </row>
    <row r="41" spans="1:4" ht="18" customHeight="1" x14ac:dyDescent="0.15">
      <c r="A41" s="8" t="s">
        <v>19</v>
      </c>
      <c r="B41" s="21">
        <v>19</v>
      </c>
      <c r="C41" s="6">
        <v>26</v>
      </c>
      <c r="D41" s="5">
        <v>45</v>
      </c>
    </row>
    <row r="42" spans="1:4" ht="18" customHeight="1" x14ac:dyDescent="0.15">
      <c r="A42" s="8">
        <v>30</v>
      </c>
      <c r="B42" s="21">
        <v>6</v>
      </c>
      <c r="C42" s="6">
        <v>0</v>
      </c>
      <c r="D42" s="5">
        <v>6</v>
      </c>
    </row>
    <row r="43" spans="1:4" ht="18" customHeight="1" x14ac:dyDescent="0.15">
      <c r="A43" s="8">
        <v>31</v>
      </c>
      <c r="B43" s="21">
        <v>5</v>
      </c>
      <c r="C43" s="6">
        <v>1</v>
      </c>
      <c r="D43" s="5">
        <v>6</v>
      </c>
    </row>
    <row r="44" spans="1:4" ht="18" customHeight="1" x14ac:dyDescent="0.15">
      <c r="A44" s="8">
        <v>32</v>
      </c>
      <c r="B44" s="21">
        <v>2</v>
      </c>
      <c r="C44" s="6">
        <v>3</v>
      </c>
      <c r="D44" s="5">
        <v>5</v>
      </c>
    </row>
    <row r="45" spans="1:4" ht="18" customHeight="1" x14ac:dyDescent="0.15">
      <c r="A45" s="8">
        <v>33</v>
      </c>
      <c r="B45" s="21">
        <v>3</v>
      </c>
      <c r="C45" s="6">
        <v>3</v>
      </c>
      <c r="D45" s="5">
        <v>6</v>
      </c>
    </row>
    <row r="46" spans="1:4" ht="18" customHeight="1" x14ac:dyDescent="0.15">
      <c r="A46" s="8">
        <v>34</v>
      </c>
      <c r="B46" s="21">
        <v>4</v>
      </c>
      <c r="C46" s="6">
        <v>1</v>
      </c>
      <c r="D46" s="5">
        <v>5</v>
      </c>
    </row>
    <row r="47" spans="1:4" ht="18" customHeight="1" x14ac:dyDescent="0.15">
      <c r="A47" s="8" t="s">
        <v>18</v>
      </c>
      <c r="B47" s="21">
        <v>20</v>
      </c>
      <c r="C47" s="6">
        <v>8</v>
      </c>
      <c r="D47" s="5">
        <v>28</v>
      </c>
    </row>
    <row r="48" spans="1:4" ht="18" customHeight="1" x14ac:dyDescent="0.15">
      <c r="A48" s="8">
        <v>35</v>
      </c>
      <c r="B48" s="21">
        <v>4</v>
      </c>
      <c r="C48" s="6">
        <v>3</v>
      </c>
      <c r="D48" s="5">
        <v>7</v>
      </c>
    </row>
    <row r="49" spans="1:4" ht="18" customHeight="1" x14ac:dyDescent="0.15">
      <c r="A49" s="8">
        <v>36</v>
      </c>
      <c r="B49" s="21">
        <v>8</v>
      </c>
      <c r="C49" s="6">
        <v>4</v>
      </c>
      <c r="D49" s="5">
        <v>12</v>
      </c>
    </row>
    <row r="50" spans="1:4" ht="18" customHeight="1" x14ac:dyDescent="0.15">
      <c r="A50" s="8">
        <v>37</v>
      </c>
      <c r="B50" s="21">
        <v>6</v>
      </c>
      <c r="C50" s="6">
        <v>3</v>
      </c>
      <c r="D50" s="5">
        <v>9</v>
      </c>
    </row>
    <row r="51" spans="1:4" ht="18" customHeight="1" x14ac:dyDescent="0.15">
      <c r="A51" s="8">
        <v>38</v>
      </c>
      <c r="B51" s="21">
        <v>6</v>
      </c>
      <c r="C51" s="6">
        <v>6</v>
      </c>
      <c r="D51" s="5">
        <v>12</v>
      </c>
    </row>
    <row r="52" spans="1:4" ht="18" customHeight="1" x14ac:dyDescent="0.15">
      <c r="A52" s="8">
        <v>39</v>
      </c>
      <c r="B52" s="21">
        <v>4</v>
      </c>
      <c r="C52" s="6">
        <v>5</v>
      </c>
      <c r="D52" s="5">
        <v>9</v>
      </c>
    </row>
    <row r="53" spans="1:4" ht="18" customHeight="1" x14ac:dyDescent="0.15">
      <c r="A53" s="8" t="s">
        <v>17</v>
      </c>
      <c r="B53" s="21">
        <v>28</v>
      </c>
      <c r="C53" s="6">
        <v>21</v>
      </c>
      <c r="D53" s="5">
        <v>49</v>
      </c>
    </row>
    <row r="54" spans="1:4" ht="18" customHeight="1" x14ac:dyDescent="0.15">
      <c r="A54" s="8">
        <v>40</v>
      </c>
      <c r="B54" s="21">
        <v>2</v>
      </c>
      <c r="C54" s="6">
        <v>12</v>
      </c>
      <c r="D54" s="5">
        <v>14</v>
      </c>
    </row>
    <row r="55" spans="1:4" ht="18" customHeight="1" x14ac:dyDescent="0.15">
      <c r="A55" s="8">
        <v>41</v>
      </c>
      <c r="B55" s="21">
        <v>2</v>
      </c>
      <c r="C55" s="6">
        <v>4</v>
      </c>
      <c r="D55" s="5">
        <v>6</v>
      </c>
    </row>
    <row r="56" spans="1:4" ht="18" customHeight="1" x14ac:dyDescent="0.15">
      <c r="A56" s="8">
        <v>42</v>
      </c>
      <c r="B56" s="21">
        <v>6</v>
      </c>
      <c r="C56" s="6">
        <v>4</v>
      </c>
      <c r="D56" s="5">
        <v>10</v>
      </c>
    </row>
    <row r="57" spans="1:4" ht="18" customHeight="1" x14ac:dyDescent="0.15">
      <c r="A57" s="8">
        <v>43</v>
      </c>
      <c r="B57" s="21">
        <v>10</v>
      </c>
      <c r="C57" s="6">
        <v>6</v>
      </c>
      <c r="D57" s="5">
        <v>16</v>
      </c>
    </row>
    <row r="58" spans="1:4" ht="18" customHeight="1" x14ac:dyDescent="0.15">
      <c r="A58" s="8">
        <v>44</v>
      </c>
      <c r="B58" s="21">
        <v>7</v>
      </c>
      <c r="C58" s="6">
        <v>8</v>
      </c>
      <c r="D58" s="5">
        <v>15</v>
      </c>
    </row>
    <row r="59" spans="1:4" ht="18" customHeight="1" x14ac:dyDescent="0.15">
      <c r="A59" s="8" t="s">
        <v>16</v>
      </c>
      <c r="B59" s="21">
        <v>27</v>
      </c>
      <c r="C59" s="6">
        <v>34</v>
      </c>
      <c r="D59" s="5">
        <v>61</v>
      </c>
    </row>
    <row r="60" spans="1:4" ht="18" customHeight="1" x14ac:dyDescent="0.15">
      <c r="A60" s="8">
        <v>45</v>
      </c>
      <c r="B60" s="21">
        <v>7</v>
      </c>
      <c r="C60" s="6">
        <v>7</v>
      </c>
      <c r="D60" s="5">
        <v>14</v>
      </c>
    </row>
    <row r="61" spans="1:4" ht="18" customHeight="1" x14ac:dyDescent="0.15">
      <c r="A61" s="8">
        <v>46</v>
      </c>
      <c r="B61" s="21">
        <v>4</v>
      </c>
      <c r="C61" s="6">
        <v>6</v>
      </c>
      <c r="D61" s="5">
        <v>10</v>
      </c>
    </row>
    <row r="62" spans="1:4" ht="18" customHeight="1" x14ac:dyDescent="0.15">
      <c r="A62" s="8">
        <v>47</v>
      </c>
      <c r="B62" s="21">
        <v>7</v>
      </c>
      <c r="C62" s="6">
        <v>8</v>
      </c>
      <c r="D62" s="5">
        <v>15</v>
      </c>
    </row>
    <row r="63" spans="1:4" ht="18" customHeight="1" x14ac:dyDescent="0.15">
      <c r="A63" s="8">
        <v>48</v>
      </c>
      <c r="B63" s="21">
        <v>4</v>
      </c>
      <c r="C63" s="6">
        <v>5</v>
      </c>
      <c r="D63" s="5">
        <v>9</v>
      </c>
    </row>
    <row r="64" spans="1:4" ht="18" customHeight="1" x14ac:dyDescent="0.15">
      <c r="A64" s="8">
        <v>49</v>
      </c>
      <c r="B64" s="21">
        <v>10</v>
      </c>
      <c r="C64" s="6">
        <v>11</v>
      </c>
      <c r="D64" s="5">
        <v>21</v>
      </c>
    </row>
    <row r="65" spans="1:4" ht="18" customHeight="1" x14ac:dyDescent="0.15">
      <c r="A65" s="8" t="s">
        <v>15</v>
      </c>
      <c r="B65" s="21">
        <v>32</v>
      </c>
      <c r="C65" s="6">
        <v>37</v>
      </c>
      <c r="D65" s="5">
        <v>69</v>
      </c>
    </row>
    <row r="66" spans="1:4" ht="18" customHeight="1" x14ac:dyDescent="0.15">
      <c r="A66" s="8">
        <v>50</v>
      </c>
      <c r="B66" s="21">
        <v>10</v>
      </c>
      <c r="C66" s="6">
        <v>10</v>
      </c>
      <c r="D66" s="5">
        <v>20</v>
      </c>
    </row>
    <row r="67" spans="1:4" ht="18" customHeight="1" x14ac:dyDescent="0.15">
      <c r="A67" s="8">
        <v>51</v>
      </c>
      <c r="B67" s="21">
        <v>10</v>
      </c>
      <c r="C67" s="6">
        <v>7</v>
      </c>
      <c r="D67" s="5">
        <v>17</v>
      </c>
    </row>
    <row r="68" spans="1:4" ht="18" customHeight="1" x14ac:dyDescent="0.15">
      <c r="A68" s="8">
        <v>52</v>
      </c>
      <c r="B68" s="21">
        <v>12</v>
      </c>
      <c r="C68" s="6">
        <v>5</v>
      </c>
      <c r="D68" s="5">
        <v>17</v>
      </c>
    </row>
    <row r="69" spans="1:4" ht="18" customHeight="1" x14ac:dyDescent="0.15">
      <c r="A69" s="8">
        <v>53</v>
      </c>
      <c r="B69" s="21">
        <v>7</v>
      </c>
      <c r="C69" s="6">
        <v>10</v>
      </c>
      <c r="D69" s="5">
        <v>17</v>
      </c>
    </row>
    <row r="70" spans="1:4" ht="18" customHeight="1" x14ac:dyDescent="0.15">
      <c r="A70" s="8">
        <v>54</v>
      </c>
      <c r="B70" s="21">
        <v>11</v>
      </c>
      <c r="C70" s="6">
        <v>12</v>
      </c>
      <c r="D70" s="5">
        <v>23</v>
      </c>
    </row>
    <row r="71" spans="1:4" ht="18" customHeight="1" x14ac:dyDescent="0.15">
      <c r="A71" s="8" t="s">
        <v>14</v>
      </c>
      <c r="B71" s="21">
        <v>50</v>
      </c>
      <c r="C71" s="6">
        <v>44</v>
      </c>
      <c r="D71" s="5">
        <v>94</v>
      </c>
    </row>
    <row r="72" spans="1:4" ht="18" customHeight="1" x14ac:dyDescent="0.15">
      <c r="A72" s="8">
        <v>55</v>
      </c>
      <c r="B72" s="21">
        <v>4</v>
      </c>
      <c r="C72" s="6">
        <v>9</v>
      </c>
      <c r="D72" s="5">
        <v>13</v>
      </c>
    </row>
    <row r="73" spans="1:4" ht="18" customHeight="1" x14ac:dyDescent="0.15">
      <c r="A73" s="8">
        <v>56</v>
      </c>
      <c r="B73" s="21">
        <v>5</v>
      </c>
      <c r="C73" s="6">
        <v>6</v>
      </c>
      <c r="D73" s="5">
        <v>11</v>
      </c>
    </row>
    <row r="74" spans="1:4" ht="18" customHeight="1" x14ac:dyDescent="0.15">
      <c r="A74" s="8">
        <v>57</v>
      </c>
      <c r="B74" s="21">
        <v>6</v>
      </c>
      <c r="C74" s="6">
        <v>8</v>
      </c>
      <c r="D74" s="5">
        <v>14</v>
      </c>
    </row>
    <row r="75" spans="1:4" ht="18" customHeight="1" x14ac:dyDescent="0.15">
      <c r="A75" s="8">
        <v>58</v>
      </c>
      <c r="B75" s="21">
        <v>8</v>
      </c>
      <c r="C75" s="6">
        <v>5</v>
      </c>
      <c r="D75" s="5">
        <v>13</v>
      </c>
    </row>
    <row r="76" spans="1:4" ht="18" customHeight="1" x14ac:dyDescent="0.15">
      <c r="A76" s="8">
        <v>59</v>
      </c>
      <c r="B76" s="21">
        <v>2</v>
      </c>
      <c r="C76" s="6">
        <v>8</v>
      </c>
      <c r="D76" s="5">
        <v>10</v>
      </c>
    </row>
    <row r="77" spans="1:4" ht="18" customHeight="1" x14ac:dyDescent="0.15">
      <c r="A77" s="8" t="s">
        <v>13</v>
      </c>
      <c r="B77" s="21">
        <v>25</v>
      </c>
      <c r="C77" s="6">
        <v>36</v>
      </c>
      <c r="D77" s="5">
        <v>61</v>
      </c>
    </row>
    <row r="78" spans="1:4" ht="18" customHeight="1" x14ac:dyDescent="0.15">
      <c r="A78" s="8">
        <v>60</v>
      </c>
      <c r="B78" s="21">
        <v>6</v>
      </c>
      <c r="C78" s="6">
        <v>7</v>
      </c>
      <c r="D78" s="5">
        <v>13</v>
      </c>
    </row>
    <row r="79" spans="1:4" ht="18" customHeight="1" x14ac:dyDescent="0.15">
      <c r="A79" s="8">
        <v>61</v>
      </c>
      <c r="B79" s="21">
        <v>16</v>
      </c>
      <c r="C79" s="6">
        <v>5</v>
      </c>
      <c r="D79" s="5">
        <v>21</v>
      </c>
    </row>
    <row r="80" spans="1:4" ht="18" customHeight="1" x14ac:dyDescent="0.15">
      <c r="A80" s="8">
        <v>62</v>
      </c>
      <c r="B80" s="21">
        <v>6</v>
      </c>
      <c r="C80" s="6">
        <v>4</v>
      </c>
      <c r="D80" s="5">
        <v>10</v>
      </c>
    </row>
    <row r="81" spans="1:4" ht="18" customHeight="1" x14ac:dyDescent="0.15">
      <c r="A81" s="8">
        <v>63</v>
      </c>
      <c r="B81" s="21">
        <v>4</v>
      </c>
      <c r="C81" s="6">
        <v>6</v>
      </c>
      <c r="D81" s="5">
        <v>10</v>
      </c>
    </row>
    <row r="82" spans="1:4" ht="18" customHeight="1" x14ac:dyDescent="0.15">
      <c r="A82" s="8">
        <v>64</v>
      </c>
      <c r="B82" s="21">
        <v>6</v>
      </c>
      <c r="C82" s="6">
        <v>8</v>
      </c>
      <c r="D82" s="5">
        <v>14</v>
      </c>
    </row>
    <row r="83" spans="1:4" ht="18" customHeight="1" x14ac:dyDescent="0.15">
      <c r="A83" s="8" t="s">
        <v>12</v>
      </c>
      <c r="B83" s="21">
        <v>38</v>
      </c>
      <c r="C83" s="6">
        <v>30</v>
      </c>
      <c r="D83" s="5">
        <v>68</v>
      </c>
    </row>
    <row r="84" spans="1:4" ht="18" customHeight="1" x14ac:dyDescent="0.15">
      <c r="A84" s="8" t="s">
        <v>11</v>
      </c>
      <c r="B84" s="21">
        <v>284</v>
      </c>
      <c r="C84" s="6">
        <v>294</v>
      </c>
      <c r="D84" s="5">
        <v>578</v>
      </c>
    </row>
    <row r="85" spans="1:4" ht="18" customHeight="1" x14ac:dyDescent="0.15">
      <c r="A85" s="8">
        <v>65</v>
      </c>
      <c r="B85" s="21">
        <v>9</v>
      </c>
      <c r="C85" s="6">
        <v>8</v>
      </c>
      <c r="D85" s="5">
        <v>17</v>
      </c>
    </row>
    <row r="86" spans="1:4" ht="18" customHeight="1" x14ac:dyDescent="0.15">
      <c r="A86" s="8">
        <v>66</v>
      </c>
      <c r="B86" s="21">
        <v>10</v>
      </c>
      <c r="C86" s="6">
        <v>16</v>
      </c>
      <c r="D86" s="5">
        <v>26</v>
      </c>
    </row>
    <row r="87" spans="1:4" ht="18" customHeight="1" x14ac:dyDescent="0.15">
      <c r="A87" s="8">
        <v>67</v>
      </c>
      <c r="B87" s="21">
        <v>10</v>
      </c>
      <c r="C87" s="6">
        <v>12</v>
      </c>
      <c r="D87" s="5">
        <v>22</v>
      </c>
    </row>
    <row r="88" spans="1:4" ht="18" customHeight="1" x14ac:dyDescent="0.15">
      <c r="A88" s="8">
        <v>68</v>
      </c>
      <c r="B88" s="21">
        <v>9</v>
      </c>
      <c r="C88" s="6">
        <v>6</v>
      </c>
      <c r="D88" s="5">
        <v>15</v>
      </c>
    </row>
    <row r="89" spans="1:4" ht="18" customHeight="1" x14ac:dyDescent="0.15">
      <c r="A89" s="8">
        <v>69</v>
      </c>
      <c r="B89" s="21">
        <v>6</v>
      </c>
      <c r="C89" s="6">
        <v>5</v>
      </c>
      <c r="D89" s="5">
        <v>11</v>
      </c>
    </row>
    <row r="90" spans="1:4" ht="18" customHeight="1" x14ac:dyDescent="0.15">
      <c r="A90" s="8" t="s">
        <v>10</v>
      </c>
      <c r="B90" s="21">
        <v>44</v>
      </c>
      <c r="C90" s="6">
        <v>47</v>
      </c>
      <c r="D90" s="5">
        <v>91</v>
      </c>
    </row>
    <row r="91" spans="1:4" ht="18" customHeight="1" x14ac:dyDescent="0.15">
      <c r="A91" s="8">
        <v>70</v>
      </c>
      <c r="B91" s="21">
        <v>15</v>
      </c>
      <c r="C91" s="6">
        <v>9</v>
      </c>
      <c r="D91" s="5">
        <v>24</v>
      </c>
    </row>
    <row r="92" spans="1:4" ht="18" customHeight="1" x14ac:dyDescent="0.15">
      <c r="A92" s="8">
        <v>71</v>
      </c>
      <c r="B92" s="21">
        <v>15</v>
      </c>
      <c r="C92" s="6">
        <v>12</v>
      </c>
      <c r="D92" s="5">
        <v>27</v>
      </c>
    </row>
    <row r="93" spans="1:4" ht="18" customHeight="1" x14ac:dyDescent="0.15">
      <c r="A93" s="8">
        <v>72</v>
      </c>
      <c r="B93" s="21">
        <v>10</v>
      </c>
      <c r="C93" s="6">
        <v>12</v>
      </c>
      <c r="D93" s="5">
        <v>22</v>
      </c>
    </row>
    <row r="94" spans="1:4" ht="18" customHeight="1" x14ac:dyDescent="0.15">
      <c r="A94" s="8">
        <v>73</v>
      </c>
      <c r="B94" s="21">
        <v>12</v>
      </c>
      <c r="C94" s="6">
        <v>12</v>
      </c>
      <c r="D94" s="5">
        <v>24</v>
      </c>
    </row>
    <row r="95" spans="1:4" ht="18" customHeight="1" x14ac:dyDescent="0.15">
      <c r="A95" s="8">
        <v>74</v>
      </c>
      <c r="B95" s="21">
        <v>15</v>
      </c>
      <c r="C95" s="6">
        <v>4</v>
      </c>
      <c r="D95" s="5">
        <v>19</v>
      </c>
    </row>
    <row r="96" spans="1:4" ht="18" customHeight="1" x14ac:dyDescent="0.15">
      <c r="A96" s="8" t="s">
        <v>9</v>
      </c>
      <c r="B96" s="21">
        <v>67</v>
      </c>
      <c r="C96" s="6">
        <v>49</v>
      </c>
      <c r="D96" s="5">
        <v>116</v>
      </c>
    </row>
    <row r="97" spans="1:4" ht="18" customHeight="1" x14ac:dyDescent="0.15">
      <c r="A97" s="8">
        <v>75</v>
      </c>
      <c r="B97" s="21">
        <v>2</v>
      </c>
      <c r="C97" s="6">
        <v>11</v>
      </c>
      <c r="D97" s="5">
        <v>13</v>
      </c>
    </row>
    <row r="98" spans="1:4" ht="18" customHeight="1" x14ac:dyDescent="0.15">
      <c r="A98" s="8">
        <v>76</v>
      </c>
      <c r="B98" s="21">
        <v>9</v>
      </c>
      <c r="C98" s="6">
        <v>12</v>
      </c>
      <c r="D98" s="5">
        <v>21</v>
      </c>
    </row>
    <row r="99" spans="1:4" ht="18" customHeight="1" x14ac:dyDescent="0.15">
      <c r="A99" s="8">
        <v>77</v>
      </c>
      <c r="B99" s="21">
        <v>12</v>
      </c>
      <c r="C99" s="6">
        <v>11</v>
      </c>
      <c r="D99" s="5">
        <v>23</v>
      </c>
    </row>
    <row r="100" spans="1:4" ht="18" customHeight="1" x14ac:dyDescent="0.15">
      <c r="A100" s="8">
        <v>78</v>
      </c>
      <c r="B100" s="21">
        <v>9</v>
      </c>
      <c r="C100" s="6">
        <v>13</v>
      </c>
      <c r="D100" s="5">
        <v>22</v>
      </c>
    </row>
    <row r="101" spans="1:4" ht="18" customHeight="1" x14ac:dyDescent="0.15">
      <c r="A101" s="8">
        <v>79</v>
      </c>
      <c r="B101" s="21">
        <v>5</v>
      </c>
      <c r="C101" s="6">
        <v>6</v>
      </c>
      <c r="D101" s="5">
        <v>11</v>
      </c>
    </row>
    <row r="102" spans="1:4" ht="18" customHeight="1" x14ac:dyDescent="0.15">
      <c r="A102" s="8" t="s">
        <v>8</v>
      </c>
      <c r="B102" s="21">
        <v>37</v>
      </c>
      <c r="C102" s="6">
        <v>53</v>
      </c>
      <c r="D102" s="5">
        <v>90</v>
      </c>
    </row>
    <row r="103" spans="1:4" ht="18" customHeight="1" x14ac:dyDescent="0.15">
      <c r="A103" s="8">
        <v>80</v>
      </c>
      <c r="B103" s="21">
        <v>4</v>
      </c>
      <c r="C103" s="6">
        <v>7</v>
      </c>
      <c r="D103" s="5">
        <v>11</v>
      </c>
    </row>
    <row r="104" spans="1:4" ht="18" customHeight="1" x14ac:dyDescent="0.15">
      <c r="A104" s="8">
        <v>81</v>
      </c>
      <c r="B104" s="21">
        <v>5</v>
      </c>
      <c r="C104" s="6">
        <v>10</v>
      </c>
      <c r="D104" s="5">
        <v>15</v>
      </c>
    </row>
    <row r="105" spans="1:4" ht="18" customHeight="1" x14ac:dyDescent="0.15">
      <c r="A105" s="8">
        <v>82</v>
      </c>
      <c r="B105" s="21">
        <v>2</v>
      </c>
      <c r="C105" s="6">
        <v>5</v>
      </c>
      <c r="D105" s="5">
        <v>7</v>
      </c>
    </row>
    <row r="106" spans="1:4" ht="18" customHeight="1" x14ac:dyDescent="0.15">
      <c r="A106" s="8">
        <v>83</v>
      </c>
      <c r="B106" s="21">
        <v>3</v>
      </c>
      <c r="C106" s="6">
        <v>5</v>
      </c>
      <c r="D106" s="5">
        <v>8</v>
      </c>
    </row>
    <row r="107" spans="1:4" ht="18" customHeight="1" x14ac:dyDescent="0.15">
      <c r="A107" s="8">
        <v>84</v>
      </c>
      <c r="B107" s="21">
        <v>7</v>
      </c>
      <c r="C107" s="6">
        <v>9</v>
      </c>
      <c r="D107" s="5">
        <v>16</v>
      </c>
    </row>
    <row r="108" spans="1:4" ht="18" customHeight="1" x14ac:dyDescent="0.15">
      <c r="A108" s="8" t="s">
        <v>7</v>
      </c>
      <c r="B108" s="21">
        <v>21</v>
      </c>
      <c r="C108" s="6">
        <v>36</v>
      </c>
      <c r="D108" s="5">
        <v>57</v>
      </c>
    </row>
    <row r="109" spans="1:4" ht="18" customHeight="1" x14ac:dyDescent="0.15">
      <c r="A109" s="8">
        <v>85</v>
      </c>
      <c r="B109" s="21">
        <v>6</v>
      </c>
      <c r="C109" s="6">
        <v>7</v>
      </c>
      <c r="D109" s="5">
        <v>13</v>
      </c>
    </row>
    <row r="110" spans="1:4" ht="18" customHeight="1" x14ac:dyDescent="0.15">
      <c r="A110" s="8">
        <v>86</v>
      </c>
      <c r="B110" s="21">
        <v>2</v>
      </c>
      <c r="C110" s="6">
        <v>3</v>
      </c>
      <c r="D110" s="5">
        <v>5</v>
      </c>
    </row>
    <row r="111" spans="1:4" ht="18" customHeight="1" x14ac:dyDescent="0.15">
      <c r="A111" s="8">
        <v>87</v>
      </c>
      <c r="B111" s="21">
        <v>6</v>
      </c>
      <c r="C111" s="6">
        <v>9</v>
      </c>
      <c r="D111" s="5">
        <v>15</v>
      </c>
    </row>
    <row r="112" spans="1:4" ht="18" customHeight="1" x14ac:dyDescent="0.15">
      <c r="A112" s="8">
        <v>88</v>
      </c>
      <c r="B112" s="21">
        <v>3</v>
      </c>
      <c r="C112" s="6">
        <v>4</v>
      </c>
      <c r="D112" s="5">
        <v>7</v>
      </c>
    </row>
    <row r="113" spans="1:4" ht="18" customHeight="1" x14ac:dyDescent="0.15">
      <c r="A113" s="8">
        <v>89</v>
      </c>
      <c r="B113" s="21">
        <v>4</v>
      </c>
      <c r="C113" s="6">
        <v>5</v>
      </c>
      <c r="D113" s="5">
        <v>9</v>
      </c>
    </row>
    <row r="114" spans="1:4" ht="18" customHeight="1" x14ac:dyDescent="0.15">
      <c r="A114" s="8" t="s">
        <v>6</v>
      </c>
      <c r="B114" s="21">
        <v>21</v>
      </c>
      <c r="C114" s="6">
        <v>28</v>
      </c>
      <c r="D114" s="5">
        <v>49</v>
      </c>
    </row>
    <row r="115" spans="1:4" ht="18" customHeight="1" x14ac:dyDescent="0.15">
      <c r="A115" s="8">
        <v>90</v>
      </c>
      <c r="B115" s="21">
        <v>2</v>
      </c>
      <c r="C115" s="6">
        <v>3</v>
      </c>
      <c r="D115" s="5">
        <v>5</v>
      </c>
    </row>
    <row r="116" spans="1:4" ht="18" customHeight="1" x14ac:dyDescent="0.15">
      <c r="A116" s="8">
        <v>91</v>
      </c>
      <c r="B116" s="21">
        <v>0</v>
      </c>
      <c r="C116" s="6">
        <v>9</v>
      </c>
      <c r="D116" s="5">
        <v>9</v>
      </c>
    </row>
    <row r="117" spans="1:4" ht="18" customHeight="1" x14ac:dyDescent="0.15">
      <c r="A117" s="8">
        <v>92</v>
      </c>
      <c r="B117" s="21">
        <v>1</v>
      </c>
      <c r="C117" s="6">
        <v>1</v>
      </c>
      <c r="D117" s="5">
        <v>2</v>
      </c>
    </row>
    <row r="118" spans="1:4" ht="18" customHeight="1" x14ac:dyDescent="0.15">
      <c r="A118" s="8">
        <v>93</v>
      </c>
      <c r="B118" s="21">
        <v>0</v>
      </c>
      <c r="C118" s="6">
        <v>9</v>
      </c>
      <c r="D118" s="5">
        <v>9</v>
      </c>
    </row>
    <row r="119" spans="1:4" ht="18" customHeight="1" x14ac:dyDescent="0.15">
      <c r="A119" s="8">
        <v>94</v>
      </c>
      <c r="B119" s="21">
        <v>1</v>
      </c>
      <c r="C119" s="6">
        <v>5</v>
      </c>
      <c r="D119" s="5">
        <v>6</v>
      </c>
    </row>
    <row r="120" spans="1:4" ht="18" customHeight="1" x14ac:dyDescent="0.15">
      <c r="A120" s="8" t="s">
        <v>5</v>
      </c>
      <c r="B120" s="21">
        <v>4</v>
      </c>
      <c r="C120" s="6">
        <v>27</v>
      </c>
      <c r="D120" s="5">
        <v>31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2</v>
      </c>
      <c r="C122" s="6">
        <v>1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4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2</v>
      </c>
      <c r="C126" s="6">
        <v>11</v>
      </c>
      <c r="D126" s="5">
        <v>13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1</v>
      </c>
      <c r="C128" s="6">
        <v>2</v>
      </c>
      <c r="D128" s="5">
        <v>3</v>
      </c>
    </row>
    <row r="129" spans="1:4" ht="18" customHeight="1" x14ac:dyDescent="0.15">
      <c r="A129" s="8" t="s">
        <v>2</v>
      </c>
      <c r="B129" s="21">
        <v>1</v>
      </c>
      <c r="C129" s="6">
        <v>2</v>
      </c>
      <c r="D129" s="5">
        <v>3</v>
      </c>
    </row>
    <row r="130" spans="1:4" ht="18" customHeight="1" x14ac:dyDescent="0.15">
      <c r="A130" s="8" t="s">
        <v>1</v>
      </c>
      <c r="B130" s="21">
        <v>197</v>
      </c>
      <c r="C130" s="6">
        <v>253</v>
      </c>
      <c r="D130" s="5">
        <v>450</v>
      </c>
    </row>
    <row r="131" spans="1:4" ht="18" customHeight="1" x14ac:dyDescent="0.15">
      <c r="A131" s="4" t="s">
        <v>0</v>
      </c>
      <c r="B131" s="20">
        <v>522</v>
      </c>
      <c r="C131" s="2">
        <v>588</v>
      </c>
      <c r="D131" s="1">
        <v>111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652833-907F-4348-BEE4-390B9A047D3C}">
  <sheetPr codeName="Sheet1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6</v>
      </c>
      <c r="C5" s="11">
        <v>9</v>
      </c>
      <c r="D5" s="10">
        <v>25</v>
      </c>
    </row>
    <row r="6" spans="1:4" ht="18" customHeight="1" x14ac:dyDescent="0.15">
      <c r="A6" s="8">
        <v>1</v>
      </c>
      <c r="B6" s="21">
        <v>10</v>
      </c>
      <c r="C6" s="6">
        <v>16</v>
      </c>
      <c r="D6" s="5">
        <v>26</v>
      </c>
    </row>
    <row r="7" spans="1:4" ht="18" customHeight="1" x14ac:dyDescent="0.15">
      <c r="A7" s="8">
        <v>2</v>
      </c>
      <c r="B7" s="21">
        <v>7</v>
      </c>
      <c r="C7" s="6">
        <v>17</v>
      </c>
      <c r="D7" s="5">
        <v>24</v>
      </c>
    </row>
    <row r="8" spans="1:4" ht="18" customHeight="1" x14ac:dyDescent="0.15">
      <c r="A8" s="8">
        <v>3</v>
      </c>
      <c r="B8" s="21">
        <v>20</v>
      </c>
      <c r="C8" s="6">
        <v>7</v>
      </c>
      <c r="D8" s="5">
        <v>27</v>
      </c>
    </row>
    <row r="9" spans="1:4" ht="18" customHeight="1" x14ac:dyDescent="0.15">
      <c r="A9" s="8">
        <v>4</v>
      </c>
      <c r="B9" s="21">
        <v>19</v>
      </c>
      <c r="C9" s="6">
        <v>10</v>
      </c>
      <c r="D9" s="5">
        <v>29</v>
      </c>
    </row>
    <row r="10" spans="1:4" ht="18" customHeight="1" x14ac:dyDescent="0.15">
      <c r="A10" s="8" t="s">
        <v>25</v>
      </c>
      <c r="B10" s="21">
        <v>72</v>
      </c>
      <c r="C10" s="6">
        <v>59</v>
      </c>
      <c r="D10" s="5">
        <v>131</v>
      </c>
    </row>
    <row r="11" spans="1:4" ht="18" customHeight="1" x14ac:dyDescent="0.15">
      <c r="A11" s="8">
        <v>5</v>
      </c>
      <c r="B11" s="21">
        <v>15</v>
      </c>
      <c r="C11" s="6">
        <v>15</v>
      </c>
      <c r="D11" s="5">
        <v>30</v>
      </c>
    </row>
    <row r="12" spans="1:4" ht="18" customHeight="1" x14ac:dyDescent="0.15">
      <c r="A12" s="8">
        <v>6</v>
      </c>
      <c r="B12" s="21">
        <v>21</v>
      </c>
      <c r="C12" s="6">
        <v>15</v>
      </c>
      <c r="D12" s="5">
        <v>36</v>
      </c>
    </row>
    <row r="13" spans="1:4" ht="18" customHeight="1" x14ac:dyDescent="0.15">
      <c r="A13" s="8">
        <v>7</v>
      </c>
      <c r="B13" s="21">
        <v>18</v>
      </c>
      <c r="C13" s="6">
        <v>11</v>
      </c>
      <c r="D13" s="5">
        <v>29</v>
      </c>
    </row>
    <row r="14" spans="1:4" ht="18" customHeight="1" x14ac:dyDescent="0.15">
      <c r="A14" s="8">
        <v>8</v>
      </c>
      <c r="B14" s="21">
        <v>16</v>
      </c>
      <c r="C14" s="6">
        <v>21</v>
      </c>
      <c r="D14" s="5">
        <v>37</v>
      </c>
    </row>
    <row r="15" spans="1:4" ht="18" customHeight="1" x14ac:dyDescent="0.15">
      <c r="A15" s="8">
        <v>9</v>
      </c>
      <c r="B15" s="21">
        <v>12</v>
      </c>
      <c r="C15" s="6">
        <v>19</v>
      </c>
      <c r="D15" s="5">
        <v>31</v>
      </c>
    </row>
    <row r="16" spans="1:4" ht="18" customHeight="1" x14ac:dyDescent="0.15">
      <c r="A16" s="8" t="s">
        <v>24</v>
      </c>
      <c r="B16" s="21">
        <v>82</v>
      </c>
      <c r="C16" s="6">
        <v>81</v>
      </c>
      <c r="D16" s="5">
        <v>163</v>
      </c>
    </row>
    <row r="17" spans="1:4" ht="18" customHeight="1" x14ac:dyDescent="0.15">
      <c r="A17" s="8">
        <v>10</v>
      </c>
      <c r="B17" s="21">
        <v>15</v>
      </c>
      <c r="C17" s="6">
        <v>14</v>
      </c>
      <c r="D17" s="5">
        <v>29</v>
      </c>
    </row>
    <row r="18" spans="1:4" ht="18" customHeight="1" x14ac:dyDescent="0.15">
      <c r="A18" s="8">
        <v>11</v>
      </c>
      <c r="B18" s="21">
        <v>19</v>
      </c>
      <c r="C18" s="6">
        <v>20</v>
      </c>
      <c r="D18" s="5">
        <v>39</v>
      </c>
    </row>
    <row r="19" spans="1:4" ht="18" customHeight="1" x14ac:dyDescent="0.15">
      <c r="A19" s="8">
        <v>12</v>
      </c>
      <c r="B19" s="21">
        <v>17</v>
      </c>
      <c r="C19" s="6">
        <v>14</v>
      </c>
      <c r="D19" s="5">
        <v>31</v>
      </c>
    </row>
    <row r="20" spans="1:4" ht="18" customHeight="1" x14ac:dyDescent="0.15">
      <c r="A20" s="8">
        <v>13</v>
      </c>
      <c r="B20" s="21">
        <v>13</v>
      </c>
      <c r="C20" s="6">
        <v>23</v>
      </c>
      <c r="D20" s="5">
        <v>36</v>
      </c>
    </row>
    <row r="21" spans="1:4" ht="18" customHeight="1" x14ac:dyDescent="0.15">
      <c r="A21" s="8">
        <v>14</v>
      </c>
      <c r="B21" s="21">
        <v>16</v>
      </c>
      <c r="C21" s="6">
        <v>21</v>
      </c>
      <c r="D21" s="5">
        <v>37</v>
      </c>
    </row>
    <row r="22" spans="1:4" ht="18" customHeight="1" x14ac:dyDescent="0.15">
      <c r="A22" s="8" t="s">
        <v>23</v>
      </c>
      <c r="B22" s="21">
        <v>80</v>
      </c>
      <c r="C22" s="6">
        <v>92</v>
      </c>
      <c r="D22" s="5">
        <v>172</v>
      </c>
    </row>
    <row r="23" spans="1:4" ht="18" customHeight="1" x14ac:dyDescent="0.15">
      <c r="A23" s="8" t="s">
        <v>22</v>
      </c>
      <c r="B23" s="21">
        <v>234</v>
      </c>
      <c r="C23" s="6">
        <v>232</v>
      </c>
      <c r="D23" s="5">
        <v>466</v>
      </c>
    </row>
    <row r="24" spans="1:4" ht="18" customHeight="1" x14ac:dyDescent="0.15">
      <c r="A24" s="8">
        <v>15</v>
      </c>
      <c r="B24" s="21">
        <v>23</v>
      </c>
      <c r="C24" s="6">
        <v>11</v>
      </c>
      <c r="D24" s="5">
        <v>34</v>
      </c>
    </row>
    <row r="25" spans="1:4" ht="18" customHeight="1" x14ac:dyDescent="0.15">
      <c r="A25" s="8">
        <v>16</v>
      </c>
      <c r="B25" s="21">
        <v>19</v>
      </c>
      <c r="C25" s="6">
        <v>15</v>
      </c>
      <c r="D25" s="5">
        <v>34</v>
      </c>
    </row>
    <row r="26" spans="1:4" ht="18" customHeight="1" x14ac:dyDescent="0.15">
      <c r="A26" s="8">
        <v>17</v>
      </c>
      <c r="B26" s="21">
        <v>10</v>
      </c>
      <c r="C26" s="6">
        <v>26</v>
      </c>
      <c r="D26" s="5">
        <v>36</v>
      </c>
    </row>
    <row r="27" spans="1:4" ht="18" customHeight="1" x14ac:dyDescent="0.15">
      <c r="A27" s="8">
        <v>18</v>
      </c>
      <c r="B27" s="21">
        <v>19</v>
      </c>
      <c r="C27" s="6">
        <v>17</v>
      </c>
      <c r="D27" s="5">
        <v>36</v>
      </c>
    </row>
    <row r="28" spans="1:4" ht="18" customHeight="1" x14ac:dyDescent="0.15">
      <c r="A28" s="8">
        <v>19</v>
      </c>
      <c r="B28" s="21">
        <v>20</v>
      </c>
      <c r="C28" s="6">
        <v>20</v>
      </c>
      <c r="D28" s="5">
        <v>40</v>
      </c>
    </row>
    <row r="29" spans="1:4" ht="18" customHeight="1" x14ac:dyDescent="0.15">
      <c r="A29" s="8" t="s">
        <v>21</v>
      </c>
      <c r="B29" s="21">
        <v>91</v>
      </c>
      <c r="C29" s="6">
        <v>89</v>
      </c>
      <c r="D29" s="5">
        <v>180</v>
      </c>
    </row>
    <row r="30" spans="1:4" ht="18" customHeight="1" x14ac:dyDescent="0.15">
      <c r="A30" s="8">
        <v>20</v>
      </c>
      <c r="B30" s="21">
        <v>22</v>
      </c>
      <c r="C30" s="6">
        <v>14</v>
      </c>
      <c r="D30" s="5">
        <v>36</v>
      </c>
    </row>
    <row r="31" spans="1:4" ht="18" customHeight="1" x14ac:dyDescent="0.15">
      <c r="A31" s="8">
        <v>21</v>
      </c>
      <c r="B31" s="21">
        <v>19</v>
      </c>
      <c r="C31" s="6">
        <v>15</v>
      </c>
      <c r="D31" s="5">
        <v>34</v>
      </c>
    </row>
    <row r="32" spans="1:4" ht="18" customHeight="1" x14ac:dyDescent="0.15">
      <c r="A32" s="8">
        <v>22</v>
      </c>
      <c r="B32" s="21">
        <v>27</v>
      </c>
      <c r="C32" s="6">
        <v>23</v>
      </c>
      <c r="D32" s="5">
        <v>50</v>
      </c>
    </row>
    <row r="33" spans="1:4" ht="18" customHeight="1" x14ac:dyDescent="0.15">
      <c r="A33" s="8">
        <v>23</v>
      </c>
      <c r="B33" s="21">
        <v>38</v>
      </c>
      <c r="C33" s="6">
        <v>21</v>
      </c>
      <c r="D33" s="5">
        <v>59</v>
      </c>
    </row>
    <row r="34" spans="1:4" ht="18" customHeight="1" x14ac:dyDescent="0.15">
      <c r="A34" s="8">
        <v>24</v>
      </c>
      <c r="B34" s="21">
        <v>36</v>
      </c>
      <c r="C34" s="6">
        <v>25</v>
      </c>
      <c r="D34" s="5">
        <v>61</v>
      </c>
    </row>
    <row r="35" spans="1:4" ht="18" customHeight="1" x14ac:dyDescent="0.15">
      <c r="A35" s="8" t="s">
        <v>20</v>
      </c>
      <c r="B35" s="21">
        <v>142</v>
      </c>
      <c r="C35" s="6">
        <v>98</v>
      </c>
      <c r="D35" s="5">
        <v>240</v>
      </c>
    </row>
    <row r="36" spans="1:4" ht="18" customHeight="1" x14ac:dyDescent="0.15">
      <c r="A36" s="8">
        <v>25</v>
      </c>
      <c r="B36" s="21">
        <v>29</v>
      </c>
      <c r="C36" s="6">
        <v>22</v>
      </c>
      <c r="D36" s="5">
        <v>51</v>
      </c>
    </row>
    <row r="37" spans="1:4" ht="18" customHeight="1" x14ac:dyDescent="0.15">
      <c r="A37" s="8">
        <v>26</v>
      </c>
      <c r="B37" s="21">
        <v>24</v>
      </c>
      <c r="C37" s="6">
        <v>26</v>
      </c>
      <c r="D37" s="5">
        <v>50</v>
      </c>
    </row>
    <row r="38" spans="1:4" ht="18" customHeight="1" x14ac:dyDescent="0.15">
      <c r="A38" s="8">
        <v>27</v>
      </c>
      <c r="B38" s="21">
        <v>41</v>
      </c>
      <c r="C38" s="6">
        <v>20</v>
      </c>
      <c r="D38" s="5">
        <v>61</v>
      </c>
    </row>
    <row r="39" spans="1:4" ht="18" customHeight="1" x14ac:dyDescent="0.15">
      <c r="A39" s="8">
        <v>28</v>
      </c>
      <c r="B39" s="21">
        <v>35</v>
      </c>
      <c r="C39" s="6">
        <v>21</v>
      </c>
      <c r="D39" s="5">
        <v>56</v>
      </c>
    </row>
    <row r="40" spans="1:4" ht="18" customHeight="1" x14ac:dyDescent="0.15">
      <c r="A40" s="8">
        <v>29</v>
      </c>
      <c r="B40" s="21">
        <v>37</v>
      </c>
      <c r="C40" s="6">
        <v>21</v>
      </c>
      <c r="D40" s="5">
        <v>58</v>
      </c>
    </row>
    <row r="41" spans="1:4" ht="18" customHeight="1" x14ac:dyDescent="0.15">
      <c r="A41" s="8" t="s">
        <v>19</v>
      </c>
      <c r="B41" s="21">
        <v>166</v>
      </c>
      <c r="C41" s="6">
        <v>110</v>
      </c>
      <c r="D41" s="5">
        <v>276</v>
      </c>
    </row>
    <row r="42" spans="1:4" ht="18" customHeight="1" x14ac:dyDescent="0.15">
      <c r="A42" s="8">
        <v>30</v>
      </c>
      <c r="B42" s="21">
        <v>29</v>
      </c>
      <c r="C42" s="6">
        <v>23</v>
      </c>
      <c r="D42" s="5">
        <v>52</v>
      </c>
    </row>
    <row r="43" spans="1:4" ht="18" customHeight="1" x14ac:dyDescent="0.15">
      <c r="A43" s="8">
        <v>31</v>
      </c>
      <c r="B43" s="21">
        <v>25</v>
      </c>
      <c r="C43" s="6">
        <v>19</v>
      </c>
      <c r="D43" s="5">
        <v>44</v>
      </c>
    </row>
    <row r="44" spans="1:4" ht="18" customHeight="1" x14ac:dyDescent="0.15">
      <c r="A44" s="8">
        <v>32</v>
      </c>
      <c r="B44" s="21">
        <v>31</v>
      </c>
      <c r="C44" s="6">
        <v>20</v>
      </c>
      <c r="D44" s="5">
        <v>51</v>
      </c>
    </row>
    <row r="45" spans="1:4" ht="18" customHeight="1" x14ac:dyDescent="0.15">
      <c r="A45" s="8">
        <v>33</v>
      </c>
      <c r="B45" s="21">
        <v>22</v>
      </c>
      <c r="C45" s="6">
        <v>19</v>
      </c>
      <c r="D45" s="5">
        <v>41</v>
      </c>
    </row>
    <row r="46" spans="1:4" ht="18" customHeight="1" x14ac:dyDescent="0.15">
      <c r="A46" s="8">
        <v>34</v>
      </c>
      <c r="B46" s="21">
        <v>26</v>
      </c>
      <c r="C46" s="6">
        <v>27</v>
      </c>
      <c r="D46" s="5">
        <v>53</v>
      </c>
    </row>
    <row r="47" spans="1:4" ht="18" customHeight="1" x14ac:dyDescent="0.15">
      <c r="A47" s="8" t="s">
        <v>18</v>
      </c>
      <c r="B47" s="21">
        <v>133</v>
      </c>
      <c r="C47" s="6">
        <v>108</v>
      </c>
      <c r="D47" s="5">
        <v>241</v>
      </c>
    </row>
    <row r="48" spans="1:4" ht="18" customHeight="1" x14ac:dyDescent="0.15">
      <c r="A48" s="8">
        <v>35</v>
      </c>
      <c r="B48" s="21">
        <v>26</v>
      </c>
      <c r="C48" s="6">
        <v>31</v>
      </c>
      <c r="D48" s="5">
        <v>57</v>
      </c>
    </row>
    <row r="49" spans="1:4" ht="18" customHeight="1" x14ac:dyDescent="0.15">
      <c r="A49" s="8">
        <v>36</v>
      </c>
      <c r="B49" s="21">
        <v>34</v>
      </c>
      <c r="C49" s="6">
        <v>24</v>
      </c>
      <c r="D49" s="5">
        <v>58</v>
      </c>
    </row>
    <row r="50" spans="1:4" ht="18" customHeight="1" x14ac:dyDescent="0.15">
      <c r="A50" s="8">
        <v>37</v>
      </c>
      <c r="B50" s="21">
        <v>28</v>
      </c>
      <c r="C50" s="6">
        <v>18</v>
      </c>
      <c r="D50" s="5">
        <v>46</v>
      </c>
    </row>
    <row r="51" spans="1:4" ht="18" customHeight="1" x14ac:dyDescent="0.15">
      <c r="A51" s="8">
        <v>38</v>
      </c>
      <c r="B51" s="21">
        <v>35</v>
      </c>
      <c r="C51" s="6">
        <v>36</v>
      </c>
      <c r="D51" s="5">
        <v>71</v>
      </c>
    </row>
    <row r="52" spans="1:4" ht="18" customHeight="1" x14ac:dyDescent="0.15">
      <c r="A52" s="8">
        <v>39</v>
      </c>
      <c r="B52" s="21">
        <v>23</v>
      </c>
      <c r="C52" s="6">
        <v>33</v>
      </c>
      <c r="D52" s="5">
        <v>56</v>
      </c>
    </row>
    <row r="53" spans="1:4" ht="18" customHeight="1" x14ac:dyDescent="0.15">
      <c r="A53" s="8" t="s">
        <v>17</v>
      </c>
      <c r="B53" s="21">
        <v>146</v>
      </c>
      <c r="C53" s="6">
        <v>142</v>
      </c>
      <c r="D53" s="5">
        <v>288</v>
      </c>
    </row>
    <row r="54" spans="1:4" ht="18" customHeight="1" x14ac:dyDescent="0.15">
      <c r="A54" s="8">
        <v>40</v>
      </c>
      <c r="B54" s="21">
        <v>27</v>
      </c>
      <c r="C54" s="6">
        <v>20</v>
      </c>
      <c r="D54" s="5">
        <v>47</v>
      </c>
    </row>
    <row r="55" spans="1:4" ht="18" customHeight="1" x14ac:dyDescent="0.15">
      <c r="A55" s="8">
        <v>41</v>
      </c>
      <c r="B55" s="21">
        <v>29</v>
      </c>
      <c r="C55" s="6">
        <v>32</v>
      </c>
      <c r="D55" s="5">
        <v>61</v>
      </c>
    </row>
    <row r="56" spans="1:4" ht="18" customHeight="1" x14ac:dyDescent="0.15">
      <c r="A56" s="8">
        <v>42</v>
      </c>
      <c r="B56" s="21">
        <v>31</v>
      </c>
      <c r="C56" s="6">
        <v>20</v>
      </c>
      <c r="D56" s="5">
        <v>51</v>
      </c>
    </row>
    <row r="57" spans="1:4" ht="18" customHeight="1" x14ac:dyDescent="0.15">
      <c r="A57" s="8">
        <v>43</v>
      </c>
      <c r="B57" s="21">
        <v>36</v>
      </c>
      <c r="C57" s="6">
        <v>30</v>
      </c>
      <c r="D57" s="5">
        <v>66</v>
      </c>
    </row>
    <row r="58" spans="1:4" ht="18" customHeight="1" x14ac:dyDescent="0.15">
      <c r="A58" s="8">
        <v>44</v>
      </c>
      <c r="B58" s="21">
        <v>29</v>
      </c>
      <c r="C58" s="6">
        <v>29</v>
      </c>
      <c r="D58" s="5">
        <v>58</v>
      </c>
    </row>
    <row r="59" spans="1:4" ht="18" customHeight="1" x14ac:dyDescent="0.15">
      <c r="A59" s="8" t="s">
        <v>16</v>
      </c>
      <c r="B59" s="21">
        <v>152</v>
      </c>
      <c r="C59" s="6">
        <v>131</v>
      </c>
      <c r="D59" s="5">
        <v>283</v>
      </c>
    </row>
    <row r="60" spans="1:4" ht="18" customHeight="1" x14ac:dyDescent="0.15">
      <c r="A60" s="8">
        <v>45</v>
      </c>
      <c r="B60" s="21">
        <v>32</v>
      </c>
      <c r="C60" s="6">
        <v>34</v>
      </c>
      <c r="D60" s="5">
        <v>66</v>
      </c>
    </row>
    <row r="61" spans="1:4" ht="18" customHeight="1" x14ac:dyDescent="0.15">
      <c r="A61" s="8">
        <v>46</v>
      </c>
      <c r="B61" s="21">
        <v>41</v>
      </c>
      <c r="C61" s="6">
        <v>37</v>
      </c>
      <c r="D61" s="5">
        <v>78</v>
      </c>
    </row>
    <row r="62" spans="1:4" ht="18" customHeight="1" x14ac:dyDescent="0.15">
      <c r="A62" s="8">
        <v>47</v>
      </c>
      <c r="B62" s="21">
        <v>42</v>
      </c>
      <c r="C62" s="6">
        <v>42</v>
      </c>
      <c r="D62" s="5">
        <v>84</v>
      </c>
    </row>
    <row r="63" spans="1:4" ht="18" customHeight="1" x14ac:dyDescent="0.15">
      <c r="A63" s="8">
        <v>48</v>
      </c>
      <c r="B63" s="21">
        <v>44</v>
      </c>
      <c r="C63" s="6">
        <v>27</v>
      </c>
      <c r="D63" s="5">
        <v>71</v>
      </c>
    </row>
    <row r="64" spans="1:4" ht="18" customHeight="1" x14ac:dyDescent="0.15">
      <c r="A64" s="8">
        <v>49</v>
      </c>
      <c r="B64" s="21">
        <v>45</v>
      </c>
      <c r="C64" s="6">
        <v>48</v>
      </c>
      <c r="D64" s="5">
        <v>93</v>
      </c>
    </row>
    <row r="65" spans="1:4" ht="18" customHeight="1" x14ac:dyDescent="0.15">
      <c r="A65" s="8" t="s">
        <v>15</v>
      </c>
      <c r="B65" s="21">
        <v>204</v>
      </c>
      <c r="C65" s="6">
        <v>188</v>
      </c>
      <c r="D65" s="5">
        <v>392</v>
      </c>
    </row>
    <row r="66" spans="1:4" ht="18" customHeight="1" x14ac:dyDescent="0.15">
      <c r="A66" s="8">
        <v>50</v>
      </c>
      <c r="B66" s="21">
        <v>36</v>
      </c>
      <c r="C66" s="6">
        <v>33</v>
      </c>
      <c r="D66" s="5">
        <v>69</v>
      </c>
    </row>
    <row r="67" spans="1:4" ht="18" customHeight="1" x14ac:dyDescent="0.15">
      <c r="A67" s="8">
        <v>51</v>
      </c>
      <c r="B67" s="21">
        <v>37</v>
      </c>
      <c r="C67" s="6">
        <v>43</v>
      </c>
      <c r="D67" s="5">
        <v>80</v>
      </c>
    </row>
    <row r="68" spans="1:4" ht="18" customHeight="1" x14ac:dyDescent="0.15">
      <c r="A68" s="8">
        <v>52</v>
      </c>
      <c r="B68" s="21">
        <v>44</v>
      </c>
      <c r="C68" s="6">
        <v>36</v>
      </c>
      <c r="D68" s="5">
        <v>80</v>
      </c>
    </row>
    <row r="69" spans="1:4" ht="18" customHeight="1" x14ac:dyDescent="0.15">
      <c r="A69" s="8">
        <v>53</v>
      </c>
      <c r="B69" s="21">
        <v>46</v>
      </c>
      <c r="C69" s="6">
        <v>47</v>
      </c>
      <c r="D69" s="5">
        <v>93</v>
      </c>
    </row>
    <row r="70" spans="1:4" ht="18" customHeight="1" x14ac:dyDescent="0.15">
      <c r="A70" s="8">
        <v>54</v>
      </c>
      <c r="B70" s="21">
        <v>54</v>
      </c>
      <c r="C70" s="6">
        <v>41</v>
      </c>
      <c r="D70" s="5">
        <v>95</v>
      </c>
    </row>
    <row r="71" spans="1:4" ht="18" customHeight="1" x14ac:dyDescent="0.15">
      <c r="A71" s="8" t="s">
        <v>14</v>
      </c>
      <c r="B71" s="21">
        <v>217</v>
      </c>
      <c r="C71" s="6">
        <v>200</v>
      </c>
      <c r="D71" s="5">
        <v>417</v>
      </c>
    </row>
    <row r="72" spans="1:4" ht="18" customHeight="1" x14ac:dyDescent="0.15">
      <c r="A72" s="8">
        <v>55</v>
      </c>
      <c r="B72" s="21">
        <v>57</v>
      </c>
      <c r="C72" s="6">
        <v>39</v>
      </c>
      <c r="D72" s="5">
        <v>96</v>
      </c>
    </row>
    <row r="73" spans="1:4" ht="18" customHeight="1" x14ac:dyDescent="0.15">
      <c r="A73" s="8">
        <v>56</v>
      </c>
      <c r="B73" s="21">
        <v>44</v>
      </c>
      <c r="C73" s="6">
        <v>51</v>
      </c>
      <c r="D73" s="5">
        <v>95</v>
      </c>
    </row>
    <row r="74" spans="1:4" ht="18" customHeight="1" x14ac:dyDescent="0.15">
      <c r="A74" s="8">
        <v>57</v>
      </c>
      <c r="B74" s="21">
        <v>59</v>
      </c>
      <c r="C74" s="6">
        <v>35</v>
      </c>
      <c r="D74" s="5">
        <v>94</v>
      </c>
    </row>
    <row r="75" spans="1:4" ht="18" customHeight="1" x14ac:dyDescent="0.15">
      <c r="A75" s="8">
        <v>58</v>
      </c>
      <c r="B75" s="21">
        <v>43</v>
      </c>
      <c r="C75" s="6">
        <v>49</v>
      </c>
      <c r="D75" s="5">
        <v>92</v>
      </c>
    </row>
    <row r="76" spans="1:4" ht="18" customHeight="1" x14ac:dyDescent="0.15">
      <c r="A76" s="8">
        <v>59</v>
      </c>
      <c r="B76" s="21">
        <v>22</v>
      </c>
      <c r="C76" s="6">
        <v>38</v>
      </c>
      <c r="D76" s="5">
        <v>60</v>
      </c>
    </row>
    <row r="77" spans="1:4" ht="18" customHeight="1" x14ac:dyDescent="0.15">
      <c r="A77" s="8" t="s">
        <v>13</v>
      </c>
      <c r="B77" s="21">
        <v>225</v>
      </c>
      <c r="C77" s="6">
        <v>212</v>
      </c>
      <c r="D77" s="5">
        <v>437</v>
      </c>
    </row>
    <row r="78" spans="1:4" ht="18" customHeight="1" x14ac:dyDescent="0.15">
      <c r="A78" s="8">
        <v>60</v>
      </c>
      <c r="B78" s="21">
        <v>46</v>
      </c>
      <c r="C78" s="6">
        <v>55</v>
      </c>
      <c r="D78" s="5">
        <v>101</v>
      </c>
    </row>
    <row r="79" spans="1:4" ht="18" customHeight="1" x14ac:dyDescent="0.15">
      <c r="A79" s="8">
        <v>61</v>
      </c>
      <c r="B79" s="21">
        <v>47</v>
      </c>
      <c r="C79" s="6">
        <v>42</v>
      </c>
      <c r="D79" s="5">
        <v>89</v>
      </c>
    </row>
    <row r="80" spans="1:4" ht="18" customHeight="1" x14ac:dyDescent="0.15">
      <c r="A80" s="8">
        <v>62</v>
      </c>
      <c r="B80" s="21">
        <v>39</v>
      </c>
      <c r="C80" s="6">
        <v>43</v>
      </c>
      <c r="D80" s="5">
        <v>82</v>
      </c>
    </row>
    <row r="81" spans="1:4" ht="18" customHeight="1" x14ac:dyDescent="0.15">
      <c r="A81" s="8">
        <v>63</v>
      </c>
      <c r="B81" s="21">
        <v>48</v>
      </c>
      <c r="C81" s="6">
        <v>38</v>
      </c>
      <c r="D81" s="5">
        <v>86</v>
      </c>
    </row>
    <row r="82" spans="1:4" ht="18" customHeight="1" x14ac:dyDescent="0.15">
      <c r="A82" s="8">
        <v>64</v>
      </c>
      <c r="B82" s="21">
        <v>33</v>
      </c>
      <c r="C82" s="6">
        <v>29</v>
      </c>
      <c r="D82" s="5">
        <v>62</v>
      </c>
    </row>
    <row r="83" spans="1:4" ht="18" customHeight="1" x14ac:dyDescent="0.15">
      <c r="A83" s="8" t="s">
        <v>12</v>
      </c>
      <c r="B83" s="21">
        <v>213</v>
      </c>
      <c r="C83" s="6">
        <v>207</v>
      </c>
      <c r="D83" s="5">
        <v>420</v>
      </c>
    </row>
    <row r="84" spans="1:4" ht="18" customHeight="1" x14ac:dyDescent="0.15">
      <c r="A84" s="8" t="s">
        <v>11</v>
      </c>
      <c r="B84" s="21">
        <v>1689</v>
      </c>
      <c r="C84" s="6">
        <v>1485</v>
      </c>
      <c r="D84" s="5">
        <v>3174</v>
      </c>
    </row>
    <row r="85" spans="1:4" ht="18" customHeight="1" x14ac:dyDescent="0.15">
      <c r="A85" s="8">
        <v>65</v>
      </c>
      <c r="B85" s="21">
        <v>27</v>
      </c>
      <c r="C85" s="6">
        <v>49</v>
      </c>
      <c r="D85" s="5">
        <v>76</v>
      </c>
    </row>
    <row r="86" spans="1:4" ht="18" customHeight="1" x14ac:dyDescent="0.15">
      <c r="A86" s="8">
        <v>66</v>
      </c>
      <c r="B86" s="21">
        <v>44</v>
      </c>
      <c r="C86" s="6">
        <v>38</v>
      </c>
      <c r="D86" s="5">
        <v>82</v>
      </c>
    </row>
    <row r="87" spans="1:4" ht="18" customHeight="1" x14ac:dyDescent="0.15">
      <c r="A87" s="8">
        <v>67</v>
      </c>
      <c r="B87" s="21">
        <v>39</v>
      </c>
      <c r="C87" s="6">
        <v>43</v>
      </c>
      <c r="D87" s="5">
        <v>82</v>
      </c>
    </row>
    <row r="88" spans="1:4" ht="18" customHeight="1" x14ac:dyDescent="0.15">
      <c r="A88" s="8">
        <v>68</v>
      </c>
      <c r="B88" s="21">
        <v>35</v>
      </c>
      <c r="C88" s="6">
        <v>30</v>
      </c>
      <c r="D88" s="5">
        <v>65</v>
      </c>
    </row>
    <row r="89" spans="1:4" ht="18" customHeight="1" x14ac:dyDescent="0.15">
      <c r="A89" s="8">
        <v>69</v>
      </c>
      <c r="B89" s="21">
        <v>41</v>
      </c>
      <c r="C89" s="6">
        <v>41</v>
      </c>
      <c r="D89" s="5">
        <v>82</v>
      </c>
    </row>
    <row r="90" spans="1:4" ht="18" customHeight="1" x14ac:dyDescent="0.15">
      <c r="A90" s="8" t="s">
        <v>10</v>
      </c>
      <c r="B90" s="21">
        <v>186</v>
      </c>
      <c r="C90" s="6">
        <v>201</v>
      </c>
      <c r="D90" s="5">
        <v>387</v>
      </c>
    </row>
    <row r="91" spans="1:4" ht="18" customHeight="1" x14ac:dyDescent="0.15">
      <c r="A91" s="8">
        <v>70</v>
      </c>
      <c r="B91" s="21">
        <v>43</v>
      </c>
      <c r="C91" s="6">
        <v>36</v>
      </c>
      <c r="D91" s="5">
        <v>79</v>
      </c>
    </row>
    <row r="92" spans="1:4" ht="18" customHeight="1" x14ac:dyDescent="0.15">
      <c r="A92" s="8">
        <v>71</v>
      </c>
      <c r="B92" s="21">
        <v>17</v>
      </c>
      <c r="C92" s="6">
        <v>42</v>
      </c>
      <c r="D92" s="5">
        <v>59</v>
      </c>
    </row>
    <row r="93" spans="1:4" ht="18" customHeight="1" x14ac:dyDescent="0.15">
      <c r="A93" s="8">
        <v>72</v>
      </c>
      <c r="B93" s="21">
        <v>32</v>
      </c>
      <c r="C93" s="6">
        <v>41</v>
      </c>
      <c r="D93" s="5">
        <v>73</v>
      </c>
    </row>
    <row r="94" spans="1:4" ht="18" customHeight="1" x14ac:dyDescent="0.15">
      <c r="A94" s="8">
        <v>73</v>
      </c>
      <c r="B94" s="21">
        <v>40</v>
      </c>
      <c r="C94" s="6">
        <v>39</v>
      </c>
      <c r="D94" s="5">
        <v>79</v>
      </c>
    </row>
    <row r="95" spans="1:4" ht="18" customHeight="1" x14ac:dyDescent="0.15">
      <c r="A95" s="8">
        <v>74</v>
      </c>
      <c r="B95" s="21">
        <v>36</v>
      </c>
      <c r="C95" s="6">
        <v>40</v>
      </c>
      <c r="D95" s="5">
        <v>76</v>
      </c>
    </row>
    <row r="96" spans="1:4" ht="18" customHeight="1" x14ac:dyDescent="0.15">
      <c r="A96" s="8" t="s">
        <v>9</v>
      </c>
      <c r="B96" s="21">
        <v>168</v>
      </c>
      <c r="C96" s="6">
        <v>198</v>
      </c>
      <c r="D96" s="5">
        <v>366</v>
      </c>
    </row>
    <row r="97" spans="1:4" ht="18" customHeight="1" x14ac:dyDescent="0.15">
      <c r="A97" s="8">
        <v>75</v>
      </c>
      <c r="B97" s="21">
        <v>32</v>
      </c>
      <c r="C97" s="6">
        <v>51</v>
      </c>
      <c r="D97" s="5">
        <v>83</v>
      </c>
    </row>
    <row r="98" spans="1:4" ht="18" customHeight="1" x14ac:dyDescent="0.15">
      <c r="A98" s="8">
        <v>76</v>
      </c>
      <c r="B98" s="21">
        <v>64</v>
      </c>
      <c r="C98" s="6">
        <v>45</v>
      </c>
      <c r="D98" s="5">
        <v>109</v>
      </c>
    </row>
    <row r="99" spans="1:4" ht="18" customHeight="1" x14ac:dyDescent="0.15">
      <c r="A99" s="8">
        <v>77</v>
      </c>
      <c r="B99" s="21">
        <v>50</v>
      </c>
      <c r="C99" s="6">
        <v>68</v>
      </c>
      <c r="D99" s="5">
        <v>118</v>
      </c>
    </row>
    <row r="100" spans="1:4" ht="18" customHeight="1" x14ac:dyDescent="0.15">
      <c r="A100" s="8">
        <v>78</v>
      </c>
      <c r="B100" s="21">
        <v>42</v>
      </c>
      <c r="C100" s="6">
        <v>67</v>
      </c>
      <c r="D100" s="5">
        <v>109</v>
      </c>
    </row>
    <row r="101" spans="1:4" ht="18" customHeight="1" x14ac:dyDescent="0.15">
      <c r="A101" s="8">
        <v>79</v>
      </c>
      <c r="B101" s="21">
        <v>28</v>
      </c>
      <c r="C101" s="6">
        <v>30</v>
      </c>
      <c r="D101" s="5">
        <v>58</v>
      </c>
    </row>
    <row r="102" spans="1:4" ht="18" customHeight="1" x14ac:dyDescent="0.15">
      <c r="A102" s="8" t="s">
        <v>8</v>
      </c>
      <c r="B102" s="21">
        <v>216</v>
      </c>
      <c r="C102" s="6">
        <v>261</v>
      </c>
      <c r="D102" s="5">
        <v>477</v>
      </c>
    </row>
    <row r="103" spans="1:4" ht="18" customHeight="1" x14ac:dyDescent="0.15">
      <c r="A103" s="8">
        <v>80</v>
      </c>
      <c r="B103" s="21">
        <v>25</v>
      </c>
      <c r="C103" s="6">
        <v>37</v>
      </c>
      <c r="D103" s="5">
        <v>62</v>
      </c>
    </row>
    <row r="104" spans="1:4" ht="18" customHeight="1" x14ac:dyDescent="0.15">
      <c r="A104" s="8">
        <v>81</v>
      </c>
      <c r="B104" s="21">
        <v>30</v>
      </c>
      <c r="C104" s="6">
        <v>49</v>
      </c>
      <c r="D104" s="5">
        <v>79</v>
      </c>
    </row>
    <row r="105" spans="1:4" ht="18" customHeight="1" x14ac:dyDescent="0.15">
      <c r="A105" s="8">
        <v>82</v>
      </c>
      <c r="B105" s="21">
        <v>26</v>
      </c>
      <c r="C105" s="6">
        <v>56</v>
      </c>
      <c r="D105" s="5">
        <v>82</v>
      </c>
    </row>
    <row r="106" spans="1:4" ht="18" customHeight="1" x14ac:dyDescent="0.15">
      <c r="A106" s="8">
        <v>83</v>
      </c>
      <c r="B106" s="21">
        <v>35</v>
      </c>
      <c r="C106" s="6">
        <v>46</v>
      </c>
      <c r="D106" s="5">
        <v>81</v>
      </c>
    </row>
    <row r="107" spans="1:4" ht="18" customHeight="1" x14ac:dyDescent="0.15">
      <c r="A107" s="8">
        <v>84</v>
      </c>
      <c r="B107" s="21">
        <v>30</v>
      </c>
      <c r="C107" s="6">
        <v>42</v>
      </c>
      <c r="D107" s="5">
        <v>72</v>
      </c>
    </row>
    <row r="108" spans="1:4" ht="18" customHeight="1" x14ac:dyDescent="0.15">
      <c r="A108" s="8" t="s">
        <v>7</v>
      </c>
      <c r="B108" s="21">
        <v>146</v>
      </c>
      <c r="C108" s="6">
        <v>230</v>
      </c>
      <c r="D108" s="5">
        <v>376</v>
      </c>
    </row>
    <row r="109" spans="1:4" ht="18" customHeight="1" x14ac:dyDescent="0.15">
      <c r="A109" s="8">
        <v>85</v>
      </c>
      <c r="B109" s="21">
        <v>24</v>
      </c>
      <c r="C109" s="6">
        <v>36</v>
      </c>
      <c r="D109" s="5">
        <v>60</v>
      </c>
    </row>
    <row r="110" spans="1:4" ht="18" customHeight="1" x14ac:dyDescent="0.15">
      <c r="A110" s="8">
        <v>86</v>
      </c>
      <c r="B110" s="21">
        <v>15</v>
      </c>
      <c r="C110" s="6">
        <v>31</v>
      </c>
      <c r="D110" s="5">
        <v>46</v>
      </c>
    </row>
    <row r="111" spans="1:4" ht="18" customHeight="1" x14ac:dyDescent="0.15">
      <c r="A111" s="8">
        <v>87</v>
      </c>
      <c r="B111" s="21">
        <v>13</v>
      </c>
      <c r="C111" s="6">
        <v>34</v>
      </c>
      <c r="D111" s="5">
        <v>47</v>
      </c>
    </row>
    <row r="112" spans="1:4" ht="18" customHeight="1" x14ac:dyDescent="0.15">
      <c r="A112" s="8">
        <v>88</v>
      </c>
      <c r="B112" s="21">
        <v>17</v>
      </c>
      <c r="C112" s="6">
        <v>26</v>
      </c>
      <c r="D112" s="5">
        <v>43</v>
      </c>
    </row>
    <row r="113" spans="1:4" ht="18" customHeight="1" x14ac:dyDescent="0.15">
      <c r="A113" s="8">
        <v>89</v>
      </c>
      <c r="B113" s="21">
        <v>15</v>
      </c>
      <c r="C113" s="6">
        <v>41</v>
      </c>
      <c r="D113" s="5">
        <v>56</v>
      </c>
    </row>
    <row r="114" spans="1:4" ht="18" customHeight="1" x14ac:dyDescent="0.15">
      <c r="A114" s="8" t="s">
        <v>6</v>
      </c>
      <c r="B114" s="21">
        <v>84</v>
      </c>
      <c r="C114" s="6">
        <v>168</v>
      </c>
      <c r="D114" s="5">
        <v>252</v>
      </c>
    </row>
    <row r="115" spans="1:4" ht="18" customHeight="1" x14ac:dyDescent="0.15">
      <c r="A115" s="8">
        <v>90</v>
      </c>
      <c r="B115" s="21">
        <v>15</v>
      </c>
      <c r="C115" s="6">
        <v>28</v>
      </c>
      <c r="D115" s="5">
        <v>43</v>
      </c>
    </row>
    <row r="116" spans="1:4" ht="18" customHeight="1" x14ac:dyDescent="0.15">
      <c r="A116" s="8">
        <v>91</v>
      </c>
      <c r="B116" s="21">
        <v>11</v>
      </c>
      <c r="C116" s="6">
        <v>27</v>
      </c>
      <c r="D116" s="5">
        <v>38</v>
      </c>
    </row>
    <row r="117" spans="1:4" ht="18" customHeight="1" x14ac:dyDescent="0.15">
      <c r="A117" s="8">
        <v>92</v>
      </c>
      <c r="B117" s="21">
        <v>7</v>
      </c>
      <c r="C117" s="6">
        <v>27</v>
      </c>
      <c r="D117" s="5">
        <v>34</v>
      </c>
    </row>
    <row r="118" spans="1:4" ht="18" customHeight="1" x14ac:dyDescent="0.15">
      <c r="A118" s="8">
        <v>93</v>
      </c>
      <c r="B118" s="21">
        <v>4</v>
      </c>
      <c r="C118" s="6">
        <v>17</v>
      </c>
      <c r="D118" s="5">
        <v>21</v>
      </c>
    </row>
    <row r="119" spans="1:4" ht="18" customHeight="1" x14ac:dyDescent="0.15">
      <c r="A119" s="8">
        <v>94</v>
      </c>
      <c r="B119" s="21">
        <v>3</v>
      </c>
      <c r="C119" s="6">
        <v>16</v>
      </c>
      <c r="D119" s="5">
        <v>19</v>
      </c>
    </row>
    <row r="120" spans="1:4" ht="18" customHeight="1" x14ac:dyDescent="0.15">
      <c r="A120" s="8" t="s">
        <v>5</v>
      </c>
      <c r="B120" s="21">
        <v>40</v>
      </c>
      <c r="C120" s="6">
        <v>115</v>
      </c>
      <c r="D120" s="5">
        <v>155</v>
      </c>
    </row>
    <row r="121" spans="1:4" ht="18" customHeight="1" x14ac:dyDescent="0.15">
      <c r="A121" s="8">
        <v>95</v>
      </c>
      <c r="B121" s="21">
        <v>1</v>
      </c>
      <c r="C121" s="6">
        <v>14</v>
      </c>
      <c r="D121" s="5">
        <v>15</v>
      </c>
    </row>
    <row r="122" spans="1:4" ht="18" customHeight="1" x14ac:dyDescent="0.15">
      <c r="A122" s="8">
        <v>96</v>
      </c>
      <c r="B122" s="21">
        <v>2</v>
      </c>
      <c r="C122" s="6">
        <v>13</v>
      </c>
      <c r="D122" s="5">
        <v>15</v>
      </c>
    </row>
    <row r="123" spans="1:4" ht="18" customHeight="1" x14ac:dyDescent="0.15">
      <c r="A123" s="8">
        <v>97</v>
      </c>
      <c r="B123" s="21">
        <v>3</v>
      </c>
      <c r="C123" s="6">
        <v>4</v>
      </c>
      <c r="D123" s="5">
        <v>7</v>
      </c>
    </row>
    <row r="124" spans="1:4" ht="18" customHeight="1" x14ac:dyDescent="0.15">
      <c r="A124" s="8">
        <v>98</v>
      </c>
      <c r="B124" s="21">
        <v>0</v>
      </c>
      <c r="C124" s="6">
        <v>7</v>
      </c>
      <c r="D124" s="5">
        <v>7</v>
      </c>
    </row>
    <row r="125" spans="1:4" ht="18" customHeight="1" x14ac:dyDescent="0.15">
      <c r="A125" s="8">
        <v>99</v>
      </c>
      <c r="B125" s="21">
        <v>1</v>
      </c>
      <c r="C125" s="6">
        <v>5</v>
      </c>
      <c r="D125" s="5">
        <v>6</v>
      </c>
    </row>
    <row r="126" spans="1:4" ht="18" customHeight="1" x14ac:dyDescent="0.15">
      <c r="A126" s="8" t="s">
        <v>4</v>
      </c>
      <c r="B126" s="21">
        <v>7</v>
      </c>
      <c r="C126" s="6">
        <v>43</v>
      </c>
      <c r="D126" s="5">
        <v>50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4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7</v>
      </c>
      <c r="D129" s="5">
        <v>8</v>
      </c>
    </row>
    <row r="130" spans="1:4" ht="18" customHeight="1" x14ac:dyDescent="0.15">
      <c r="A130" s="8" t="s">
        <v>1</v>
      </c>
      <c r="B130" s="21">
        <v>848</v>
      </c>
      <c r="C130" s="6">
        <v>1223</v>
      </c>
      <c r="D130" s="5">
        <v>2071</v>
      </c>
    </row>
    <row r="131" spans="1:4" ht="18" customHeight="1" x14ac:dyDescent="0.15">
      <c r="A131" s="4" t="s">
        <v>0</v>
      </c>
      <c r="B131" s="20">
        <v>2771</v>
      </c>
      <c r="C131" s="2">
        <v>2940</v>
      </c>
      <c r="D131" s="1">
        <v>571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C12176-E6D1-4648-967B-351BC15D1C83}">
  <sheetPr codeName="Sheet8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0</v>
      </c>
      <c r="D10" s="5">
        <v>0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2</v>
      </c>
      <c r="C13" s="6">
        <v>0</v>
      </c>
      <c r="D13" s="5">
        <v>2</v>
      </c>
    </row>
    <row r="14" spans="1:4" ht="18" customHeight="1" x14ac:dyDescent="0.15">
      <c r="A14" s="8">
        <v>8</v>
      </c>
      <c r="B14" s="26">
        <v>0</v>
      </c>
      <c r="C14" s="6">
        <v>0</v>
      </c>
      <c r="D14" s="5">
        <v>0</v>
      </c>
    </row>
    <row r="15" spans="1:4" ht="18" customHeight="1" x14ac:dyDescent="0.15">
      <c r="A15" s="8">
        <v>9</v>
      </c>
      <c r="B15" s="26">
        <v>0</v>
      </c>
      <c r="C15" s="6">
        <v>0</v>
      </c>
      <c r="D15" s="5">
        <v>0</v>
      </c>
    </row>
    <row r="16" spans="1:4" ht="18" customHeight="1" x14ac:dyDescent="0.15">
      <c r="A16" s="8" t="s">
        <v>24</v>
      </c>
      <c r="B16" s="21">
        <v>2</v>
      </c>
      <c r="C16" s="6">
        <v>1</v>
      </c>
      <c r="D16" s="5">
        <v>3</v>
      </c>
    </row>
    <row r="17" spans="1:4" ht="18" customHeight="1" x14ac:dyDescent="0.15">
      <c r="A17" s="8">
        <v>10</v>
      </c>
      <c r="B17" s="21">
        <v>0</v>
      </c>
      <c r="C17" s="6">
        <v>1</v>
      </c>
      <c r="D17" s="5">
        <v>1</v>
      </c>
    </row>
    <row r="18" spans="1:4" ht="18" customHeight="1" x14ac:dyDescent="0.15">
      <c r="A18" s="8">
        <v>11</v>
      </c>
      <c r="B18" s="21">
        <v>0</v>
      </c>
      <c r="C18" s="6">
        <v>1</v>
      </c>
      <c r="D18" s="5">
        <v>1</v>
      </c>
    </row>
    <row r="19" spans="1:4" ht="18" customHeight="1" x14ac:dyDescent="0.15">
      <c r="A19" s="8">
        <v>12</v>
      </c>
      <c r="B19" s="21">
        <v>1</v>
      </c>
      <c r="C19" s="6">
        <v>0</v>
      </c>
      <c r="D19" s="5">
        <v>1</v>
      </c>
    </row>
    <row r="20" spans="1:4" ht="18" customHeight="1" x14ac:dyDescent="0.15">
      <c r="A20" s="8">
        <v>13</v>
      </c>
      <c r="B20" s="21">
        <v>2</v>
      </c>
      <c r="C20" s="6">
        <v>1</v>
      </c>
      <c r="D20" s="5">
        <v>3</v>
      </c>
    </row>
    <row r="21" spans="1:4" ht="18" customHeight="1" x14ac:dyDescent="0.15">
      <c r="A21" s="8">
        <v>14</v>
      </c>
      <c r="B21" s="21">
        <v>2</v>
      </c>
      <c r="C21" s="6">
        <v>1</v>
      </c>
      <c r="D21" s="5">
        <v>3</v>
      </c>
    </row>
    <row r="22" spans="1:4" ht="18" customHeight="1" x14ac:dyDescent="0.15">
      <c r="A22" s="8" t="s">
        <v>23</v>
      </c>
      <c r="B22" s="21">
        <v>5</v>
      </c>
      <c r="C22" s="6">
        <v>4</v>
      </c>
      <c r="D22" s="5">
        <v>9</v>
      </c>
    </row>
    <row r="23" spans="1:4" ht="18" customHeight="1" x14ac:dyDescent="0.15">
      <c r="A23" s="8" t="s">
        <v>22</v>
      </c>
      <c r="B23" s="21">
        <v>7</v>
      </c>
      <c r="C23" s="6">
        <v>5</v>
      </c>
      <c r="D23" s="5">
        <v>12</v>
      </c>
    </row>
    <row r="24" spans="1:4" ht="18" customHeight="1" x14ac:dyDescent="0.15">
      <c r="A24" s="8">
        <v>15</v>
      </c>
      <c r="B24" s="21">
        <v>1</v>
      </c>
      <c r="C24" s="6">
        <v>0</v>
      </c>
      <c r="D24" s="5">
        <v>1</v>
      </c>
    </row>
    <row r="25" spans="1:4" ht="18" customHeight="1" x14ac:dyDescent="0.15">
      <c r="A25" s="8">
        <v>16</v>
      </c>
      <c r="B25" s="21">
        <v>1</v>
      </c>
      <c r="C25" s="6">
        <v>2</v>
      </c>
      <c r="D25" s="5">
        <v>3</v>
      </c>
    </row>
    <row r="26" spans="1:4" ht="18" customHeight="1" x14ac:dyDescent="0.15">
      <c r="A26" s="8">
        <v>17</v>
      </c>
      <c r="B26" s="21">
        <v>1</v>
      </c>
      <c r="C26" s="6">
        <v>2</v>
      </c>
      <c r="D26" s="5">
        <v>3</v>
      </c>
    </row>
    <row r="27" spans="1:4" ht="18" customHeight="1" x14ac:dyDescent="0.15">
      <c r="A27" s="8">
        <v>18</v>
      </c>
      <c r="B27" s="21">
        <v>3</v>
      </c>
      <c r="C27" s="6">
        <v>1</v>
      </c>
      <c r="D27" s="5">
        <v>4</v>
      </c>
    </row>
    <row r="28" spans="1:4" ht="18" customHeight="1" x14ac:dyDescent="0.15">
      <c r="A28" s="8">
        <v>19</v>
      </c>
      <c r="B28" s="21">
        <v>1</v>
      </c>
      <c r="C28" s="6">
        <v>3</v>
      </c>
      <c r="D28" s="5">
        <v>4</v>
      </c>
    </row>
    <row r="29" spans="1:4" ht="18" customHeight="1" x14ac:dyDescent="0.15">
      <c r="A29" s="8" t="s">
        <v>21</v>
      </c>
      <c r="B29" s="21">
        <v>7</v>
      </c>
      <c r="C29" s="6">
        <v>8</v>
      </c>
      <c r="D29" s="5">
        <v>15</v>
      </c>
    </row>
    <row r="30" spans="1:4" ht="18" customHeight="1" x14ac:dyDescent="0.15">
      <c r="A30" s="8">
        <v>20</v>
      </c>
      <c r="B30" s="21">
        <v>1</v>
      </c>
      <c r="C30" s="6">
        <v>2</v>
      </c>
      <c r="D30" s="5">
        <v>3</v>
      </c>
    </row>
    <row r="31" spans="1:4" ht="18" customHeight="1" x14ac:dyDescent="0.15">
      <c r="A31" s="8">
        <v>21</v>
      </c>
      <c r="B31" s="21">
        <v>3</v>
      </c>
      <c r="C31" s="6">
        <v>1</v>
      </c>
      <c r="D31" s="5">
        <v>4</v>
      </c>
    </row>
    <row r="32" spans="1:4" ht="18" customHeight="1" x14ac:dyDescent="0.15">
      <c r="A32" s="8">
        <v>22</v>
      </c>
      <c r="B32" s="21">
        <v>2</v>
      </c>
      <c r="C32" s="6">
        <v>0</v>
      </c>
      <c r="D32" s="5">
        <v>2</v>
      </c>
    </row>
    <row r="33" spans="1:4" ht="18" customHeight="1" x14ac:dyDescent="0.15">
      <c r="A33" s="8">
        <v>23</v>
      </c>
      <c r="B33" s="21">
        <v>1</v>
      </c>
      <c r="C33" s="6">
        <v>1</v>
      </c>
      <c r="D33" s="5">
        <v>2</v>
      </c>
    </row>
    <row r="34" spans="1:4" ht="18" customHeight="1" x14ac:dyDescent="0.15">
      <c r="A34" s="8">
        <v>24</v>
      </c>
      <c r="B34" s="21">
        <v>2</v>
      </c>
      <c r="C34" s="6">
        <v>1</v>
      </c>
      <c r="D34" s="5">
        <v>3</v>
      </c>
    </row>
    <row r="35" spans="1:4" ht="18" customHeight="1" x14ac:dyDescent="0.15">
      <c r="A35" s="8" t="s">
        <v>20</v>
      </c>
      <c r="B35" s="21">
        <v>9</v>
      </c>
      <c r="C35" s="6">
        <v>5</v>
      </c>
      <c r="D35" s="5">
        <v>14</v>
      </c>
    </row>
    <row r="36" spans="1:4" ht="18" customHeight="1" x14ac:dyDescent="0.15">
      <c r="A36" s="8">
        <v>25</v>
      </c>
      <c r="B36" s="21">
        <v>1</v>
      </c>
      <c r="C36" s="6">
        <v>2</v>
      </c>
      <c r="D36" s="5">
        <v>3</v>
      </c>
    </row>
    <row r="37" spans="1:4" ht="18" customHeight="1" x14ac:dyDescent="0.15">
      <c r="A37" s="8">
        <v>26</v>
      </c>
      <c r="B37" s="21">
        <v>3</v>
      </c>
      <c r="C37" s="6">
        <v>1</v>
      </c>
      <c r="D37" s="5">
        <v>4</v>
      </c>
    </row>
    <row r="38" spans="1:4" ht="18" customHeight="1" x14ac:dyDescent="0.15">
      <c r="A38" s="8">
        <v>27</v>
      </c>
      <c r="B38" s="21">
        <v>4</v>
      </c>
      <c r="C38" s="6">
        <v>1</v>
      </c>
      <c r="D38" s="5">
        <v>5</v>
      </c>
    </row>
    <row r="39" spans="1:4" ht="18" customHeight="1" x14ac:dyDescent="0.15">
      <c r="A39" s="8">
        <v>28</v>
      </c>
      <c r="B39" s="21">
        <v>0</v>
      </c>
      <c r="C39" s="6">
        <v>1</v>
      </c>
      <c r="D39" s="5">
        <v>1</v>
      </c>
    </row>
    <row r="40" spans="1:4" ht="18" customHeight="1" x14ac:dyDescent="0.15">
      <c r="A40" s="8">
        <v>29</v>
      </c>
      <c r="B40" s="21">
        <v>0</v>
      </c>
      <c r="C40" s="6">
        <v>1</v>
      </c>
      <c r="D40" s="5">
        <v>1</v>
      </c>
    </row>
    <row r="41" spans="1:4" ht="18" customHeight="1" x14ac:dyDescent="0.15">
      <c r="A41" s="8" t="s">
        <v>19</v>
      </c>
      <c r="B41" s="21">
        <v>8</v>
      </c>
      <c r="C41" s="6">
        <v>6</v>
      </c>
      <c r="D41" s="5">
        <v>14</v>
      </c>
    </row>
    <row r="42" spans="1:4" ht="18" customHeight="1" x14ac:dyDescent="0.15">
      <c r="A42" s="8">
        <v>30</v>
      </c>
      <c r="B42" s="21">
        <v>0</v>
      </c>
      <c r="C42" s="6">
        <v>1</v>
      </c>
      <c r="D42" s="5">
        <v>1</v>
      </c>
    </row>
    <row r="43" spans="1:4" ht="18" customHeight="1" x14ac:dyDescent="0.15">
      <c r="A43" s="8">
        <v>31</v>
      </c>
      <c r="B43" s="21">
        <v>3</v>
      </c>
      <c r="C43" s="6">
        <v>2</v>
      </c>
      <c r="D43" s="5">
        <v>5</v>
      </c>
    </row>
    <row r="44" spans="1:4" ht="18" customHeight="1" x14ac:dyDescent="0.15">
      <c r="A44" s="8">
        <v>32</v>
      </c>
      <c r="B44" s="21">
        <v>1</v>
      </c>
      <c r="C44" s="6">
        <v>1</v>
      </c>
      <c r="D44" s="5">
        <v>2</v>
      </c>
    </row>
    <row r="45" spans="1:4" ht="18" customHeight="1" x14ac:dyDescent="0.15">
      <c r="A45" s="8">
        <v>33</v>
      </c>
      <c r="B45" s="21">
        <v>0</v>
      </c>
      <c r="C45" s="6">
        <v>1</v>
      </c>
      <c r="D45" s="5">
        <v>1</v>
      </c>
    </row>
    <row r="46" spans="1:4" ht="18" customHeight="1" x14ac:dyDescent="0.15">
      <c r="A46" s="8">
        <v>34</v>
      </c>
      <c r="B46" s="21">
        <v>2</v>
      </c>
      <c r="C46" s="6">
        <v>0</v>
      </c>
      <c r="D46" s="5">
        <v>2</v>
      </c>
    </row>
    <row r="47" spans="1:4" ht="18" customHeight="1" x14ac:dyDescent="0.15">
      <c r="A47" s="8" t="s">
        <v>18</v>
      </c>
      <c r="B47" s="21">
        <v>6</v>
      </c>
      <c r="C47" s="6">
        <v>5</v>
      </c>
      <c r="D47" s="5">
        <v>11</v>
      </c>
    </row>
    <row r="48" spans="1:4" ht="18" customHeight="1" x14ac:dyDescent="0.15">
      <c r="A48" s="8">
        <v>35</v>
      </c>
      <c r="B48" s="21">
        <v>1</v>
      </c>
      <c r="C48" s="6">
        <v>0</v>
      </c>
      <c r="D48" s="5">
        <v>1</v>
      </c>
    </row>
    <row r="49" spans="1:4" ht="18" customHeight="1" x14ac:dyDescent="0.15">
      <c r="A49" s="8">
        <v>36</v>
      </c>
      <c r="B49" s="21">
        <v>2</v>
      </c>
      <c r="C49" s="6">
        <v>1</v>
      </c>
      <c r="D49" s="5">
        <v>3</v>
      </c>
    </row>
    <row r="50" spans="1:4" ht="18" customHeight="1" x14ac:dyDescent="0.15">
      <c r="A50" s="8">
        <v>37</v>
      </c>
      <c r="B50" s="21">
        <v>2</v>
      </c>
      <c r="C50" s="6">
        <v>2</v>
      </c>
      <c r="D50" s="5">
        <v>4</v>
      </c>
    </row>
    <row r="51" spans="1:4" ht="18" customHeight="1" x14ac:dyDescent="0.15">
      <c r="A51" s="8">
        <v>38</v>
      </c>
      <c r="B51" s="21">
        <v>0</v>
      </c>
      <c r="C51" s="6">
        <v>2</v>
      </c>
      <c r="D51" s="5">
        <v>2</v>
      </c>
    </row>
    <row r="52" spans="1:4" ht="18" customHeight="1" x14ac:dyDescent="0.15">
      <c r="A52" s="8">
        <v>39</v>
      </c>
      <c r="B52" s="21">
        <v>4</v>
      </c>
      <c r="C52" s="6">
        <v>0</v>
      </c>
      <c r="D52" s="5">
        <v>4</v>
      </c>
    </row>
    <row r="53" spans="1:4" ht="18" customHeight="1" x14ac:dyDescent="0.15">
      <c r="A53" s="8" t="s">
        <v>17</v>
      </c>
      <c r="B53" s="21">
        <v>9</v>
      </c>
      <c r="C53" s="6">
        <v>5</v>
      </c>
      <c r="D53" s="5">
        <v>14</v>
      </c>
    </row>
    <row r="54" spans="1:4" ht="18" customHeight="1" x14ac:dyDescent="0.15">
      <c r="A54" s="8">
        <v>40</v>
      </c>
      <c r="B54" s="21">
        <v>2</v>
      </c>
      <c r="C54" s="6">
        <v>2</v>
      </c>
      <c r="D54" s="5">
        <v>4</v>
      </c>
    </row>
    <row r="55" spans="1:4" ht="18" customHeight="1" x14ac:dyDescent="0.15">
      <c r="A55" s="8">
        <v>41</v>
      </c>
      <c r="B55" s="21">
        <v>4</v>
      </c>
      <c r="C55" s="6">
        <v>0</v>
      </c>
      <c r="D55" s="5">
        <v>4</v>
      </c>
    </row>
    <row r="56" spans="1:4" ht="18" customHeight="1" x14ac:dyDescent="0.15">
      <c r="A56" s="8">
        <v>42</v>
      </c>
      <c r="B56" s="21">
        <v>1</v>
      </c>
      <c r="C56" s="6">
        <v>0</v>
      </c>
      <c r="D56" s="5">
        <v>1</v>
      </c>
    </row>
    <row r="57" spans="1:4" ht="18" customHeight="1" x14ac:dyDescent="0.15">
      <c r="A57" s="8">
        <v>43</v>
      </c>
      <c r="B57" s="21">
        <v>2</v>
      </c>
      <c r="C57" s="6">
        <v>2</v>
      </c>
      <c r="D57" s="5">
        <v>4</v>
      </c>
    </row>
    <row r="58" spans="1:4" ht="18" customHeight="1" x14ac:dyDescent="0.15">
      <c r="A58" s="8">
        <v>44</v>
      </c>
      <c r="B58" s="21">
        <v>4</v>
      </c>
      <c r="C58" s="6">
        <v>0</v>
      </c>
      <c r="D58" s="5">
        <v>4</v>
      </c>
    </row>
    <row r="59" spans="1:4" ht="18" customHeight="1" x14ac:dyDescent="0.15">
      <c r="A59" s="8" t="s">
        <v>16</v>
      </c>
      <c r="B59" s="21">
        <v>13</v>
      </c>
      <c r="C59" s="6">
        <v>4</v>
      </c>
      <c r="D59" s="5">
        <v>17</v>
      </c>
    </row>
    <row r="60" spans="1:4" ht="18" customHeight="1" x14ac:dyDescent="0.15">
      <c r="A60" s="8">
        <v>45</v>
      </c>
      <c r="B60" s="21">
        <v>5</v>
      </c>
      <c r="C60" s="6">
        <v>3</v>
      </c>
      <c r="D60" s="5">
        <v>8</v>
      </c>
    </row>
    <row r="61" spans="1:4" ht="18" customHeight="1" x14ac:dyDescent="0.15">
      <c r="A61" s="8">
        <v>46</v>
      </c>
      <c r="B61" s="21">
        <v>2</v>
      </c>
      <c r="C61" s="6">
        <v>2</v>
      </c>
      <c r="D61" s="5">
        <v>4</v>
      </c>
    </row>
    <row r="62" spans="1:4" ht="18" customHeight="1" x14ac:dyDescent="0.15">
      <c r="A62" s="8">
        <v>47</v>
      </c>
      <c r="B62" s="21">
        <v>2</v>
      </c>
      <c r="C62" s="6">
        <v>4</v>
      </c>
      <c r="D62" s="5">
        <v>6</v>
      </c>
    </row>
    <row r="63" spans="1:4" ht="18" customHeight="1" x14ac:dyDescent="0.15">
      <c r="A63" s="8">
        <v>48</v>
      </c>
      <c r="B63" s="21">
        <v>4</v>
      </c>
      <c r="C63" s="6">
        <v>4</v>
      </c>
      <c r="D63" s="5">
        <v>8</v>
      </c>
    </row>
    <row r="64" spans="1:4" ht="18" customHeight="1" x14ac:dyDescent="0.15">
      <c r="A64" s="8">
        <v>49</v>
      </c>
      <c r="B64" s="21">
        <v>6</v>
      </c>
      <c r="C64" s="6">
        <v>4</v>
      </c>
      <c r="D64" s="5">
        <v>10</v>
      </c>
    </row>
    <row r="65" spans="1:4" ht="18" customHeight="1" x14ac:dyDescent="0.15">
      <c r="A65" s="8" t="s">
        <v>15</v>
      </c>
      <c r="B65" s="21">
        <v>19</v>
      </c>
      <c r="C65" s="6">
        <v>17</v>
      </c>
      <c r="D65" s="5">
        <v>36</v>
      </c>
    </row>
    <row r="66" spans="1:4" ht="18" customHeight="1" x14ac:dyDescent="0.15">
      <c r="A66" s="8">
        <v>50</v>
      </c>
      <c r="B66" s="21">
        <v>5</v>
      </c>
      <c r="C66" s="6">
        <v>1</v>
      </c>
      <c r="D66" s="5">
        <v>6</v>
      </c>
    </row>
    <row r="67" spans="1:4" ht="18" customHeight="1" x14ac:dyDescent="0.15">
      <c r="A67" s="8">
        <v>51</v>
      </c>
      <c r="B67" s="21">
        <v>5</v>
      </c>
      <c r="C67" s="6">
        <v>7</v>
      </c>
      <c r="D67" s="5">
        <v>12</v>
      </c>
    </row>
    <row r="68" spans="1:4" ht="18" customHeight="1" x14ac:dyDescent="0.15">
      <c r="A68" s="8">
        <v>52</v>
      </c>
      <c r="B68" s="21">
        <v>5</v>
      </c>
      <c r="C68" s="6">
        <v>3</v>
      </c>
      <c r="D68" s="5">
        <v>8</v>
      </c>
    </row>
    <row r="69" spans="1:4" ht="18" customHeight="1" x14ac:dyDescent="0.15">
      <c r="A69" s="8">
        <v>53</v>
      </c>
      <c r="B69" s="21">
        <v>6</v>
      </c>
      <c r="C69" s="6">
        <v>2</v>
      </c>
      <c r="D69" s="5">
        <v>8</v>
      </c>
    </row>
    <row r="70" spans="1:4" ht="18" customHeight="1" x14ac:dyDescent="0.15">
      <c r="A70" s="8">
        <v>54</v>
      </c>
      <c r="B70" s="21">
        <v>3</v>
      </c>
      <c r="C70" s="6">
        <v>2</v>
      </c>
      <c r="D70" s="5">
        <v>5</v>
      </c>
    </row>
    <row r="71" spans="1:4" ht="18" customHeight="1" x14ac:dyDescent="0.15">
      <c r="A71" s="8" t="s">
        <v>14</v>
      </c>
      <c r="B71" s="21">
        <v>24</v>
      </c>
      <c r="C71" s="6">
        <v>15</v>
      </c>
      <c r="D71" s="5">
        <v>39</v>
      </c>
    </row>
    <row r="72" spans="1:4" ht="18" customHeight="1" x14ac:dyDescent="0.15">
      <c r="A72" s="8">
        <v>55</v>
      </c>
      <c r="B72" s="21">
        <v>3</v>
      </c>
      <c r="C72" s="6">
        <v>1</v>
      </c>
      <c r="D72" s="5">
        <v>4</v>
      </c>
    </row>
    <row r="73" spans="1:4" ht="18" customHeight="1" x14ac:dyDescent="0.15">
      <c r="A73" s="8">
        <v>56</v>
      </c>
      <c r="B73" s="21">
        <v>5</v>
      </c>
      <c r="C73" s="6">
        <v>3</v>
      </c>
      <c r="D73" s="5">
        <v>8</v>
      </c>
    </row>
    <row r="74" spans="1:4" ht="18" customHeight="1" x14ac:dyDescent="0.15">
      <c r="A74" s="8">
        <v>57</v>
      </c>
      <c r="B74" s="21">
        <v>4</v>
      </c>
      <c r="C74" s="6">
        <v>4</v>
      </c>
      <c r="D74" s="5">
        <v>8</v>
      </c>
    </row>
    <row r="75" spans="1:4" ht="18" customHeight="1" x14ac:dyDescent="0.15">
      <c r="A75" s="8">
        <v>58</v>
      </c>
      <c r="B75" s="21">
        <v>1</v>
      </c>
      <c r="C75" s="6">
        <v>3</v>
      </c>
      <c r="D75" s="5">
        <v>4</v>
      </c>
    </row>
    <row r="76" spans="1:4" ht="18" customHeight="1" x14ac:dyDescent="0.15">
      <c r="A76" s="8">
        <v>59</v>
      </c>
      <c r="B76" s="21">
        <v>0</v>
      </c>
      <c r="C76" s="6">
        <v>2</v>
      </c>
      <c r="D76" s="5">
        <v>2</v>
      </c>
    </row>
    <row r="77" spans="1:4" ht="18" customHeight="1" x14ac:dyDescent="0.15">
      <c r="A77" s="8" t="s">
        <v>13</v>
      </c>
      <c r="B77" s="21">
        <v>13</v>
      </c>
      <c r="C77" s="6">
        <v>13</v>
      </c>
      <c r="D77" s="5">
        <v>26</v>
      </c>
    </row>
    <row r="78" spans="1:4" ht="18" customHeight="1" x14ac:dyDescent="0.15">
      <c r="A78" s="8">
        <v>60</v>
      </c>
      <c r="B78" s="21">
        <v>5</v>
      </c>
      <c r="C78" s="6">
        <v>4</v>
      </c>
      <c r="D78" s="5">
        <v>9</v>
      </c>
    </row>
    <row r="79" spans="1:4" ht="18" customHeight="1" x14ac:dyDescent="0.15">
      <c r="A79" s="8">
        <v>61</v>
      </c>
      <c r="B79" s="21">
        <v>4</v>
      </c>
      <c r="C79" s="6">
        <v>6</v>
      </c>
      <c r="D79" s="5">
        <v>10</v>
      </c>
    </row>
    <row r="80" spans="1:4" ht="18" customHeight="1" x14ac:dyDescent="0.15">
      <c r="A80" s="8">
        <v>62</v>
      </c>
      <c r="B80" s="21">
        <v>3</v>
      </c>
      <c r="C80" s="6">
        <v>3</v>
      </c>
      <c r="D80" s="5">
        <v>6</v>
      </c>
    </row>
    <row r="81" spans="1:4" ht="18" customHeight="1" x14ac:dyDescent="0.15">
      <c r="A81" s="8">
        <v>63</v>
      </c>
      <c r="B81" s="21">
        <v>4</v>
      </c>
      <c r="C81" s="6">
        <v>4</v>
      </c>
      <c r="D81" s="5">
        <v>8</v>
      </c>
    </row>
    <row r="82" spans="1:4" ht="18" customHeight="1" x14ac:dyDescent="0.15">
      <c r="A82" s="8">
        <v>64</v>
      </c>
      <c r="B82" s="21">
        <v>4</v>
      </c>
      <c r="C82" s="6">
        <v>6</v>
      </c>
      <c r="D82" s="5">
        <v>10</v>
      </c>
    </row>
    <row r="83" spans="1:4" ht="18" customHeight="1" x14ac:dyDescent="0.15">
      <c r="A83" s="8" t="s">
        <v>12</v>
      </c>
      <c r="B83" s="21">
        <v>20</v>
      </c>
      <c r="C83" s="6">
        <v>23</v>
      </c>
      <c r="D83" s="5">
        <v>43</v>
      </c>
    </row>
    <row r="84" spans="1:4" ht="18" customHeight="1" x14ac:dyDescent="0.15">
      <c r="A84" s="8" t="s">
        <v>11</v>
      </c>
      <c r="B84" s="21">
        <v>128</v>
      </c>
      <c r="C84" s="6">
        <v>101</v>
      </c>
      <c r="D84" s="5">
        <v>229</v>
      </c>
    </row>
    <row r="85" spans="1:4" ht="18" customHeight="1" x14ac:dyDescent="0.15">
      <c r="A85" s="8">
        <v>65</v>
      </c>
      <c r="B85" s="21">
        <v>5</v>
      </c>
      <c r="C85" s="6">
        <v>3</v>
      </c>
      <c r="D85" s="5">
        <v>8</v>
      </c>
    </row>
    <row r="86" spans="1:4" ht="18" customHeight="1" x14ac:dyDescent="0.15">
      <c r="A86" s="8">
        <v>66</v>
      </c>
      <c r="B86" s="21">
        <v>3</v>
      </c>
      <c r="C86" s="6">
        <v>4</v>
      </c>
      <c r="D86" s="5">
        <v>7</v>
      </c>
    </row>
    <row r="87" spans="1:4" ht="18" customHeight="1" x14ac:dyDescent="0.15">
      <c r="A87" s="8">
        <v>67</v>
      </c>
      <c r="B87" s="21">
        <v>10</v>
      </c>
      <c r="C87" s="6">
        <v>6</v>
      </c>
      <c r="D87" s="5">
        <v>16</v>
      </c>
    </row>
    <row r="88" spans="1:4" ht="18" customHeight="1" x14ac:dyDescent="0.15">
      <c r="A88" s="8">
        <v>68</v>
      </c>
      <c r="B88" s="21">
        <v>6</v>
      </c>
      <c r="C88" s="6">
        <v>5</v>
      </c>
      <c r="D88" s="5">
        <v>11</v>
      </c>
    </row>
    <row r="89" spans="1:4" ht="18" customHeight="1" x14ac:dyDescent="0.15">
      <c r="A89" s="8">
        <v>69</v>
      </c>
      <c r="B89" s="21">
        <v>6</v>
      </c>
      <c r="C89" s="6">
        <v>6</v>
      </c>
      <c r="D89" s="5">
        <v>12</v>
      </c>
    </row>
    <row r="90" spans="1:4" ht="18" customHeight="1" x14ac:dyDescent="0.15">
      <c r="A90" s="8" t="s">
        <v>10</v>
      </c>
      <c r="B90" s="21">
        <v>30</v>
      </c>
      <c r="C90" s="6">
        <v>24</v>
      </c>
      <c r="D90" s="5">
        <v>54</v>
      </c>
    </row>
    <row r="91" spans="1:4" ht="18" customHeight="1" x14ac:dyDescent="0.15">
      <c r="A91" s="8">
        <v>70</v>
      </c>
      <c r="B91" s="21">
        <v>6</v>
      </c>
      <c r="C91" s="6">
        <v>13</v>
      </c>
      <c r="D91" s="5">
        <v>19</v>
      </c>
    </row>
    <row r="92" spans="1:4" ht="18" customHeight="1" x14ac:dyDescent="0.15">
      <c r="A92" s="8">
        <v>71</v>
      </c>
      <c r="B92" s="21">
        <v>8</v>
      </c>
      <c r="C92" s="6">
        <v>8</v>
      </c>
      <c r="D92" s="5">
        <v>16</v>
      </c>
    </row>
    <row r="93" spans="1:4" ht="18" customHeight="1" x14ac:dyDescent="0.15">
      <c r="A93" s="8">
        <v>72</v>
      </c>
      <c r="B93" s="21">
        <v>10</v>
      </c>
      <c r="C93" s="6">
        <v>8</v>
      </c>
      <c r="D93" s="5">
        <v>18</v>
      </c>
    </row>
    <row r="94" spans="1:4" ht="18" customHeight="1" x14ac:dyDescent="0.15">
      <c r="A94" s="8">
        <v>73</v>
      </c>
      <c r="B94" s="21">
        <v>9</v>
      </c>
      <c r="C94" s="6">
        <v>6</v>
      </c>
      <c r="D94" s="5">
        <v>15</v>
      </c>
    </row>
    <row r="95" spans="1:4" ht="18" customHeight="1" x14ac:dyDescent="0.15">
      <c r="A95" s="8">
        <v>74</v>
      </c>
      <c r="B95" s="21">
        <v>11</v>
      </c>
      <c r="C95" s="6">
        <v>5</v>
      </c>
      <c r="D95" s="5">
        <v>16</v>
      </c>
    </row>
    <row r="96" spans="1:4" ht="18" customHeight="1" x14ac:dyDescent="0.15">
      <c r="A96" s="8" t="s">
        <v>9</v>
      </c>
      <c r="B96" s="21">
        <v>44</v>
      </c>
      <c r="C96" s="6">
        <v>40</v>
      </c>
      <c r="D96" s="5">
        <v>84</v>
      </c>
    </row>
    <row r="97" spans="1:4" ht="18" customHeight="1" x14ac:dyDescent="0.15">
      <c r="A97" s="8">
        <v>75</v>
      </c>
      <c r="B97" s="21">
        <v>11</v>
      </c>
      <c r="C97" s="6">
        <v>4</v>
      </c>
      <c r="D97" s="5">
        <v>15</v>
      </c>
    </row>
    <row r="98" spans="1:4" ht="18" customHeight="1" x14ac:dyDescent="0.15">
      <c r="A98" s="8">
        <v>76</v>
      </c>
      <c r="B98" s="21">
        <v>7</v>
      </c>
      <c r="C98" s="6">
        <v>12</v>
      </c>
      <c r="D98" s="5">
        <v>19</v>
      </c>
    </row>
    <row r="99" spans="1:4" ht="18" customHeight="1" x14ac:dyDescent="0.15">
      <c r="A99" s="8">
        <v>77</v>
      </c>
      <c r="B99" s="21">
        <v>7</v>
      </c>
      <c r="C99" s="6">
        <v>9</v>
      </c>
      <c r="D99" s="5">
        <v>16</v>
      </c>
    </row>
    <row r="100" spans="1:4" ht="18" customHeight="1" x14ac:dyDescent="0.15">
      <c r="A100" s="8">
        <v>78</v>
      </c>
      <c r="B100" s="21">
        <v>8</v>
      </c>
      <c r="C100" s="6">
        <v>5</v>
      </c>
      <c r="D100" s="5">
        <v>13</v>
      </c>
    </row>
    <row r="101" spans="1:4" ht="18" customHeight="1" x14ac:dyDescent="0.15">
      <c r="A101" s="8">
        <v>79</v>
      </c>
      <c r="B101" s="21">
        <v>2</v>
      </c>
      <c r="C101" s="6">
        <v>6</v>
      </c>
      <c r="D101" s="5">
        <v>8</v>
      </c>
    </row>
    <row r="102" spans="1:4" ht="18" customHeight="1" x14ac:dyDescent="0.15">
      <c r="A102" s="8" t="s">
        <v>8</v>
      </c>
      <c r="B102" s="21">
        <v>35</v>
      </c>
      <c r="C102" s="6">
        <v>36</v>
      </c>
      <c r="D102" s="5">
        <v>71</v>
      </c>
    </row>
    <row r="103" spans="1:4" ht="18" customHeight="1" x14ac:dyDescent="0.15">
      <c r="A103" s="8">
        <v>80</v>
      </c>
      <c r="B103" s="21">
        <v>4</v>
      </c>
      <c r="C103" s="6">
        <v>4</v>
      </c>
      <c r="D103" s="5">
        <v>8</v>
      </c>
    </row>
    <row r="104" spans="1:4" ht="18" customHeight="1" x14ac:dyDescent="0.15">
      <c r="A104" s="8">
        <v>81</v>
      </c>
      <c r="B104" s="21">
        <v>2</v>
      </c>
      <c r="C104" s="6">
        <v>5</v>
      </c>
      <c r="D104" s="5">
        <v>7</v>
      </c>
    </row>
    <row r="105" spans="1:4" ht="18" customHeight="1" x14ac:dyDescent="0.15">
      <c r="A105" s="8">
        <v>82</v>
      </c>
      <c r="B105" s="21">
        <v>7</v>
      </c>
      <c r="C105" s="6">
        <v>4</v>
      </c>
      <c r="D105" s="5">
        <v>11</v>
      </c>
    </row>
    <row r="106" spans="1:4" ht="18" customHeight="1" x14ac:dyDescent="0.15">
      <c r="A106" s="8">
        <v>83</v>
      </c>
      <c r="B106" s="21">
        <v>3</v>
      </c>
      <c r="C106" s="6">
        <v>4</v>
      </c>
      <c r="D106" s="5">
        <v>7</v>
      </c>
    </row>
    <row r="107" spans="1:4" ht="18" customHeight="1" x14ac:dyDescent="0.15">
      <c r="A107" s="8">
        <v>84</v>
      </c>
      <c r="B107" s="21">
        <v>5</v>
      </c>
      <c r="C107" s="6">
        <v>6</v>
      </c>
      <c r="D107" s="5">
        <v>11</v>
      </c>
    </row>
    <row r="108" spans="1:4" ht="18" customHeight="1" x14ac:dyDescent="0.15">
      <c r="A108" s="8" t="s">
        <v>7</v>
      </c>
      <c r="B108" s="21">
        <v>21</v>
      </c>
      <c r="C108" s="6">
        <v>23</v>
      </c>
      <c r="D108" s="5">
        <v>44</v>
      </c>
    </row>
    <row r="109" spans="1:4" ht="18" customHeight="1" x14ac:dyDescent="0.15">
      <c r="A109" s="8">
        <v>85</v>
      </c>
      <c r="B109" s="21">
        <v>1</v>
      </c>
      <c r="C109" s="6">
        <v>4</v>
      </c>
      <c r="D109" s="5">
        <v>5</v>
      </c>
    </row>
    <row r="110" spans="1:4" ht="18" customHeight="1" x14ac:dyDescent="0.15">
      <c r="A110" s="8">
        <v>86</v>
      </c>
      <c r="B110" s="21">
        <v>4</v>
      </c>
      <c r="C110" s="6">
        <v>3</v>
      </c>
      <c r="D110" s="5">
        <v>7</v>
      </c>
    </row>
    <row r="111" spans="1:4" ht="18" customHeight="1" x14ac:dyDescent="0.15">
      <c r="A111" s="8">
        <v>87</v>
      </c>
      <c r="B111" s="21">
        <v>3</v>
      </c>
      <c r="C111" s="6">
        <v>5</v>
      </c>
      <c r="D111" s="5">
        <v>8</v>
      </c>
    </row>
    <row r="112" spans="1:4" ht="18" customHeight="1" x14ac:dyDescent="0.15">
      <c r="A112" s="8">
        <v>88</v>
      </c>
      <c r="B112" s="21">
        <v>1</v>
      </c>
      <c r="C112" s="6">
        <v>3</v>
      </c>
      <c r="D112" s="5">
        <v>4</v>
      </c>
    </row>
    <row r="113" spans="1:4" ht="18" customHeight="1" x14ac:dyDescent="0.15">
      <c r="A113" s="8">
        <v>89</v>
      </c>
      <c r="B113" s="21">
        <v>1</v>
      </c>
      <c r="C113" s="6">
        <v>4</v>
      </c>
      <c r="D113" s="5">
        <v>5</v>
      </c>
    </row>
    <row r="114" spans="1:4" ht="18" customHeight="1" x14ac:dyDescent="0.15">
      <c r="A114" s="8" t="s">
        <v>6</v>
      </c>
      <c r="B114" s="21">
        <v>10</v>
      </c>
      <c r="C114" s="6">
        <v>19</v>
      </c>
      <c r="D114" s="5">
        <v>29</v>
      </c>
    </row>
    <row r="115" spans="1:4" ht="18" customHeight="1" x14ac:dyDescent="0.15">
      <c r="A115" s="8">
        <v>90</v>
      </c>
      <c r="B115" s="21">
        <v>1</v>
      </c>
      <c r="C115" s="6">
        <v>5</v>
      </c>
      <c r="D115" s="5">
        <v>6</v>
      </c>
    </row>
    <row r="116" spans="1:4" ht="18" customHeight="1" x14ac:dyDescent="0.15">
      <c r="A116" s="8">
        <v>91</v>
      </c>
      <c r="B116" s="21">
        <v>0</v>
      </c>
      <c r="C116" s="6">
        <v>2</v>
      </c>
      <c r="D116" s="5">
        <v>2</v>
      </c>
    </row>
    <row r="117" spans="1:4" ht="18" customHeight="1" x14ac:dyDescent="0.15">
      <c r="A117" s="8">
        <v>92</v>
      </c>
      <c r="B117" s="21">
        <v>1</v>
      </c>
      <c r="C117" s="6">
        <v>1</v>
      </c>
      <c r="D117" s="5">
        <v>2</v>
      </c>
    </row>
    <row r="118" spans="1:4" ht="18" customHeight="1" x14ac:dyDescent="0.15">
      <c r="A118" s="8">
        <v>93</v>
      </c>
      <c r="B118" s="21">
        <v>0</v>
      </c>
      <c r="C118" s="6">
        <v>4</v>
      </c>
      <c r="D118" s="5">
        <v>4</v>
      </c>
    </row>
    <row r="119" spans="1:4" ht="18" customHeight="1" x14ac:dyDescent="0.15">
      <c r="A119" s="8">
        <v>94</v>
      </c>
      <c r="B119" s="21">
        <v>0</v>
      </c>
      <c r="C119" s="6">
        <v>3</v>
      </c>
      <c r="D119" s="5">
        <v>3</v>
      </c>
    </row>
    <row r="120" spans="1:4" ht="18" customHeight="1" x14ac:dyDescent="0.15">
      <c r="A120" s="8" t="s">
        <v>5</v>
      </c>
      <c r="B120" s="21">
        <v>2</v>
      </c>
      <c r="C120" s="6">
        <v>15</v>
      </c>
      <c r="D120" s="5">
        <v>17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1</v>
      </c>
      <c r="C123" s="6">
        <v>4</v>
      </c>
      <c r="D123" s="5">
        <v>5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9</v>
      </c>
      <c r="D126" s="5">
        <v>10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143</v>
      </c>
      <c r="C130" s="6">
        <v>169</v>
      </c>
      <c r="D130" s="5">
        <v>312</v>
      </c>
    </row>
    <row r="131" spans="1:4" ht="18" customHeight="1" x14ac:dyDescent="0.15">
      <c r="A131" s="4" t="s">
        <v>0</v>
      </c>
      <c r="B131" s="20">
        <v>278</v>
      </c>
      <c r="C131" s="2">
        <v>275</v>
      </c>
      <c r="D131" s="1">
        <v>55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BB5DC06-D7ED-4D5F-A44C-3308832D4E3E}">
  <sheetPr codeName="Sheet8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0</v>
      </c>
      <c r="D10" s="5">
        <v>0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0</v>
      </c>
      <c r="D14" s="5">
        <v>0</v>
      </c>
    </row>
    <row r="15" spans="1:4" ht="18" customHeight="1" x14ac:dyDescent="0.15">
      <c r="A15" s="8">
        <v>9</v>
      </c>
      <c r="B15" s="26">
        <v>0</v>
      </c>
      <c r="C15" s="6">
        <v>0</v>
      </c>
      <c r="D15" s="5">
        <v>0</v>
      </c>
    </row>
    <row r="16" spans="1:4" ht="18" customHeight="1" x14ac:dyDescent="0.15">
      <c r="A16" s="8" t="s">
        <v>24</v>
      </c>
      <c r="B16" s="21">
        <v>0</v>
      </c>
      <c r="C16" s="6">
        <v>0</v>
      </c>
      <c r="D16" s="5">
        <v>0</v>
      </c>
    </row>
    <row r="17" spans="1:4" ht="18" customHeight="1" x14ac:dyDescent="0.15">
      <c r="A17" s="8">
        <v>10</v>
      </c>
      <c r="B17" s="21">
        <v>0</v>
      </c>
      <c r="C17" s="6">
        <v>1</v>
      </c>
      <c r="D17" s="5">
        <v>1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0</v>
      </c>
      <c r="C19" s="6">
        <v>1</v>
      </c>
      <c r="D19" s="5">
        <v>1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0</v>
      </c>
      <c r="C21" s="6">
        <v>1</v>
      </c>
      <c r="D21" s="5">
        <v>1</v>
      </c>
    </row>
    <row r="22" spans="1:4" ht="18" customHeight="1" x14ac:dyDescent="0.15">
      <c r="A22" s="8" t="s">
        <v>23</v>
      </c>
      <c r="B22" s="21">
        <v>0</v>
      </c>
      <c r="C22" s="6">
        <v>3</v>
      </c>
      <c r="D22" s="5">
        <v>3</v>
      </c>
    </row>
    <row r="23" spans="1:4" ht="18" customHeight="1" x14ac:dyDescent="0.15">
      <c r="A23" s="8" t="s">
        <v>22</v>
      </c>
      <c r="B23" s="21">
        <v>0</v>
      </c>
      <c r="C23" s="6">
        <v>3</v>
      </c>
      <c r="D23" s="5">
        <v>3</v>
      </c>
    </row>
    <row r="24" spans="1:4" ht="18" customHeight="1" x14ac:dyDescent="0.15">
      <c r="A24" s="8">
        <v>15</v>
      </c>
      <c r="B24" s="21">
        <v>0</v>
      </c>
      <c r="C24" s="6">
        <v>0</v>
      </c>
      <c r="D24" s="5">
        <v>0</v>
      </c>
    </row>
    <row r="25" spans="1:4" ht="18" customHeight="1" x14ac:dyDescent="0.15">
      <c r="A25" s="8">
        <v>16</v>
      </c>
      <c r="B25" s="21">
        <v>0</v>
      </c>
      <c r="C25" s="6">
        <v>0</v>
      </c>
      <c r="D25" s="5">
        <v>0</v>
      </c>
    </row>
    <row r="26" spans="1:4" ht="18" customHeight="1" x14ac:dyDescent="0.15">
      <c r="A26" s="8">
        <v>17</v>
      </c>
      <c r="B26" s="21">
        <v>0</v>
      </c>
      <c r="C26" s="6">
        <v>0</v>
      </c>
      <c r="D26" s="5">
        <v>0</v>
      </c>
    </row>
    <row r="27" spans="1:4" ht="18" customHeight="1" x14ac:dyDescent="0.15">
      <c r="A27" s="8">
        <v>18</v>
      </c>
      <c r="B27" s="21">
        <v>0</v>
      </c>
      <c r="C27" s="6">
        <v>0</v>
      </c>
      <c r="D27" s="5">
        <v>0</v>
      </c>
    </row>
    <row r="28" spans="1:4" ht="18" customHeight="1" x14ac:dyDescent="0.15">
      <c r="A28" s="8">
        <v>19</v>
      </c>
      <c r="B28" s="21">
        <v>0</v>
      </c>
      <c r="C28" s="6">
        <v>0</v>
      </c>
      <c r="D28" s="5">
        <v>0</v>
      </c>
    </row>
    <row r="29" spans="1:4" ht="18" customHeight="1" x14ac:dyDescent="0.15">
      <c r="A29" s="8" t="s">
        <v>21</v>
      </c>
      <c r="B29" s="21">
        <v>0</v>
      </c>
      <c r="C29" s="6">
        <v>0</v>
      </c>
      <c r="D29" s="5">
        <v>0</v>
      </c>
    </row>
    <row r="30" spans="1:4" ht="18" customHeight="1" x14ac:dyDescent="0.15">
      <c r="A30" s="8">
        <v>20</v>
      </c>
      <c r="B30" s="21">
        <v>1</v>
      </c>
      <c r="C30" s="6">
        <v>0</v>
      </c>
      <c r="D30" s="5">
        <v>1</v>
      </c>
    </row>
    <row r="31" spans="1:4" ht="18" customHeight="1" x14ac:dyDescent="0.15">
      <c r="A31" s="8">
        <v>21</v>
      </c>
      <c r="B31" s="21">
        <v>0</v>
      </c>
      <c r="C31" s="6">
        <v>0</v>
      </c>
      <c r="D31" s="5">
        <v>0</v>
      </c>
    </row>
    <row r="32" spans="1:4" ht="18" customHeight="1" x14ac:dyDescent="0.15">
      <c r="A32" s="8">
        <v>22</v>
      </c>
      <c r="B32" s="21">
        <v>0</v>
      </c>
      <c r="C32" s="6">
        <v>0</v>
      </c>
      <c r="D32" s="5">
        <v>0</v>
      </c>
    </row>
    <row r="33" spans="1:4" ht="18" customHeight="1" x14ac:dyDescent="0.15">
      <c r="A33" s="8">
        <v>23</v>
      </c>
      <c r="B33" s="21">
        <v>0</v>
      </c>
      <c r="C33" s="6">
        <v>0</v>
      </c>
      <c r="D33" s="5">
        <v>0</v>
      </c>
    </row>
    <row r="34" spans="1:4" ht="18" customHeight="1" x14ac:dyDescent="0.15">
      <c r="A34" s="8">
        <v>24</v>
      </c>
      <c r="B34" s="21">
        <v>0</v>
      </c>
      <c r="C34" s="6">
        <v>1</v>
      </c>
      <c r="D34" s="5">
        <v>1</v>
      </c>
    </row>
    <row r="35" spans="1:4" ht="18" customHeight="1" x14ac:dyDescent="0.15">
      <c r="A35" s="8" t="s">
        <v>20</v>
      </c>
      <c r="B35" s="21">
        <v>1</v>
      </c>
      <c r="C35" s="6">
        <v>1</v>
      </c>
      <c r="D35" s="5">
        <v>2</v>
      </c>
    </row>
    <row r="36" spans="1:4" ht="18" customHeight="1" x14ac:dyDescent="0.15">
      <c r="A36" s="8">
        <v>25</v>
      </c>
      <c r="B36" s="21">
        <v>1</v>
      </c>
      <c r="C36" s="6">
        <v>0</v>
      </c>
      <c r="D36" s="5">
        <v>1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0</v>
      </c>
      <c r="C40" s="6">
        <v>0</v>
      </c>
      <c r="D40" s="5">
        <v>0</v>
      </c>
    </row>
    <row r="41" spans="1:4" ht="18" customHeight="1" x14ac:dyDescent="0.15">
      <c r="A41" s="8" t="s">
        <v>19</v>
      </c>
      <c r="B41" s="21">
        <v>1</v>
      </c>
      <c r="C41" s="6">
        <v>0</v>
      </c>
      <c r="D41" s="5">
        <v>1</v>
      </c>
    </row>
    <row r="42" spans="1:4" ht="18" customHeight="1" x14ac:dyDescent="0.15">
      <c r="A42" s="8">
        <v>30</v>
      </c>
      <c r="B42" s="21">
        <v>0</v>
      </c>
      <c r="C42" s="6">
        <v>0</v>
      </c>
      <c r="D42" s="5">
        <v>0</v>
      </c>
    </row>
    <row r="43" spans="1:4" ht="18" customHeight="1" x14ac:dyDescent="0.15">
      <c r="A43" s="8">
        <v>31</v>
      </c>
      <c r="B43" s="21">
        <v>1</v>
      </c>
      <c r="C43" s="6">
        <v>0</v>
      </c>
      <c r="D43" s="5">
        <v>1</v>
      </c>
    </row>
    <row r="44" spans="1:4" ht="18" customHeight="1" x14ac:dyDescent="0.15">
      <c r="A44" s="8">
        <v>32</v>
      </c>
      <c r="B44" s="21">
        <v>0</v>
      </c>
      <c r="C44" s="6">
        <v>0</v>
      </c>
      <c r="D44" s="5">
        <v>0</v>
      </c>
    </row>
    <row r="45" spans="1:4" ht="18" customHeight="1" x14ac:dyDescent="0.15">
      <c r="A45" s="8">
        <v>33</v>
      </c>
      <c r="B45" s="21">
        <v>1</v>
      </c>
      <c r="C45" s="6">
        <v>1</v>
      </c>
      <c r="D45" s="5">
        <v>2</v>
      </c>
    </row>
    <row r="46" spans="1:4" ht="18" customHeight="1" x14ac:dyDescent="0.15">
      <c r="A46" s="8">
        <v>34</v>
      </c>
      <c r="B46" s="21">
        <v>0</v>
      </c>
      <c r="C46" s="6">
        <v>0</v>
      </c>
      <c r="D46" s="5">
        <v>0</v>
      </c>
    </row>
    <row r="47" spans="1:4" ht="18" customHeight="1" x14ac:dyDescent="0.15">
      <c r="A47" s="8" t="s">
        <v>18</v>
      </c>
      <c r="B47" s="21">
        <v>2</v>
      </c>
      <c r="C47" s="6">
        <v>1</v>
      </c>
      <c r="D47" s="5">
        <v>3</v>
      </c>
    </row>
    <row r="48" spans="1:4" ht="18" customHeight="1" x14ac:dyDescent="0.15">
      <c r="A48" s="8">
        <v>35</v>
      </c>
      <c r="B48" s="21">
        <v>0</v>
      </c>
      <c r="C48" s="6">
        <v>0</v>
      </c>
      <c r="D48" s="5">
        <v>0</v>
      </c>
    </row>
    <row r="49" spans="1:4" ht="18" customHeight="1" x14ac:dyDescent="0.15">
      <c r="A49" s="8">
        <v>36</v>
      </c>
      <c r="B49" s="21">
        <v>0</v>
      </c>
      <c r="C49" s="6">
        <v>1</v>
      </c>
      <c r="D49" s="5">
        <v>1</v>
      </c>
    </row>
    <row r="50" spans="1:4" ht="18" customHeight="1" x14ac:dyDescent="0.15">
      <c r="A50" s="8">
        <v>37</v>
      </c>
      <c r="B50" s="21">
        <v>0</v>
      </c>
      <c r="C50" s="6">
        <v>0</v>
      </c>
      <c r="D50" s="5">
        <v>0</v>
      </c>
    </row>
    <row r="51" spans="1:4" ht="18" customHeight="1" x14ac:dyDescent="0.15">
      <c r="A51" s="8">
        <v>38</v>
      </c>
      <c r="B51" s="21">
        <v>1</v>
      </c>
      <c r="C51" s="6">
        <v>0</v>
      </c>
      <c r="D51" s="5">
        <v>1</v>
      </c>
    </row>
    <row r="52" spans="1:4" ht="18" customHeight="1" x14ac:dyDescent="0.15">
      <c r="A52" s="8">
        <v>39</v>
      </c>
      <c r="B52" s="21">
        <v>2</v>
      </c>
      <c r="C52" s="6">
        <v>1</v>
      </c>
      <c r="D52" s="5">
        <v>3</v>
      </c>
    </row>
    <row r="53" spans="1:4" ht="18" customHeight="1" x14ac:dyDescent="0.15">
      <c r="A53" s="8" t="s">
        <v>17</v>
      </c>
      <c r="B53" s="21">
        <v>3</v>
      </c>
      <c r="C53" s="6">
        <v>2</v>
      </c>
      <c r="D53" s="5">
        <v>5</v>
      </c>
    </row>
    <row r="54" spans="1:4" ht="18" customHeight="1" x14ac:dyDescent="0.15">
      <c r="A54" s="8">
        <v>40</v>
      </c>
      <c r="B54" s="21">
        <v>1</v>
      </c>
      <c r="C54" s="6">
        <v>0</v>
      </c>
      <c r="D54" s="5">
        <v>1</v>
      </c>
    </row>
    <row r="55" spans="1:4" ht="18" customHeight="1" x14ac:dyDescent="0.15">
      <c r="A55" s="8">
        <v>41</v>
      </c>
      <c r="B55" s="21">
        <v>0</v>
      </c>
      <c r="C55" s="6">
        <v>0</v>
      </c>
      <c r="D55" s="5">
        <v>0</v>
      </c>
    </row>
    <row r="56" spans="1:4" ht="18" customHeight="1" x14ac:dyDescent="0.15">
      <c r="A56" s="8">
        <v>42</v>
      </c>
      <c r="B56" s="21">
        <v>0</v>
      </c>
      <c r="C56" s="6">
        <v>1</v>
      </c>
      <c r="D56" s="5">
        <v>1</v>
      </c>
    </row>
    <row r="57" spans="1:4" ht="18" customHeight="1" x14ac:dyDescent="0.15">
      <c r="A57" s="8">
        <v>43</v>
      </c>
      <c r="B57" s="21">
        <v>1</v>
      </c>
      <c r="C57" s="6">
        <v>0</v>
      </c>
      <c r="D57" s="5">
        <v>1</v>
      </c>
    </row>
    <row r="58" spans="1:4" ht="18" customHeight="1" x14ac:dyDescent="0.15">
      <c r="A58" s="8">
        <v>44</v>
      </c>
      <c r="B58" s="21">
        <v>0</v>
      </c>
      <c r="C58" s="6">
        <v>1</v>
      </c>
      <c r="D58" s="5">
        <v>1</v>
      </c>
    </row>
    <row r="59" spans="1:4" ht="18" customHeight="1" x14ac:dyDescent="0.15">
      <c r="A59" s="8" t="s">
        <v>16</v>
      </c>
      <c r="B59" s="21">
        <v>2</v>
      </c>
      <c r="C59" s="6">
        <v>2</v>
      </c>
      <c r="D59" s="5">
        <v>4</v>
      </c>
    </row>
    <row r="60" spans="1:4" ht="18" customHeight="1" x14ac:dyDescent="0.15">
      <c r="A60" s="8">
        <v>45</v>
      </c>
      <c r="B60" s="21">
        <v>1</v>
      </c>
      <c r="C60" s="6">
        <v>0</v>
      </c>
      <c r="D60" s="5">
        <v>1</v>
      </c>
    </row>
    <row r="61" spans="1:4" ht="18" customHeight="1" x14ac:dyDescent="0.15">
      <c r="A61" s="8">
        <v>46</v>
      </c>
      <c r="B61" s="21">
        <v>2</v>
      </c>
      <c r="C61" s="6">
        <v>0</v>
      </c>
      <c r="D61" s="5">
        <v>2</v>
      </c>
    </row>
    <row r="62" spans="1:4" ht="18" customHeight="1" x14ac:dyDescent="0.15">
      <c r="A62" s="8">
        <v>47</v>
      </c>
      <c r="B62" s="21">
        <v>0</v>
      </c>
      <c r="C62" s="6">
        <v>0</v>
      </c>
      <c r="D62" s="5">
        <v>0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0</v>
      </c>
      <c r="C64" s="6">
        <v>1</v>
      </c>
      <c r="D64" s="5">
        <v>1</v>
      </c>
    </row>
    <row r="65" spans="1:4" ht="18" customHeight="1" x14ac:dyDescent="0.15">
      <c r="A65" s="8" t="s">
        <v>15</v>
      </c>
      <c r="B65" s="21">
        <v>3</v>
      </c>
      <c r="C65" s="6">
        <v>1</v>
      </c>
      <c r="D65" s="5">
        <v>4</v>
      </c>
    </row>
    <row r="66" spans="1:4" ht="18" customHeight="1" x14ac:dyDescent="0.15">
      <c r="A66" s="8">
        <v>50</v>
      </c>
      <c r="B66" s="21">
        <v>0</v>
      </c>
      <c r="C66" s="6">
        <v>0</v>
      </c>
      <c r="D66" s="5">
        <v>0</v>
      </c>
    </row>
    <row r="67" spans="1:4" ht="18" customHeight="1" x14ac:dyDescent="0.15">
      <c r="A67" s="8">
        <v>51</v>
      </c>
      <c r="B67" s="21">
        <v>0</v>
      </c>
      <c r="C67" s="6">
        <v>0</v>
      </c>
      <c r="D67" s="5">
        <v>0</v>
      </c>
    </row>
    <row r="68" spans="1:4" ht="18" customHeight="1" x14ac:dyDescent="0.15">
      <c r="A68" s="8">
        <v>52</v>
      </c>
      <c r="B68" s="21">
        <v>0</v>
      </c>
      <c r="C68" s="6">
        <v>0</v>
      </c>
      <c r="D68" s="5">
        <v>0</v>
      </c>
    </row>
    <row r="69" spans="1:4" ht="18" customHeight="1" x14ac:dyDescent="0.15">
      <c r="A69" s="8">
        <v>53</v>
      </c>
      <c r="B69" s="21">
        <v>0</v>
      </c>
      <c r="C69" s="6">
        <v>0</v>
      </c>
      <c r="D69" s="5">
        <v>0</v>
      </c>
    </row>
    <row r="70" spans="1:4" ht="18" customHeight="1" x14ac:dyDescent="0.15">
      <c r="A70" s="8">
        <v>54</v>
      </c>
      <c r="B70" s="21">
        <v>0</v>
      </c>
      <c r="C70" s="6">
        <v>0</v>
      </c>
      <c r="D70" s="5">
        <v>0</v>
      </c>
    </row>
    <row r="71" spans="1:4" ht="18" customHeight="1" x14ac:dyDescent="0.15">
      <c r="A71" s="8" t="s">
        <v>14</v>
      </c>
      <c r="B71" s="21">
        <v>0</v>
      </c>
      <c r="C71" s="6">
        <v>0</v>
      </c>
      <c r="D71" s="5">
        <v>0</v>
      </c>
    </row>
    <row r="72" spans="1:4" ht="18" customHeight="1" x14ac:dyDescent="0.15">
      <c r="A72" s="8">
        <v>55</v>
      </c>
      <c r="B72" s="21">
        <v>0</v>
      </c>
      <c r="C72" s="6">
        <v>1</v>
      </c>
      <c r="D72" s="5">
        <v>1</v>
      </c>
    </row>
    <row r="73" spans="1:4" ht="18" customHeight="1" x14ac:dyDescent="0.15">
      <c r="A73" s="8">
        <v>56</v>
      </c>
      <c r="B73" s="21">
        <v>0</v>
      </c>
      <c r="C73" s="6">
        <v>0</v>
      </c>
      <c r="D73" s="5">
        <v>0</v>
      </c>
    </row>
    <row r="74" spans="1:4" ht="18" customHeight="1" x14ac:dyDescent="0.15">
      <c r="A74" s="8">
        <v>57</v>
      </c>
      <c r="B74" s="21">
        <v>0</v>
      </c>
      <c r="C74" s="6">
        <v>1</v>
      </c>
      <c r="D74" s="5">
        <v>1</v>
      </c>
    </row>
    <row r="75" spans="1:4" ht="18" customHeight="1" x14ac:dyDescent="0.15">
      <c r="A75" s="8">
        <v>58</v>
      </c>
      <c r="B75" s="21">
        <v>2</v>
      </c>
      <c r="C75" s="6">
        <v>1</v>
      </c>
      <c r="D75" s="5">
        <v>3</v>
      </c>
    </row>
    <row r="76" spans="1:4" ht="18" customHeight="1" x14ac:dyDescent="0.15">
      <c r="A76" s="8">
        <v>59</v>
      </c>
      <c r="B76" s="21">
        <v>0</v>
      </c>
      <c r="C76" s="6">
        <v>2</v>
      </c>
      <c r="D76" s="5">
        <v>2</v>
      </c>
    </row>
    <row r="77" spans="1:4" ht="18" customHeight="1" x14ac:dyDescent="0.15">
      <c r="A77" s="8" t="s">
        <v>13</v>
      </c>
      <c r="B77" s="21">
        <v>2</v>
      </c>
      <c r="C77" s="6">
        <v>5</v>
      </c>
      <c r="D77" s="5">
        <v>7</v>
      </c>
    </row>
    <row r="78" spans="1:4" ht="18" customHeight="1" x14ac:dyDescent="0.15">
      <c r="A78" s="8">
        <v>60</v>
      </c>
      <c r="B78" s="21">
        <v>1</v>
      </c>
      <c r="C78" s="6">
        <v>1</v>
      </c>
      <c r="D78" s="5">
        <v>2</v>
      </c>
    </row>
    <row r="79" spans="1:4" ht="18" customHeight="1" x14ac:dyDescent="0.15">
      <c r="A79" s="8">
        <v>61</v>
      </c>
      <c r="B79" s="21">
        <v>1</v>
      </c>
      <c r="C79" s="6">
        <v>0</v>
      </c>
      <c r="D79" s="5">
        <v>1</v>
      </c>
    </row>
    <row r="80" spans="1:4" ht="18" customHeight="1" x14ac:dyDescent="0.15">
      <c r="A80" s="8">
        <v>62</v>
      </c>
      <c r="B80" s="21">
        <v>1</v>
      </c>
      <c r="C80" s="6">
        <v>1</v>
      </c>
      <c r="D80" s="5">
        <v>2</v>
      </c>
    </row>
    <row r="81" spans="1:4" ht="18" customHeight="1" x14ac:dyDescent="0.15">
      <c r="A81" s="8">
        <v>63</v>
      </c>
      <c r="B81" s="21">
        <v>0</v>
      </c>
      <c r="C81" s="6">
        <v>0</v>
      </c>
      <c r="D81" s="5">
        <v>0</v>
      </c>
    </row>
    <row r="82" spans="1:4" ht="18" customHeight="1" x14ac:dyDescent="0.15">
      <c r="A82" s="8">
        <v>64</v>
      </c>
      <c r="B82" s="21">
        <v>2</v>
      </c>
      <c r="C82" s="6">
        <v>1</v>
      </c>
      <c r="D82" s="5">
        <v>3</v>
      </c>
    </row>
    <row r="83" spans="1:4" ht="18" customHeight="1" x14ac:dyDescent="0.15">
      <c r="A83" s="8" t="s">
        <v>12</v>
      </c>
      <c r="B83" s="21">
        <v>5</v>
      </c>
      <c r="C83" s="6">
        <v>3</v>
      </c>
      <c r="D83" s="5">
        <v>8</v>
      </c>
    </row>
    <row r="84" spans="1:4" ht="18" customHeight="1" x14ac:dyDescent="0.15">
      <c r="A84" s="8" t="s">
        <v>11</v>
      </c>
      <c r="B84" s="21">
        <v>19</v>
      </c>
      <c r="C84" s="6">
        <v>15</v>
      </c>
      <c r="D84" s="5">
        <v>34</v>
      </c>
    </row>
    <row r="85" spans="1:4" ht="18" customHeight="1" x14ac:dyDescent="0.15">
      <c r="A85" s="8">
        <v>65</v>
      </c>
      <c r="B85" s="21">
        <v>2</v>
      </c>
      <c r="C85" s="6">
        <v>1</v>
      </c>
      <c r="D85" s="5">
        <v>3</v>
      </c>
    </row>
    <row r="86" spans="1:4" ht="18" customHeight="1" x14ac:dyDescent="0.15">
      <c r="A86" s="8">
        <v>66</v>
      </c>
      <c r="B86" s="21">
        <v>2</v>
      </c>
      <c r="C86" s="6">
        <v>1</v>
      </c>
      <c r="D86" s="5">
        <v>3</v>
      </c>
    </row>
    <row r="87" spans="1:4" ht="18" customHeight="1" x14ac:dyDescent="0.15">
      <c r="A87" s="8">
        <v>67</v>
      </c>
      <c r="B87" s="21">
        <v>0</v>
      </c>
      <c r="C87" s="6">
        <v>0</v>
      </c>
      <c r="D87" s="5">
        <v>0</v>
      </c>
    </row>
    <row r="88" spans="1:4" ht="18" customHeight="1" x14ac:dyDescent="0.15">
      <c r="A88" s="8">
        <v>68</v>
      </c>
      <c r="B88" s="21">
        <v>2</v>
      </c>
      <c r="C88" s="6">
        <v>2</v>
      </c>
      <c r="D88" s="5">
        <v>4</v>
      </c>
    </row>
    <row r="89" spans="1:4" ht="18" customHeight="1" x14ac:dyDescent="0.15">
      <c r="A89" s="8">
        <v>69</v>
      </c>
      <c r="B89" s="21">
        <v>0</v>
      </c>
      <c r="C89" s="6">
        <v>5</v>
      </c>
      <c r="D89" s="5">
        <v>5</v>
      </c>
    </row>
    <row r="90" spans="1:4" ht="18" customHeight="1" x14ac:dyDescent="0.15">
      <c r="A90" s="8" t="s">
        <v>10</v>
      </c>
      <c r="B90" s="21">
        <v>6</v>
      </c>
      <c r="C90" s="6">
        <v>9</v>
      </c>
      <c r="D90" s="5">
        <v>15</v>
      </c>
    </row>
    <row r="91" spans="1:4" ht="18" customHeight="1" x14ac:dyDescent="0.15">
      <c r="A91" s="8">
        <v>70</v>
      </c>
      <c r="B91" s="21">
        <v>0</v>
      </c>
      <c r="C91" s="6">
        <v>4</v>
      </c>
      <c r="D91" s="5">
        <v>4</v>
      </c>
    </row>
    <row r="92" spans="1:4" ht="18" customHeight="1" x14ac:dyDescent="0.15">
      <c r="A92" s="8">
        <v>71</v>
      </c>
      <c r="B92" s="21">
        <v>2</v>
      </c>
      <c r="C92" s="6">
        <v>1</v>
      </c>
      <c r="D92" s="5">
        <v>3</v>
      </c>
    </row>
    <row r="93" spans="1:4" ht="18" customHeight="1" x14ac:dyDescent="0.15">
      <c r="A93" s="8">
        <v>72</v>
      </c>
      <c r="B93" s="21">
        <v>1</v>
      </c>
      <c r="C93" s="6">
        <v>0</v>
      </c>
      <c r="D93" s="5">
        <v>1</v>
      </c>
    </row>
    <row r="94" spans="1:4" ht="18" customHeight="1" x14ac:dyDescent="0.15">
      <c r="A94" s="8">
        <v>73</v>
      </c>
      <c r="B94" s="21">
        <v>2</v>
      </c>
      <c r="C94" s="6">
        <v>2</v>
      </c>
      <c r="D94" s="5">
        <v>4</v>
      </c>
    </row>
    <row r="95" spans="1:4" ht="18" customHeight="1" x14ac:dyDescent="0.15">
      <c r="A95" s="8">
        <v>74</v>
      </c>
      <c r="B95" s="21">
        <v>2</v>
      </c>
      <c r="C95" s="6">
        <v>0</v>
      </c>
      <c r="D95" s="5">
        <v>2</v>
      </c>
    </row>
    <row r="96" spans="1:4" ht="18" customHeight="1" x14ac:dyDescent="0.15">
      <c r="A96" s="8" t="s">
        <v>9</v>
      </c>
      <c r="B96" s="21">
        <v>7</v>
      </c>
      <c r="C96" s="6">
        <v>7</v>
      </c>
      <c r="D96" s="5">
        <v>14</v>
      </c>
    </row>
    <row r="97" spans="1:4" ht="18" customHeight="1" x14ac:dyDescent="0.15">
      <c r="A97" s="8">
        <v>75</v>
      </c>
      <c r="B97" s="21">
        <v>3</v>
      </c>
      <c r="C97" s="6">
        <v>0</v>
      </c>
      <c r="D97" s="5">
        <v>3</v>
      </c>
    </row>
    <row r="98" spans="1:4" ht="18" customHeight="1" x14ac:dyDescent="0.15">
      <c r="A98" s="8">
        <v>76</v>
      </c>
      <c r="B98" s="21">
        <v>2</v>
      </c>
      <c r="C98" s="6">
        <v>1</v>
      </c>
      <c r="D98" s="5">
        <v>3</v>
      </c>
    </row>
    <row r="99" spans="1:4" ht="18" customHeight="1" x14ac:dyDescent="0.15">
      <c r="A99" s="8">
        <v>77</v>
      </c>
      <c r="B99" s="21">
        <v>4</v>
      </c>
      <c r="C99" s="6">
        <v>2</v>
      </c>
      <c r="D99" s="5">
        <v>6</v>
      </c>
    </row>
    <row r="100" spans="1:4" ht="18" customHeight="1" x14ac:dyDescent="0.15">
      <c r="A100" s="8">
        <v>78</v>
      </c>
      <c r="B100" s="21">
        <v>1</v>
      </c>
      <c r="C100" s="6">
        <v>2</v>
      </c>
      <c r="D100" s="5">
        <v>3</v>
      </c>
    </row>
    <row r="101" spans="1:4" ht="18" customHeight="1" x14ac:dyDescent="0.15">
      <c r="A101" s="8">
        <v>79</v>
      </c>
      <c r="B101" s="21">
        <v>0</v>
      </c>
      <c r="C101" s="6">
        <v>1</v>
      </c>
      <c r="D101" s="5">
        <v>1</v>
      </c>
    </row>
    <row r="102" spans="1:4" ht="18" customHeight="1" x14ac:dyDescent="0.15">
      <c r="A102" s="8" t="s">
        <v>8</v>
      </c>
      <c r="B102" s="21">
        <v>10</v>
      </c>
      <c r="C102" s="6">
        <v>6</v>
      </c>
      <c r="D102" s="5">
        <v>16</v>
      </c>
    </row>
    <row r="103" spans="1:4" ht="18" customHeight="1" x14ac:dyDescent="0.15">
      <c r="A103" s="8">
        <v>80</v>
      </c>
      <c r="B103" s="21">
        <v>1</v>
      </c>
      <c r="C103" s="6">
        <v>0</v>
      </c>
      <c r="D103" s="5">
        <v>1</v>
      </c>
    </row>
    <row r="104" spans="1:4" ht="18" customHeight="1" x14ac:dyDescent="0.15">
      <c r="A104" s="8">
        <v>81</v>
      </c>
      <c r="B104" s="21">
        <v>2</v>
      </c>
      <c r="C104" s="6">
        <v>1</v>
      </c>
      <c r="D104" s="5">
        <v>3</v>
      </c>
    </row>
    <row r="105" spans="1:4" ht="18" customHeight="1" x14ac:dyDescent="0.15">
      <c r="A105" s="8">
        <v>82</v>
      </c>
      <c r="B105" s="21">
        <v>0</v>
      </c>
      <c r="C105" s="6">
        <v>0</v>
      </c>
      <c r="D105" s="5">
        <v>0</v>
      </c>
    </row>
    <row r="106" spans="1:4" ht="18" customHeight="1" x14ac:dyDescent="0.15">
      <c r="A106" s="8">
        <v>83</v>
      </c>
      <c r="B106" s="21">
        <v>0</v>
      </c>
      <c r="C106" s="6">
        <v>4</v>
      </c>
      <c r="D106" s="5">
        <v>4</v>
      </c>
    </row>
    <row r="107" spans="1:4" ht="18" customHeight="1" x14ac:dyDescent="0.15">
      <c r="A107" s="8">
        <v>84</v>
      </c>
      <c r="B107" s="21">
        <v>0</v>
      </c>
      <c r="C107" s="6">
        <v>0</v>
      </c>
      <c r="D107" s="5">
        <v>0</v>
      </c>
    </row>
    <row r="108" spans="1:4" ht="18" customHeight="1" x14ac:dyDescent="0.15">
      <c r="A108" s="8" t="s">
        <v>7</v>
      </c>
      <c r="B108" s="21">
        <v>3</v>
      </c>
      <c r="C108" s="6">
        <v>5</v>
      </c>
      <c r="D108" s="5">
        <v>8</v>
      </c>
    </row>
    <row r="109" spans="1:4" ht="18" customHeight="1" x14ac:dyDescent="0.15">
      <c r="A109" s="8">
        <v>85</v>
      </c>
      <c r="B109" s="21">
        <v>1</v>
      </c>
      <c r="C109" s="6">
        <v>4</v>
      </c>
      <c r="D109" s="5">
        <v>5</v>
      </c>
    </row>
    <row r="110" spans="1:4" ht="18" customHeight="1" x14ac:dyDescent="0.15">
      <c r="A110" s="8">
        <v>86</v>
      </c>
      <c r="B110" s="21">
        <v>0</v>
      </c>
      <c r="C110" s="6">
        <v>1</v>
      </c>
      <c r="D110" s="5">
        <v>1</v>
      </c>
    </row>
    <row r="111" spans="1:4" ht="18" customHeight="1" x14ac:dyDescent="0.15">
      <c r="A111" s="8">
        <v>87</v>
      </c>
      <c r="B111" s="21">
        <v>2</v>
      </c>
      <c r="C111" s="6">
        <v>4</v>
      </c>
      <c r="D111" s="5">
        <v>6</v>
      </c>
    </row>
    <row r="112" spans="1:4" ht="18" customHeight="1" x14ac:dyDescent="0.15">
      <c r="A112" s="8">
        <v>88</v>
      </c>
      <c r="B112" s="21">
        <v>1</v>
      </c>
      <c r="C112" s="6">
        <v>3</v>
      </c>
      <c r="D112" s="5">
        <v>4</v>
      </c>
    </row>
    <row r="113" spans="1:4" ht="18" customHeight="1" x14ac:dyDescent="0.15">
      <c r="A113" s="8">
        <v>89</v>
      </c>
      <c r="B113" s="21">
        <v>3</v>
      </c>
      <c r="C113" s="6">
        <v>1</v>
      </c>
      <c r="D113" s="5">
        <v>4</v>
      </c>
    </row>
    <row r="114" spans="1:4" ht="18" customHeight="1" x14ac:dyDescent="0.15">
      <c r="A114" s="8" t="s">
        <v>6</v>
      </c>
      <c r="B114" s="21">
        <v>7</v>
      </c>
      <c r="C114" s="6">
        <v>13</v>
      </c>
      <c r="D114" s="5">
        <v>20</v>
      </c>
    </row>
    <row r="115" spans="1:4" ht="18" customHeight="1" x14ac:dyDescent="0.15">
      <c r="A115" s="8">
        <v>90</v>
      </c>
      <c r="B115" s="21">
        <v>0</v>
      </c>
      <c r="C115" s="6">
        <v>1</v>
      </c>
      <c r="D115" s="5">
        <v>1</v>
      </c>
    </row>
    <row r="116" spans="1:4" ht="18" customHeight="1" x14ac:dyDescent="0.15">
      <c r="A116" s="8">
        <v>91</v>
      </c>
      <c r="B116" s="21">
        <v>0</v>
      </c>
      <c r="C116" s="6">
        <v>1</v>
      </c>
      <c r="D116" s="5">
        <v>1</v>
      </c>
    </row>
    <row r="117" spans="1:4" ht="18" customHeight="1" x14ac:dyDescent="0.15">
      <c r="A117" s="8">
        <v>92</v>
      </c>
      <c r="B117" s="21">
        <v>0</v>
      </c>
      <c r="C117" s="6">
        <v>1</v>
      </c>
      <c r="D117" s="5">
        <v>1</v>
      </c>
    </row>
    <row r="118" spans="1:4" ht="18" customHeight="1" x14ac:dyDescent="0.15">
      <c r="A118" s="8">
        <v>93</v>
      </c>
      <c r="B118" s="21">
        <v>1</v>
      </c>
      <c r="C118" s="6">
        <v>0</v>
      </c>
      <c r="D118" s="5">
        <v>1</v>
      </c>
    </row>
    <row r="119" spans="1:4" ht="18" customHeight="1" x14ac:dyDescent="0.15">
      <c r="A119" s="8">
        <v>94</v>
      </c>
      <c r="B119" s="21">
        <v>0</v>
      </c>
      <c r="C119" s="6">
        <v>0</v>
      </c>
      <c r="D119" s="5">
        <v>0</v>
      </c>
    </row>
    <row r="120" spans="1:4" ht="18" customHeight="1" x14ac:dyDescent="0.15">
      <c r="A120" s="8" t="s">
        <v>5</v>
      </c>
      <c r="B120" s="21">
        <v>1</v>
      </c>
      <c r="C120" s="6">
        <v>3</v>
      </c>
      <c r="D120" s="5">
        <v>4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3</v>
      </c>
      <c r="D126" s="5">
        <v>3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34</v>
      </c>
      <c r="C130" s="6">
        <v>46</v>
      </c>
      <c r="D130" s="5">
        <v>80</v>
      </c>
    </row>
    <row r="131" spans="1:4" ht="18" customHeight="1" x14ac:dyDescent="0.15">
      <c r="A131" s="4" t="s">
        <v>0</v>
      </c>
      <c r="B131" s="20">
        <v>53</v>
      </c>
      <c r="C131" s="2">
        <v>64</v>
      </c>
      <c r="D131" s="1">
        <v>1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6DEF66-23E0-483D-971C-2699E70086E1}">
  <sheetPr codeName="Sheet8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0</v>
      </c>
      <c r="D10" s="5">
        <v>0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0</v>
      </c>
      <c r="D14" s="5">
        <v>0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1</v>
      </c>
      <c r="C16" s="6">
        <v>0</v>
      </c>
      <c r="D16" s="5">
        <v>1</v>
      </c>
    </row>
    <row r="17" spans="1:4" ht="18" customHeight="1" x14ac:dyDescent="0.15">
      <c r="A17" s="8">
        <v>10</v>
      </c>
      <c r="B17" s="21">
        <v>0</v>
      </c>
      <c r="C17" s="6">
        <v>0</v>
      </c>
      <c r="D17" s="5">
        <v>0</v>
      </c>
    </row>
    <row r="18" spans="1:4" ht="18" customHeight="1" x14ac:dyDescent="0.15">
      <c r="A18" s="8">
        <v>11</v>
      </c>
      <c r="B18" s="21">
        <v>1</v>
      </c>
      <c r="C18" s="6">
        <v>0</v>
      </c>
      <c r="D18" s="5">
        <v>1</v>
      </c>
    </row>
    <row r="19" spans="1:4" ht="18" customHeight="1" x14ac:dyDescent="0.15">
      <c r="A19" s="8">
        <v>12</v>
      </c>
      <c r="B19" s="21">
        <v>0</v>
      </c>
      <c r="C19" s="6">
        <v>0</v>
      </c>
      <c r="D19" s="5">
        <v>0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1</v>
      </c>
      <c r="C21" s="6">
        <v>0</v>
      </c>
      <c r="D21" s="5">
        <v>1</v>
      </c>
    </row>
    <row r="22" spans="1:4" ht="18" customHeight="1" x14ac:dyDescent="0.15">
      <c r="A22" s="8" t="s">
        <v>23</v>
      </c>
      <c r="B22" s="21">
        <v>2</v>
      </c>
      <c r="C22" s="6">
        <v>0</v>
      </c>
      <c r="D22" s="5">
        <v>2</v>
      </c>
    </row>
    <row r="23" spans="1:4" ht="18" customHeight="1" x14ac:dyDescent="0.15">
      <c r="A23" s="8" t="s">
        <v>22</v>
      </c>
      <c r="B23" s="21">
        <v>3</v>
      </c>
      <c r="C23" s="6">
        <v>0</v>
      </c>
      <c r="D23" s="5">
        <v>3</v>
      </c>
    </row>
    <row r="24" spans="1:4" ht="18" customHeight="1" x14ac:dyDescent="0.15">
      <c r="A24" s="8">
        <v>15</v>
      </c>
      <c r="B24" s="21">
        <v>0</v>
      </c>
      <c r="C24" s="6">
        <v>0</v>
      </c>
      <c r="D24" s="5">
        <v>0</v>
      </c>
    </row>
    <row r="25" spans="1:4" ht="18" customHeight="1" x14ac:dyDescent="0.15">
      <c r="A25" s="8">
        <v>16</v>
      </c>
      <c r="B25" s="21">
        <v>0</v>
      </c>
      <c r="C25" s="6">
        <v>0</v>
      </c>
      <c r="D25" s="5">
        <v>0</v>
      </c>
    </row>
    <row r="26" spans="1:4" ht="18" customHeight="1" x14ac:dyDescent="0.15">
      <c r="A26" s="8">
        <v>17</v>
      </c>
      <c r="B26" s="21">
        <v>0</v>
      </c>
      <c r="C26" s="6">
        <v>0</v>
      </c>
      <c r="D26" s="5">
        <v>0</v>
      </c>
    </row>
    <row r="27" spans="1:4" ht="18" customHeight="1" x14ac:dyDescent="0.15">
      <c r="A27" s="8">
        <v>18</v>
      </c>
      <c r="B27" s="21">
        <v>0</v>
      </c>
      <c r="C27" s="6">
        <v>0</v>
      </c>
      <c r="D27" s="5">
        <v>0</v>
      </c>
    </row>
    <row r="28" spans="1:4" ht="18" customHeight="1" x14ac:dyDescent="0.15">
      <c r="A28" s="8">
        <v>19</v>
      </c>
      <c r="B28" s="21">
        <v>0</v>
      </c>
      <c r="C28" s="6">
        <v>0</v>
      </c>
      <c r="D28" s="5">
        <v>0</v>
      </c>
    </row>
    <row r="29" spans="1:4" ht="18" customHeight="1" x14ac:dyDescent="0.15">
      <c r="A29" s="8" t="s">
        <v>21</v>
      </c>
      <c r="B29" s="21">
        <v>0</v>
      </c>
      <c r="C29" s="6">
        <v>0</v>
      </c>
      <c r="D29" s="5">
        <v>0</v>
      </c>
    </row>
    <row r="30" spans="1:4" ht="18" customHeight="1" x14ac:dyDescent="0.15">
      <c r="A30" s="8">
        <v>20</v>
      </c>
      <c r="B30" s="21">
        <v>0</v>
      </c>
      <c r="C30" s="6">
        <v>0</v>
      </c>
      <c r="D30" s="5">
        <v>0</v>
      </c>
    </row>
    <row r="31" spans="1:4" ht="18" customHeight="1" x14ac:dyDescent="0.15">
      <c r="A31" s="8">
        <v>21</v>
      </c>
      <c r="B31" s="21">
        <v>0</v>
      </c>
      <c r="C31" s="6">
        <v>0</v>
      </c>
      <c r="D31" s="5">
        <v>0</v>
      </c>
    </row>
    <row r="32" spans="1:4" ht="18" customHeight="1" x14ac:dyDescent="0.15">
      <c r="A32" s="8">
        <v>22</v>
      </c>
      <c r="B32" s="21">
        <v>0</v>
      </c>
      <c r="C32" s="6">
        <v>0</v>
      </c>
      <c r="D32" s="5">
        <v>0</v>
      </c>
    </row>
    <row r="33" spans="1:4" ht="18" customHeight="1" x14ac:dyDescent="0.15">
      <c r="A33" s="8">
        <v>23</v>
      </c>
      <c r="B33" s="21">
        <v>0</v>
      </c>
      <c r="C33" s="6">
        <v>0</v>
      </c>
      <c r="D33" s="5">
        <v>0</v>
      </c>
    </row>
    <row r="34" spans="1:4" ht="18" customHeight="1" x14ac:dyDescent="0.15">
      <c r="A34" s="8">
        <v>24</v>
      </c>
      <c r="B34" s="21">
        <v>0</v>
      </c>
      <c r="C34" s="6">
        <v>0</v>
      </c>
      <c r="D34" s="5">
        <v>0</v>
      </c>
    </row>
    <row r="35" spans="1:4" ht="18" customHeight="1" x14ac:dyDescent="0.15">
      <c r="A35" s="8" t="s">
        <v>20</v>
      </c>
      <c r="B35" s="21">
        <v>0</v>
      </c>
      <c r="C35" s="6">
        <v>0</v>
      </c>
      <c r="D35" s="5">
        <v>0</v>
      </c>
    </row>
    <row r="36" spans="1:4" ht="18" customHeight="1" x14ac:dyDescent="0.15">
      <c r="A36" s="8">
        <v>25</v>
      </c>
      <c r="B36" s="21">
        <v>0</v>
      </c>
      <c r="C36" s="6">
        <v>0</v>
      </c>
      <c r="D36" s="5">
        <v>0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0</v>
      </c>
      <c r="C40" s="6">
        <v>0</v>
      </c>
      <c r="D40" s="5">
        <v>0</v>
      </c>
    </row>
    <row r="41" spans="1:4" ht="18" customHeight="1" x14ac:dyDescent="0.15">
      <c r="A41" s="8" t="s">
        <v>19</v>
      </c>
      <c r="B41" s="21">
        <v>0</v>
      </c>
      <c r="C41" s="6">
        <v>0</v>
      </c>
      <c r="D41" s="5">
        <v>0</v>
      </c>
    </row>
    <row r="42" spans="1:4" ht="18" customHeight="1" x14ac:dyDescent="0.15">
      <c r="A42" s="8">
        <v>30</v>
      </c>
      <c r="B42" s="21">
        <v>0</v>
      </c>
      <c r="C42" s="6">
        <v>0</v>
      </c>
      <c r="D42" s="5">
        <v>0</v>
      </c>
    </row>
    <row r="43" spans="1:4" ht="18" customHeight="1" x14ac:dyDescent="0.15">
      <c r="A43" s="8">
        <v>31</v>
      </c>
      <c r="B43" s="21">
        <v>0</v>
      </c>
      <c r="C43" s="6">
        <v>0</v>
      </c>
      <c r="D43" s="5">
        <v>0</v>
      </c>
    </row>
    <row r="44" spans="1:4" ht="18" customHeight="1" x14ac:dyDescent="0.15">
      <c r="A44" s="8">
        <v>32</v>
      </c>
      <c r="B44" s="21">
        <v>0</v>
      </c>
      <c r="C44" s="6">
        <v>0</v>
      </c>
      <c r="D44" s="5">
        <v>0</v>
      </c>
    </row>
    <row r="45" spans="1:4" ht="18" customHeight="1" x14ac:dyDescent="0.15">
      <c r="A45" s="8">
        <v>33</v>
      </c>
      <c r="B45" s="21">
        <v>0</v>
      </c>
      <c r="C45" s="6">
        <v>0</v>
      </c>
      <c r="D45" s="5">
        <v>0</v>
      </c>
    </row>
    <row r="46" spans="1:4" ht="18" customHeight="1" x14ac:dyDescent="0.15">
      <c r="A46" s="8">
        <v>34</v>
      </c>
      <c r="B46" s="21">
        <v>1</v>
      </c>
      <c r="C46" s="6">
        <v>0</v>
      </c>
      <c r="D46" s="5">
        <v>1</v>
      </c>
    </row>
    <row r="47" spans="1:4" ht="18" customHeight="1" x14ac:dyDescent="0.15">
      <c r="A47" s="8" t="s">
        <v>18</v>
      </c>
      <c r="B47" s="21">
        <v>1</v>
      </c>
      <c r="C47" s="6">
        <v>0</v>
      </c>
      <c r="D47" s="5">
        <v>1</v>
      </c>
    </row>
    <row r="48" spans="1:4" ht="18" customHeight="1" x14ac:dyDescent="0.15">
      <c r="A48" s="8">
        <v>35</v>
      </c>
      <c r="B48" s="21">
        <v>0</v>
      </c>
      <c r="C48" s="6">
        <v>0</v>
      </c>
      <c r="D48" s="5">
        <v>0</v>
      </c>
    </row>
    <row r="49" spans="1:4" ht="18" customHeight="1" x14ac:dyDescent="0.15">
      <c r="A49" s="8">
        <v>36</v>
      </c>
      <c r="B49" s="21">
        <v>0</v>
      </c>
      <c r="C49" s="6">
        <v>0</v>
      </c>
      <c r="D49" s="5">
        <v>0</v>
      </c>
    </row>
    <row r="50" spans="1:4" ht="18" customHeight="1" x14ac:dyDescent="0.15">
      <c r="A50" s="8">
        <v>37</v>
      </c>
      <c r="B50" s="21">
        <v>1</v>
      </c>
      <c r="C50" s="6">
        <v>0</v>
      </c>
      <c r="D50" s="5">
        <v>1</v>
      </c>
    </row>
    <row r="51" spans="1:4" ht="18" customHeight="1" x14ac:dyDescent="0.15">
      <c r="A51" s="8">
        <v>38</v>
      </c>
      <c r="B51" s="21">
        <v>0</v>
      </c>
      <c r="C51" s="6">
        <v>0</v>
      </c>
      <c r="D51" s="5">
        <v>0</v>
      </c>
    </row>
    <row r="52" spans="1:4" ht="18" customHeight="1" x14ac:dyDescent="0.15">
      <c r="A52" s="8">
        <v>39</v>
      </c>
      <c r="B52" s="21">
        <v>0</v>
      </c>
      <c r="C52" s="6">
        <v>0</v>
      </c>
      <c r="D52" s="5">
        <v>0</v>
      </c>
    </row>
    <row r="53" spans="1:4" ht="18" customHeight="1" x14ac:dyDescent="0.15">
      <c r="A53" s="8" t="s">
        <v>17</v>
      </c>
      <c r="B53" s="21">
        <v>1</v>
      </c>
      <c r="C53" s="6">
        <v>0</v>
      </c>
      <c r="D53" s="5">
        <v>1</v>
      </c>
    </row>
    <row r="54" spans="1:4" ht="18" customHeight="1" x14ac:dyDescent="0.15">
      <c r="A54" s="8">
        <v>40</v>
      </c>
      <c r="B54" s="21">
        <v>0</v>
      </c>
      <c r="C54" s="6">
        <v>0</v>
      </c>
      <c r="D54" s="5">
        <v>0</v>
      </c>
    </row>
    <row r="55" spans="1:4" ht="18" customHeight="1" x14ac:dyDescent="0.15">
      <c r="A55" s="8">
        <v>41</v>
      </c>
      <c r="B55" s="21">
        <v>0</v>
      </c>
      <c r="C55" s="6">
        <v>0</v>
      </c>
      <c r="D55" s="5">
        <v>0</v>
      </c>
    </row>
    <row r="56" spans="1:4" ht="18" customHeight="1" x14ac:dyDescent="0.15">
      <c r="A56" s="8">
        <v>42</v>
      </c>
      <c r="B56" s="21">
        <v>0</v>
      </c>
      <c r="C56" s="6">
        <v>0</v>
      </c>
      <c r="D56" s="5">
        <v>0</v>
      </c>
    </row>
    <row r="57" spans="1:4" ht="18" customHeight="1" x14ac:dyDescent="0.15">
      <c r="A57" s="8">
        <v>43</v>
      </c>
      <c r="B57" s="21">
        <v>2</v>
      </c>
      <c r="C57" s="6">
        <v>0</v>
      </c>
      <c r="D57" s="5">
        <v>2</v>
      </c>
    </row>
    <row r="58" spans="1:4" ht="18" customHeight="1" x14ac:dyDescent="0.15">
      <c r="A58" s="8">
        <v>44</v>
      </c>
      <c r="B58" s="21">
        <v>0</v>
      </c>
      <c r="C58" s="6">
        <v>0</v>
      </c>
      <c r="D58" s="5">
        <v>0</v>
      </c>
    </row>
    <row r="59" spans="1:4" ht="18" customHeight="1" x14ac:dyDescent="0.15">
      <c r="A59" s="8" t="s">
        <v>16</v>
      </c>
      <c r="B59" s="21">
        <v>2</v>
      </c>
      <c r="C59" s="6">
        <v>0</v>
      </c>
      <c r="D59" s="5">
        <v>2</v>
      </c>
    </row>
    <row r="60" spans="1:4" ht="18" customHeight="1" x14ac:dyDescent="0.15">
      <c r="A60" s="8">
        <v>45</v>
      </c>
      <c r="B60" s="21">
        <v>0</v>
      </c>
      <c r="C60" s="6">
        <v>0</v>
      </c>
      <c r="D60" s="5">
        <v>0</v>
      </c>
    </row>
    <row r="61" spans="1:4" ht="18" customHeight="1" x14ac:dyDescent="0.15">
      <c r="A61" s="8">
        <v>46</v>
      </c>
      <c r="B61" s="21">
        <v>0</v>
      </c>
      <c r="C61" s="6">
        <v>0</v>
      </c>
      <c r="D61" s="5">
        <v>0</v>
      </c>
    </row>
    <row r="62" spans="1:4" ht="18" customHeight="1" x14ac:dyDescent="0.15">
      <c r="A62" s="8">
        <v>47</v>
      </c>
      <c r="B62" s="21">
        <v>0</v>
      </c>
      <c r="C62" s="6">
        <v>0</v>
      </c>
      <c r="D62" s="5">
        <v>0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0</v>
      </c>
      <c r="C64" s="6">
        <v>0</v>
      </c>
      <c r="D64" s="5">
        <v>0</v>
      </c>
    </row>
    <row r="65" spans="1:4" ht="18" customHeight="1" x14ac:dyDescent="0.15">
      <c r="A65" s="8" t="s">
        <v>15</v>
      </c>
      <c r="B65" s="21">
        <v>0</v>
      </c>
      <c r="C65" s="6">
        <v>0</v>
      </c>
      <c r="D65" s="5">
        <v>0</v>
      </c>
    </row>
    <row r="66" spans="1:4" ht="18" customHeight="1" x14ac:dyDescent="0.15">
      <c r="A66" s="8">
        <v>50</v>
      </c>
      <c r="B66" s="21">
        <v>0</v>
      </c>
      <c r="C66" s="6">
        <v>1</v>
      </c>
      <c r="D66" s="5">
        <v>1</v>
      </c>
    </row>
    <row r="67" spans="1:4" ht="18" customHeight="1" x14ac:dyDescent="0.15">
      <c r="A67" s="8">
        <v>51</v>
      </c>
      <c r="B67" s="21">
        <v>0</v>
      </c>
      <c r="C67" s="6">
        <v>0</v>
      </c>
      <c r="D67" s="5">
        <v>0</v>
      </c>
    </row>
    <row r="68" spans="1:4" ht="18" customHeight="1" x14ac:dyDescent="0.15">
      <c r="A68" s="8">
        <v>52</v>
      </c>
      <c r="B68" s="21">
        <v>1</v>
      </c>
      <c r="C68" s="6">
        <v>0</v>
      </c>
      <c r="D68" s="5">
        <v>1</v>
      </c>
    </row>
    <row r="69" spans="1:4" ht="18" customHeight="1" x14ac:dyDescent="0.15">
      <c r="A69" s="8">
        <v>53</v>
      </c>
      <c r="B69" s="21">
        <v>0</v>
      </c>
      <c r="C69" s="6">
        <v>0</v>
      </c>
      <c r="D69" s="5">
        <v>0</v>
      </c>
    </row>
    <row r="70" spans="1:4" ht="18" customHeight="1" x14ac:dyDescent="0.15">
      <c r="A70" s="8">
        <v>54</v>
      </c>
      <c r="B70" s="21">
        <v>1</v>
      </c>
      <c r="C70" s="6">
        <v>0</v>
      </c>
      <c r="D70" s="5">
        <v>1</v>
      </c>
    </row>
    <row r="71" spans="1:4" ht="18" customHeight="1" x14ac:dyDescent="0.15">
      <c r="A71" s="8" t="s">
        <v>14</v>
      </c>
      <c r="B71" s="21">
        <v>2</v>
      </c>
      <c r="C71" s="6">
        <v>1</v>
      </c>
      <c r="D71" s="5">
        <v>3</v>
      </c>
    </row>
    <row r="72" spans="1:4" ht="18" customHeight="1" x14ac:dyDescent="0.15">
      <c r="A72" s="8">
        <v>55</v>
      </c>
      <c r="B72" s="21">
        <v>1</v>
      </c>
      <c r="C72" s="6">
        <v>0</v>
      </c>
      <c r="D72" s="5">
        <v>1</v>
      </c>
    </row>
    <row r="73" spans="1:4" ht="18" customHeight="1" x14ac:dyDescent="0.15">
      <c r="A73" s="8">
        <v>56</v>
      </c>
      <c r="B73" s="21">
        <v>0</v>
      </c>
      <c r="C73" s="6">
        <v>0</v>
      </c>
      <c r="D73" s="5">
        <v>0</v>
      </c>
    </row>
    <row r="74" spans="1:4" ht="18" customHeight="1" x14ac:dyDescent="0.15">
      <c r="A74" s="8">
        <v>57</v>
      </c>
      <c r="B74" s="21">
        <v>0</v>
      </c>
      <c r="C74" s="6">
        <v>0</v>
      </c>
      <c r="D74" s="5">
        <v>0</v>
      </c>
    </row>
    <row r="75" spans="1:4" ht="18" customHeight="1" x14ac:dyDescent="0.15">
      <c r="A75" s="8">
        <v>58</v>
      </c>
      <c r="B75" s="21">
        <v>0</v>
      </c>
      <c r="C75" s="6">
        <v>1</v>
      </c>
      <c r="D75" s="5">
        <v>1</v>
      </c>
    </row>
    <row r="76" spans="1:4" ht="18" customHeight="1" x14ac:dyDescent="0.15">
      <c r="A76" s="8">
        <v>59</v>
      </c>
      <c r="B76" s="21">
        <v>0</v>
      </c>
      <c r="C76" s="6">
        <v>0</v>
      </c>
      <c r="D76" s="5">
        <v>0</v>
      </c>
    </row>
    <row r="77" spans="1:4" ht="18" customHeight="1" x14ac:dyDescent="0.15">
      <c r="A77" s="8" t="s">
        <v>13</v>
      </c>
      <c r="B77" s="21">
        <v>1</v>
      </c>
      <c r="C77" s="6">
        <v>1</v>
      </c>
      <c r="D77" s="5">
        <v>2</v>
      </c>
    </row>
    <row r="78" spans="1:4" ht="18" customHeight="1" x14ac:dyDescent="0.15">
      <c r="A78" s="8">
        <v>60</v>
      </c>
      <c r="B78" s="21">
        <v>0</v>
      </c>
      <c r="C78" s="6">
        <v>1</v>
      </c>
      <c r="D78" s="5">
        <v>1</v>
      </c>
    </row>
    <row r="79" spans="1:4" ht="18" customHeight="1" x14ac:dyDescent="0.15">
      <c r="A79" s="8">
        <v>61</v>
      </c>
      <c r="B79" s="21">
        <v>0</v>
      </c>
      <c r="C79" s="6">
        <v>0</v>
      </c>
      <c r="D79" s="5">
        <v>0</v>
      </c>
    </row>
    <row r="80" spans="1:4" ht="18" customHeight="1" x14ac:dyDescent="0.15">
      <c r="A80" s="8">
        <v>62</v>
      </c>
      <c r="B80" s="21">
        <v>0</v>
      </c>
      <c r="C80" s="6">
        <v>0</v>
      </c>
      <c r="D80" s="5">
        <v>0</v>
      </c>
    </row>
    <row r="81" spans="1:4" ht="18" customHeight="1" x14ac:dyDescent="0.15">
      <c r="A81" s="8">
        <v>63</v>
      </c>
      <c r="B81" s="21">
        <v>0</v>
      </c>
      <c r="C81" s="6">
        <v>0</v>
      </c>
      <c r="D81" s="5">
        <v>0</v>
      </c>
    </row>
    <row r="82" spans="1:4" ht="18" customHeight="1" x14ac:dyDescent="0.15">
      <c r="A82" s="8">
        <v>64</v>
      </c>
      <c r="B82" s="21">
        <v>1</v>
      </c>
      <c r="C82" s="6">
        <v>0</v>
      </c>
      <c r="D82" s="5">
        <v>1</v>
      </c>
    </row>
    <row r="83" spans="1:4" ht="18" customHeight="1" x14ac:dyDescent="0.15">
      <c r="A83" s="8" t="s">
        <v>12</v>
      </c>
      <c r="B83" s="21">
        <v>1</v>
      </c>
      <c r="C83" s="6">
        <v>1</v>
      </c>
      <c r="D83" s="5">
        <v>2</v>
      </c>
    </row>
    <row r="84" spans="1:4" ht="18" customHeight="1" x14ac:dyDescent="0.15">
      <c r="A84" s="8" t="s">
        <v>11</v>
      </c>
      <c r="B84" s="21">
        <v>8</v>
      </c>
      <c r="C84" s="6">
        <v>3</v>
      </c>
      <c r="D84" s="5">
        <v>11</v>
      </c>
    </row>
    <row r="85" spans="1:4" ht="18" customHeight="1" x14ac:dyDescent="0.15">
      <c r="A85" s="8">
        <v>65</v>
      </c>
      <c r="B85" s="21">
        <v>0</v>
      </c>
      <c r="C85" s="6">
        <v>0</v>
      </c>
      <c r="D85" s="5">
        <v>0</v>
      </c>
    </row>
    <row r="86" spans="1:4" ht="18" customHeight="1" x14ac:dyDescent="0.15">
      <c r="A86" s="8">
        <v>66</v>
      </c>
      <c r="B86" s="21">
        <v>0</v>
      </c>
      <c r="C86" s="6">
        <v>0</v>
      </c>
      <c r="D86" s="5">
        <v>0</v>
      </c>
    </row>
    <row r="87" spans="1:4" ht="18" customHeight="1" x14ac:dyDescent="0.15">
      <c r="A87" s="8">
        <v>67</v>
      </c>
      <c r="B87" s="21">
        <v>1</v>
      </c>
      <c r="C87" s="6">
        <v>2</v>
      </c>
      <c r="D87" s="5">
        <v>3</v>
      </c>
    </row>
    <row r="88" spans="1:4" ht="18" customHeight="1" x14ac:dyDescent="0.15">
      <c r="A88" s="8">
        <v>68</v>
      </c>
      <c r="B88" s="21">
        <v>1</v>
      </c>
      <c r="C88" s="6">
        <v>0</v>
      </c>
      <c r="D88" s="5">
        <v>1</v>
      </c>
    </row>
    <row r="89" spans="1:4" ht="18" customHeight="1" x14ac:dyDescent="0.15">
      <c r="A89" s="8">
        <v>69</v>
      </c>
      <c r="B89" s="21">
        <v>0</v>
      </c>
      <c r="C89" s="6">
        <v>0</v>
      </c>
      <c r="D89" s="5">
        <v>0</v>
      </c>
    </row>
    <row r="90" spans="1:4" ht="18" customHeight="1" x14ac:dyDescent="0.15">
      <c r="A90" s="8" t="s">
        <v>10</v>
      </c>
      <c r="B90" s="21">
        <v>2</v>
      </c>
      <c r="C90" s="6">
        <v>2</v>
      </c>
      <c r="D90" s="5">
        <v>4</v>
      </c>
    </row>
    <row r="91" spans="1:4" ht="18" customHeight="1" x14ac:dyDescent="0.15">
      <c r="A91" s="8">
        <v>70</v>
      </c>
      <c r="B91" s="21">
        <v>1</v>
      </c>
      <c r="C91" s="6">
        <v>0</v>
      </c>
      <c r="D91" s="5">
        <v>1</v>
      </c>
    </row>
    <row r="92" spans="1:4" ht="18" customHeight="1" x14ac:dyDescent="0.15">
      <c r="A92" s="8">
        <v>71</v>
      </c>
      <c r="B92" s="21">
        <v>0</v>
      </c>
      <c r="C92" s="6">
        <v>0</v>
      </c>
      <c r="D92" s="5">
        <v>0</v>
      </c>
    </row>
    <row r="93" spans="1:4" ht="18" customHeight="1" x14ac:dyDescent="0.15">
      <c r="A93" s="8">
        <v>72</v>
      </c>
      <c r="B93" s="21">
        <v>2</v>
      </c>
      <c r="C93" s="6">
        <v>0</v>
      </c>
      <c r="D93" s="5">
        <v>2</v>
      </c>
    </row>
    <row r="94" spans="1:4" ht="18" customHeight="1" x14ac:dyDescent="0.15">
      <c r="A94" s="8">
        <v>73</v>
      </c>
      <c r="B94" s="21">
        <v>2</v>
      </c>
      <c r="C94" s="6">
        <v>0</v>
      </c>
      <c r="D94" s="5">
        <v>2</v>
      </c>
    </row>
    <row r="95" spans="1:4" ht="18" customHeight="1" x14ac:dyDescent="0.15">
      <c r="A95" s="8">
        <v>74</v>
      </c>
      <c r="B95" s="21">
        <v>0</v>
      </c>
      <c r="C95" s="6">
        <v>0</v>
      </c>
      <c r="D95" s="5">
        <v>0</v>
      </c>
    </row>
    <row r="96" spans="1:4" ht="18" customHeight="1" x14ac:dyDescent="0.15">
      <c r="A96" s="8" t="s">
        <v>9</v>
      </c>
      <c r="B96" s="21">
        <v>5</v>
      </c>
      <c r="C96" s="6">
        <v>0</v>
      </c>
      <c r="D96" s="5">
        <v>5</v>
      </c>
    </row>
    <row r="97" spans="1:4" ht="18" customHeight="1" x14ac:dyDescent="0.15">
      <c r="A97" s="8">
        <v>75</v>
      </c>
      <c r="B97" s="21">
        <v>0</v>
      </c>
      <c r="C97" s="6">
        <v>0</v>
      </c>
      <c r="D97" s="5">
        <v>0</v>
      </c>
    </row>
    <row r="98" spans="1:4" ht="18" customHeight="1" x14ac:dyDescent="0.15">
      <c r="A98" s="8">
        <v>76</v>
      </c>
      <c r="B98" s="21">
        <v>0</v>
      </c>
      <c r="C98" s="6">
        <v>1</v>
      </c>
      <c r="D98" s="5">
        <v>1</v>
      </c>
    </row>
    <row r="99" spans="1:4" ht="18" customHeight="1" x14ac:dyDescent="0.15">
      <c r="A99" s="8">
        <v>77</v>
      </c>
      <c r="B99" s="21">
        <v>0</v>
      </c>
      <c r="C99" s="6">
        <v>0</v>
      </c>
      <c r="D99" s="5">
        <v>0</v>
      </c>
    </row>
    <row r="100" spans="1:4" ht="18" customHeight="1" x14ac:dyDescent="0.15">
      <c r="A100" s="8">
        <v>78</v>
      </c>
      <c r="B100" s="21">
        <v>1</v>
      </c>
      <c r="C100" s="6">
        <v>0</v>
      </c>
      <c r="D100" s="5">
        <v>1</v>
      </c>
    </row>
    <row r="101" spans="1:4" ht="18" customHeight="1" x14ac:dyDescent="0.15">
      <c r="A101" s="8">
        <v>79</v>
      </c>
      <c r="B101" s="21">
        <v>1</v>
      </c>
      <c r="C101" s="6">
        <v>1</v>
      </c>
      <c r="D101" s="5">
        <v>2</v>
      </c>
    </row>
    <row r="102" spans="1:4" ht="18" customHeight="1" x14ac:dyDescent="0.15">
      <c r="A102" s="8" t="s">
        <v>8</v>
      </c>
      <c r="B102" s="21">
        <v>2</v>
      </c>
      <c r="C102" s="6">
        <v>2</v>
      </c>
      <c r="D102" s="5">
        <v>4</v>
      </c>
    </row>
    <row r="103" spans="1:4" ht="18" customHeight="1" x14ac:dyDescent="0.15">
      <c r="A103" s="8">
        <v>80</v>
      </c>
      <c r="B103" s="21">
        <v>0</v>
      </c>
      <c r="C103" s="6">
        <v>0</v>
      </c>
      <c r="D103" s="5">
        <v>0</v>
      </c>
    </row>
    <row r="104" spans="1:4" ht="18" customHeight="1" x14ac:dyDescent="0.15">
      <c r="A104" s="8">
        <v>81</v>
      </c>
      <c r="B104" s="21">
        <v>0</v>
      </c>
      <c r="C104" s="6">
        <v>0</v>
      </c>
      <c r="D104" s="5">
        <v>0</v>
      </c>
    </row>
    <row r="105" spans="1:4" ht="18" customHeight="1" x14ac:dyDescent="0.15">
      <c r="A105" s="8">
        <v>82</v>
      </c>
      <c r="B105" s="21">
        <v>0</v>
      </c>
      <c r="C105" s="6">
        <v>0</v>
      </c>
      <c r="D105" s="5">
        <v>0</v>
      </c>
    </row>
    <row r="106" spans="1:4" ht="18" customHeight="1" x14ac:dyDescent="0.15">
      <c r="A106" s="8">
        <v>83</v>
      </c>
      <c r="B106" s="21">
        <v>1</v>
      </c>
      <c r="C106" s="6">
        <v>0</v>
      </c>
      <c r="D106" s="5">
        <v>1</v>
      </c>
    </row>
    <row r="107" spans="1:4" ht="18" customHeight="1" x14ac:dyDescent="0.15">
      <c r="A107" s="8">
        <v>84</v>
      </c>
      <c r="B107" s="21">
        <v>0</v>
      </c>
      <c r="C107" s="6">
        <v>0</v>
      </c>
      <c r="D107" s="5">
        <v>0</v>
      </c>
    </row>
    <row r="108" spans="1:4" ht="18" customHeight="1" x14ac:dyDescent="0.15">
      <c r="A108" s="8" t="s">
        <v>7</v>
      </c>
      <c r="B108" s="21">
        <v>1</v>
      </c>
      <c r="C108" s="6">
        <v>0</v>
      </c>
      <c r="D108" s="5">
        <v>1</v>
      </c>
    </row>
    <row r="109" spans="1:4" ht="18" customHeight="1" x14ac:dyDescent="0.15">
      <c r="A109" s="8">
        <v>85</v>
      </c>
      <c r="B109" s="21">
        <v>0</v>
      </c>
      <c r="C109" s="6">
        <v>1</v>
      </c>
      <c r="D109" s="5">
        <v>1</v>
      </c>
    </row>
    <row r="110" spans="1:4" ht="18" customHeight="1" x14ac:dyDescent="0.15">
      <c r="A110" s="8">
        <v>86</v>
      </c>
      <c r="B110" s="21">
        <v>1</v>
      </c>
      <c r="C110" s="6">
        <v>1</v>
      </c>
      <c r="D110" s="5">
        <v>2</v>
      </c>
    </row>
    <row r="111" spans="1:4" ht="18" customHeight="1" x14ac:dyDescent="0.15">
      <c r="A111" s="8">
        <v>87</v>
      </c>
      <c r="B111" s="21">
        <v>1</v>
      </c>
      <c r="C111" s="6">
        <v>0</v>
      </c>
      <c r="D111" s="5">
        <v>1</v>
      </c>
    </row>
    <row r="112" spans="1:4" ht="18" customHeight="1" x14ac:dyDescent="0.15">
      <c r="A112" s="8">
        <v>88</v>
      </c>
      <c r="B112" s="21">
        <v>0</v>
      </c>
      <c r="C112" s="6">
        <v>2</v>
      </c>
      <c r="D112" s="5">
        <v>2</v>
      </c>
    </row>
    <row r="113" spans="1:4" ht="18" customHeight="1" x14ac:dyDescent="0.15">
      <c r="A113" s="8">
        <v>89</v>
      </c>
      <c r="B113" s="21">
        <v>1</v>
      </c>
      <c r="C113" s="6">
        <v>1</v>
      </c>
      <c r="D113" s="5">
        <v>2</v>
      </c>
    </row>
    <row r="114" spans="1:4" ht="18" customHeight="1" x14ac:dyDescent="0.15">
      <c r="A114" s="8" t="s">
        <v>6</v>
      </c>
      <c r="B114" s="21">
        <v>3</v>
      </c>
      <c r="C114" s="6">
        <v>5</v>
      </c>
      <c r="D114" s="5">
        <v>8</v>
      </c>
    </row>
    <row r="115" spans="1:4" ht="18" customHeight="1" x14ac:dyDescent="0.15">
      <c r="A115" s="8">
        <v>90</v>
      </c>
      <c r="B115" s="21">
        <v>1</v>
      </c>
      <c r="C115" s="6">
        <v>1</v>
      </c>
      <c r="D115" s="5">
        <v>2</v>
      </c>
    </row>
    <row r="116" spans="1:4" ht="18" customHeight="1" x14ac:dyDescent="0.15">
      <c r="A116" s="8">
        <v>91</v>
      </c>
      <c r="B116" s="21">
        <v>0</v>
      </c>
      <c r="C116" s="6">
        <v>0</v>
      </c>
      <c r="D116" s="5">
        <v>0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0</v>
      </c>
      <c r="C118" s="6">
        <v>0</v>
      </c>
      <c r="D118" s="5">
        <v>0</v>
      </c>
    </row>
    <row r="119" spans="1:4" ht="18" customHeight="1" x14ac:dyDescent="0.15">
      <c r="A119" s="8">
        <v>94</v>
      </c>
      <c r="B119" s="21">
        <v>1</v>
      </c>
      <c r="C119" s="6">
        <v>0</v>
      </c>
      <c r="D119" s="5">
        <v>1</v>
      </c>
    </row>
    <row r="120" spans="1:4" ht="18" customHeight="1" x14ac:dyDescent="0.15">
      <c r="A120" s="8" t="s">
        <v>5</v>
      </c>
      <c r="B120" s="21">
        <v>2</v>
      </c>
      <c r="C120" s="6">
        <v>1</v>
      </c>
      <c r="D120" s="5">
        <v>3</v>
      </c>
    </row>
    <row r="121" spans="1:4" ht="18" customHeight="1" x14ac:dyDescent="0.15">
      <c r="A121" s="8">
        <v>95</v>
      </c>
      <c r="B121" s="21">
        <v>0</v>
      </c>
      <c r="C121" s="6">
        <v>0</v>
      </c>
      <c r="D121" s="5">
        <v>0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0</v>
      </c>
      <c r="D126" s="5">
        <v>0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5</v>
      </c>
      <c r="C130" s="6">
        <v>10</v>
      </c>
      <c r="D130" s="5">
        <v>25</v>
      </c>
    </row>
    <row r="131" spans="1:4" ht="18" customHeight="1" x14ac:dyDescent="0.15">
      <c r="A131" s="4" t="s">
        <v>0</v>
      </c>
      <c r="B131" s="20">
        <v>26</v>
      </c>
      <c r="C131" s="2">
        <v>13</v>
      </c>
      <c r="D131" s="1">
        <v>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6953346-5E08-44BF-BCE1-B7C1490D92F5}">
  <sheetPr codeName="Sheet8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8</v>
      </c>
      <c r="C5" s="31">
        <v>20</v>
      </c>
      <c r="D5" s="30">
        <v>48</v>
      </c>
    </row>
    <row r="6" spans="1:4" ht="18" customHeight="1" x14ac:dyDescent="0.15">
      <c r="A6" s="8">
        <v>1</v>
      </c>
      <c r="B6" s="26">
        <v>30</v>
      </c>
      <c r="C6" s="6">
        <v>28</v>
      </c>
      <c r="D6" s="5">
        <v>58</v>
      </c>
    </row>
    <row r="7" spans="1:4" ht="18" customHeight="1" x14ac:dyDescent="0.15">
      <c r="A7" s="8">
        <v>2</v>
      </c>
      <c r="B7" s="26">
        <v>30</v>
      </c>
      <c r="C7" s="6">
        <v>28</v>
      </c>
      <c r="D7" s="5">
        <v>58</v>
      </c>
    </row>
    <row r="8" spans="1:4" ht="18" customHeight="1" x14ac:dyDescent="0.15">
      <c r="A8" s="8">
        <v>3</v>
      </c>
      <c r="B8" s="26">
        <v>35</v>
      </c>
      <c r="C8" s="6">
        <v>28</v>
      </c>
      <c r="D8" s="5">
        <v>63</v>
      </c>
    </row>
    <row r="9" spans="1:4" ht="18" customHeight="1" x14ac:dyDescent="0.15">
      <c r="A9" s="8">
        <v>4</v>
      </c>
      <c r="B9" s="29">
        <v>42</v>
      </c>
      <c r="C9" s="28">
        <v>31</v>
      </c>
      <c r="D9" s="27">
        <v>73</v>
      </c>
    </row>
    <row r="10" spans="1:4" ht="18" customHeight="1" x14ac:dyDescent="0.15">
      <c r="A10" s="8" t="s">
        <v>25</v>
      </c>
      <c r="B10" s="21">
        <v>165</v>
      </c>
      <c r="C10" s="6">
        <v>135</v>
      </c>
      <c r="D10" s="5">
        <v>300</v>
      </c>
    </row>
    <row r="11" spans="1:4" ht="18" customHeight="1" x14ac:dyDescent="0.15">
      <c r="A11" s="8">
        <v>5</v>
      </c>
      <c r="B11" s="26">
        <v>36</v>
      </c>
      <c r="C11" s="6">
        <v>50</v>
      </c>
      <c r="D11" s="5">
        <v>86</v>
      </c>
    </row>
    <row r="12" spans="1:4" ht="18" customHeight="1" x14ac:dyDescent="0.15">
      <c r="A12" s="8">
        <v>6</v>
      </c>
      <c r="B12" s="26">
        <v>41</v>
      </c>
      <c r="C12" s="6">
        <v>52</v>
      </c>
      <c r="D12" s="5">
        <v>93</v>
      </c>
    </row>
    <row r="13" spans="1:4" ht="18" customHeight="1" x14ac:dyDescent="0.15">
      <c r="A13" s="8">
        <v>7</v>
      </c>
      <c r="B13" s="26">
        <v>38</v>
      </c>
      <c r="C13" s="6">
        <v>54</v>
      </c>
      <c r="D13" s="5">
        <v>92</v>
      </c>
    </row>
    <row r="14" spans="1:4" ht="18" customHeight="1" x14ac:dyDescent="0.15">
      <c r="A14" s="8">
        <v>8</v>
      </c>
      <c r="B14" s="26">
        <v>52</v>
      </c>
      <c r="C14" s="6">
        <v>63</v>
      </c>
      <c r="D14" s="5">
        <v>115</v>
      </c>
    </row>
    <row r="15" spans="1:4" ht="18" customHeight="1" x14ac:dyDescent="0.15">
      <c r="A15" s="8">
        <v>9</v>
      </c>
      <c r="B15" s="26">
        <v>59</v>
      </c>
      <c r="C15" s="6">
        <v>61</v>
      </c>
      <c r="D15" s="5">
        <v>120</v>
      </c>
    </row>
    <row r="16" spans="1:4" ht="18" customHeight="1" x14ac:dyDescent="0.15">
      <c r="A16" s="8" t="s">
        <v>24</v>
      </c>
      <c r="B16" s="21">
        <v>226</v>
      </c>
      <c r="C16" s="6">
        <v>280</v>
      </c>
      <c r="D16" s="5">
        <v>506</v>
      </c>
    </row>
    <row r="17" spans="1:4" ht="18" customHeight="1" x14ac:dyDescent="0.15">
      <c r="A17" s="8">
        <v>10</v>
      </c>
      <c r="B17" s="21">
        <v>53</v>
      </c>
      <c r="C17" s="6">
        <v>68</v>
      </c>
      <c r="D17" s="5">
        <v>121</v>
      </c>
    </row>
    <row r="18" spans="1:4" ht="18" customHeight="1" x14ac:dyDescent="0.15">
      <c r="A18" s="8">
        <v>11</v>
      </c>
      <c r="B18" s="21">
        <v>63</v>
      </c>
      <c r="C18" s="6">
        <v>58</v>
      </c>
      <c r="D18" s="5">
        <v>121</v>
      </c>
    </row>
    <row r="19" spans="1:4" ht="18" customHeight="1" x14ac:dyDescent="0.15">
      <c r="A19" s="8">
        <v>12</v>
      </c>
      <c r="B19" s="21">
        <v>76</v>
      </c>
      <c r="C19" s="6">
        <v>63</v>
      </c>
      <c r="D19" s="5">
        <v>139</v>
      </c>
    </row>
    <row r="20" spans="1:4" ht="18" customHeight="1" x14ac:dyDescent="0.15">
      <c r="A20" s="8">
        <v>13</v>
      </c>
      <c r="B20" s="21">
        <v>59</v>
      </c>
      <c r="C20" s="6">
        <v>64</v>
      </c>
      <c r="D20" s="5">
        <v>123</v>
      </c>
    </row>
    <row r="21" spans="1:4" ht="18" customHeight="1" x14ac:dyDescent="0.15">
      <c r="A21" s="8">
        <v>14</v>
      </c>
      <c r="B21" s="21">
        <v>62</v>
      </c>
      <c r="C21" s="6">
        <v>59</v>
      </c>
      <c r="D21" s="5">
        <v>121</v>
      </c>
    </row>
    <row r="22" spans="1:4" ht="18" customHeight="1" x14ac:dyDescent="0.15">
      <c r="A22" s="8" t="s">
        <v>23</v>
      </c>
      <c r="B22" s="21">
        <v>313</v>
      </c>
      <c r="C22" s="6">
        <v>312</v>
      </c>
      <c r="D22" s="5">
        <v>625</v>
      </c>
    </row>
    <row r="23" spans="1:4" ht="18" customHeight="1" x14ac:dyDescent="0.15">
      <c r="A23" s="8" t="s">
        <v>22</v>
      </c>
      <c r="B23" s="21">
        <v>704</v>
      </c>
      <c r="C23" s="6">
        <v>727</v>
      </c>
      <c r="D23" s="5">
        <v>1431</v>
      </c>
    </row>
    <row r="24" spans="1:4" ht="18" customHeight="1" x14ac:dyDescent="0.15">
      <c r="A24" s="8">
        <v>15</v>
      </c>
      <c r="B24" s="21">
        <v>68</v>
      </c>
      <c r="C24" s="6">
        <v>85</v>
      </c>
      <c r="D24" s="5">
        <v>153</v>
      </c>
    </row>
    <row r="25" spans="1:4" ht="18" customHeight="1" x14ac:dyDescent="0.15">
      <c r="A25" s="8">
        <v>16</v>
      </c>
      <c r="B25" s="21">
        <v>74</v>
      </c>
      <c r="C25" s="6">
        <v>76</v>
      </c>
      <c r="D25" s="5">
        <v>150</v>
      </c>
    </row>
    <row r="26" spans="1:4" ht="18" customHeight="1" x14ac:dyDescent="0.15">
      <c r="A26" s="8">
        <v>17</v>
      </c>
      <c r="B26" s="21">
        <v>77</v>
      </c>
      <c r="C26" s="6">
        <v>76</v>
      </c>
      <c r="D26" s="5">
        <v>153</v>
      </c>
    </row>
    <row r="27" spans="1:4" ht="18" customHeight="1" x14ac:dyDescent="0.15">
      <c r="A27" s="8">
        <v>18</v>
      </c>
      <c r="B27" s="21">
        <v>77</v>
      </c>
      <c r="C27" s="6">
        <v>65</v>
      </c>
      <c r="D27" s="5">
        <v>142</v>
      </c>
    </row>
    <row r="28" spans="1:4" ht="18" customHeight="1" x14ac:dyDescent="0.15">
      <c r="A28" s="8">
        <v>19</v>
      </c>
      <c r="B28" s="21">
        <v>92</v>
      </c>
      <c r="C28" s="6">
        <v>75</v>
      </c>
      <c r="D28" s="5">
        <v>167</v>
      </c>
    </row>
    <row r="29" spans="1:4" ht="18" customHeight="1" x14ac:dyDescent="0.15">
      <c r="A29" s="8" t="s">
        <v>21</v>
      </c>
      <c r="B29" s="21">
        <v>388</v>
      </c>
      <c r="C29" s="6">
        <v>377</v>
      </c>
      <c r="D29" s="5">
        <v>765</v>
      </c>
    </row>
    <row r="30" spans="1:4" ht="18" customHeight="1" x14ac:dyDescent="0.15">
      <c r="A30" s="8">
        <v>20</v>
      </c>
      <c r="B30" s="21">
        <v>71</v>
      </c>
      <c r="C30" s="6">
        <v>88</v>
      </c>
      <c r="D30" s="5">
        <v>159</v>
      </c>
    </row>
    <row r="31" spans="1:4" ht="18" customHeight="1" x14ac:dyDescent="0.15">
      <c r="A31" s="8">
        <v>21</v>
      </c>
      <c r="B31" s="21">
        <v>91</v>
      </c>
      <c r="C31" s="6">
        <v>78</v>
      </c>
      <c r="D31" s="5">
        <v>169</v>
      </c>
    </row>
    <row r="32" spans="1:4" ht="18" customHeight="1" x14ac:dyDescent="0.15">
      <c r="A32" s="8">
        <v>22</v>
      </c>
      <c r="B32" s="21">
        <v>78</v>
      </c>
      <c r="C32" s="6">
        <v>91</v>
      </c>
      <c r="D32" s="5">
        <v>169</v>
      </c>
    </row>
    <row r="33" spans="1:4" ht="18" customHeight="1" x14ac:dyDescent="0.15">
      <c r="A33" s="8">
        <v>23</v>
      </c>
      <c r="B33" s="21">
        <v>100</v>
      </c>
      <c r="C33" s="6">
        <v>77</v>
      </c>
      <c r="D33" s="5">
        <v>177</v>
      </c>
    </row>
    <row r="34" spans="1:4" ht="18" customHeight="1" x14ac:dyDescent="0.15">
      <c r="A34" s="8">
        <v>24</v>
      </c>
      <c r="B34" s="21">
        <v>91</v>
      </c>
      <c r="C34" s="6">
        <v>72</v>
      </c>
      <c r="D34" s="5">
        <v>163</v>
      </c>
    </row>
    <row r="35" spans="1:4" ht="18" customHeight="1" x14ac:dyDescent="0.15">
      <c r="A35" s="8" t="s">
        <v>20</v>
      </c>
      <c r="B35" s="21">
        <v>431</v>
      </c>
      <c r="C35" s="6">
        <v>406</v>
      </c>
      <c r="D35" s="5">
        <v>837</v>
      </c>
    </row>
    <row r="36" spans="1:4" ht="18" customHeight="1" x14ac:dyDescent="0.15">
      <c r="A36" s="8">
        <v>25</v>
      </c>
      <c r="B36" s="21">
        <v>89</v>
      </c>
      <c r="C36" s="6">
        <v>84</v>
      </c>
      <c r="D36" s="5">
        <v>173</v>
      </c>
    </row>
    <row r="37" spans="1:4" ht="18" customHeight="1" x14ac:dyDescent="0.15">
      <c r="A37" s="8">
        <v>26</v>
      </c>
      <c r="B37" s="21">
        <v>97</v>
      </c>
      <c r="C37" s="6">
        <v>67</v>
      </c>
      <c r="D37" s="5">
        <v>164</v>
      </c>
    </row>
    <row r="38" spans="1:4" ht="18" customHeight="1" x14ac:dyDescent="0.15">
      <c r="A38" s="8">
        <v>27</v>
      </c>
      <c r="B38" s="21">
        <v>104</v>
      </c>
      <c r="C38" s="6">
        <v>62</v>
      </c>
      <c r="D38" s="5">
        <v>166</v>
      </c>
    </row>
    <row r="39" spans="1:4" ht="18" customHeight="1" x14ac:dyDescent="0.15">
      <c r="A39" s="8">
        <v>28</v>
      </c>
      <c r="B39" s="21">
        <v>72</v>
      </c>
      <c r="C39" s="6">
        <v>62</v>
      </c>
      <c r="D39" s="5">
        <v>134</v>
      </c>
    </row>
    <row r="40" spans="1:4" ht="18" customHeight="1" x14ac:dyDescent="0.15">
      <c r="A40" s="8">
        <v>29</v>
      </c>
      <c r="B40" s="21">
        <v>79</v>
      </c>
      <c r="C40" s="6">
        <v>55</v>
      </c>
      <c r="D40" s="5">
        <v>134</v>
      </c>
    </row>
    <row r="41" spans="1:4" ht="18" customHeight="1" x14ac:dyDescent="0.15">
      <c r="A41" s="8" t="s">
        <v>19</v>
      </c>
      <c r="B41" s="21">
        <v>441</v>
      </c>
      <c r="C41" s="6">
        <v>330</v>
      </c>
      <c r="D41" s="5">
        <v>771</v>
      </c>
    </row>
    <row r="42" spans="1:4" ht="18" customHeight="1" x14ac:dyDescent="0.15">
      <c r="A42" s="8">
        <v>30</v>
      </c>
      <c r="B42" s="21">
        <v>61</v>
      </c>
      <c r="C42" s="6">
        <v>57</v>
      </c>
      <c r="D42" s="5">
        <v>118</v>
      </c>
    </row>
    <row r="43" spans="1:4" ht="18" customHeight="1" x14ac:dyDescent="0.15">
      <c r="A43" s="8">
        <v>31</v>
      </c>
      <c r="B43" s="21">
        <v>84</v>
      </c>
      <c r="C43" s="6">
        <v>43</v>
      </c>
      <c r="D43" s="5">
        <v>127</v>
      </c>
    </row>
    <row r="44" spans="1:4" ht="18" customHeight="1" x14ac:dyDescent="0.15">
      <c r="A44" s="8">
        <v>32</v>
      </c>
      <c r="B44" s="21">
        <v>60</v>
      </c>
      <c r="C44" s="6">
        <v>49</v>
      </c>
      <c r="D44" s="5">
        <v>109</v>
      </c>
    </row>
    <row r="45" spans="1:4" ht="18" customHeight="1" x14ac:dyDescent="0.15">
      <c r="A45" s="8">
        <v>33</v>
      </c>
      <c r="B45" s="21">
        <v>71</v>
      </c>
      <c r="C45" s="6">
        <v>66</v>
      </c>
      <c r="D45" s="5">
        <v>137</v>
      </c>
    </row>
    <row r="46" spans="1:4" ht="18" customHeight="1" x14ac:dyDescent="0.15">
      <c r="A46" s="8">
        <v>34</v>
      </c>
      <c r="B46" s="21">
        <v>64</v>
      </c>
      <c r="C46" s="6">
        <v>45</v>
      </c>
      <c r="D46" s="5">
        <v>109</v>
      </c>
    </row>
    <row r="47" spans="1:4" ht="18" customHeight="1" x14ac:dyDescent="0.15">
      <c r="A47" s="8" t="s">
        <v>18</v>
      </c>
      <c r="B47" s="21">
        <v>340</v>
      </c>
      <c r="C47" s="6">
        <v>260</v>
      </c>
      <c r="D47" s="5">
        <v>600</v>
      </c>
    </row>
    <row r="48" spans="1:4" ht="18" customHeight="1" x14ac:dyDescent="0.15">
      <c r="A48" s="8">
        <v>35</v>
      </c>
      <c r="B48" s="21">
        <v>61</v>
      </c>
      <c r="C48" s="6">
        <v>53</v>
      </c>
      <c r="D48" s="5">
        <v>114</v>
      </c>
    </row>
    <row r="49" spans="1:4" ht="18" customHeight="1" x14ac:dyDescent="0.15">
      <c r="A49" s="8">
        <v>36</v>
      </c>
      <c r="B49" s="21">
        <v>83</v>
      </c>
      <c r="C49" s="6">
        <v>69</v>
      </c>
      <c r="D49" s="5">
        <v>152</v>
      </c>
    </row>
    <row r="50" spans="1:4" ht="18" customHeight="1" x14ac:dyDescent="0.15">
      <c r="A50" s="8">
        <v>37</v>
      </c>
      <c r="B50" s="21">
        <v>75</v>
      </c>
      <c r="C50" s="6">
        <v>62</v>
      </c>
      <c r="D50" s="5">
        <v>137</v>
      </c>
    </row>
    <row r="51" spans="1:4" ht="18" customHeight="1" x14ac:dyDescent="0.15">
      <c r="A51" s="8">
        <v>38</v>
      </c>
      <c r="B51" s="21">
        <v>80</v>
      </c>
      <c r="C51" s="6">
        <v>71</v>
      </c>
      <c r="D51" s="5">
        <v>151</v>
      </c>
    </row>
    <row r="52" spans="1:4" ht="18" customHeight="1" x14ac:dyDescent="0.15">
      <c r="A52" s="8">
        <v>39</v>
      </c>
      <c r="B52" s="21">
        <v>76</v>
      </c>
      <c r="C52" s="6">
        <v>79</v>
      </c>
      <c r="D52" s="5">
        <v>155</v>
      </c>
    </row>
    <row r="53" spans="1:4" ht="18" customHeight="1" x14ac:dyDescent="0.15">
      <c r="A53" s="8" t="s">
        <v>17</v>
      </c>
      <c r="B53" s="21">
        <v>375</v>
      </c>
      <c r="C53" s="6">
        <v>334</v>
      </c>
      <c r="D53" s="5">
        <v>709</v>
      </c>
    </row>
    <row r="54" spans="1:4" ht="18" customHeight="1" x14ac:dyDescent="0.15">
      <c r="A54" s="8">
        <v>40</v>
      </c>
      <c r="B54" s="21">
        <v>75</v>
      </c>
      <c r="C54" s="6">
        <v>78</v>
      </c>
      <c r="D54" s="5">
        <v>153</v>
      </c>
    </row>
    <row r="55" spans="1:4" ht="18" customHeight="1" x14ac:dyDescent="0.15">
      <c r="A55" s="8">
        <v>41</v>
      </c>
      <c r="B55" s="21">
        <v>84</v>
      </c>
      <c r="C55" s="6">
        <v>82</v>
      </c>
      <c r="D55" s="5">
        <v>166</v>
      </c>
    </row>
    <row r="56" spans="1:4" ht="18" customHeight="1" x14ac:dyDescent="0.15">
      <c r="A56" s="8">
        <v>42</v>
      </c>
      <c r="B56" s="21">
        <v>85</v>
      </c>
      <c r="C56" s="6">
        <v>89</v>
      </c>
      <c r="D56" s="5">
        <v>174</v>
      </c>
    </row>
    <row r="57" spans="1:4" ht="18" customHeight="1" x14ac:dyDescent="0.15">
      <c r="A57" s="8">
        <v>43</v>
      </c>
      <c r="B57" s="21">
        <v>101</v>
      </c>
      <c r="C57" s="6">
        <v>100</v>
      </c>
      <c r="D57" s="5">
        <v>201</v>
      </c>
    </row>
    <row r="58" spans="1:4" ht="18" customHeight="1" x14ac:dyDescent="0.15">
      <c r="A58" s="8">
        <v>44</v>
      </c>
      <c r="B58" s="21">
        <v>124</v>
      </c>
      <c r="C58" s="6">
        <v>88</v>
      </c>
      <c r="D58" s="5">
        <v>212</v>
      </c>
    </row>
    <row r="59" spans="1:4" ht="18" customHeight="1" x14ac:dyDescent="0.15">
      <c r="A59" s="8" t="s">
        <v>16</v>
      </c>
      <c r="B59" s="21">
        <v>469</v>
      </c>
      <c r="C59" s="6">
        <v>437</v>
      </c>
      <c r="D59" s="5">
        <v>906</v>
      </c>
    </row>
    <row r="60" spans="1:4" ht="18" customHeight="1" x14ac:dyDescent="0.15">
      <c r="A60" s="8">
        <v>45</v>
      </c>
      <c r="B60" s="21">
        <v>105</v>
      </c>
      <c r="C60" s="6">
        <v>91</v>
      </c>
      <c r="D60" s="5">
        <v>196</v>
      </c>
    </row>
    <row r="61" spans="1:4" ht="18" customHeight="1" x14ac:dyDescent="0.15">
      <c r="A61" s="8">
        <v>46</v>
      </c>
      <c r="B61" s="21">
        <v>119</v>
      </c>
      <c r="C61" s="6">
        <v>114</v>
      </c>
      <c r="D61" s="5">
        <v>233</v>
      </c>
    </row>
    <row r="62" spans="1:4" ht="18" customHeight="1" x14ac:dyDescent="0.15">
      <c r="A62" s="8">
        <v>47</v>
      </c>
      <c r="B62" s="21">
        <v>103</v>
      </c>
      <c r="C62" s="6">
        <v>107</v>
      </c>
      <c r="D62" s="5">
        <v>210</v>
      </c>
    </row>
    <row r="63" spans="1:4" ht="18" customHeight="1" x14ac:dyDescent="0.15">
      <c r="A63" s="8">
        <v>48</v>
      </c>
      <c r="B63" s="21">
        <v>108</v>
      </c>
      <c r="C63" s="6">
        <v>116</v>
      </c>
      <c r="D63" s="5">
        <v>224</v>
      </c>
    </row>
    <row r="64" spans="1:4" ht="18" customHeight="1" x14ac:dyDescent="0.15">
      <c r="A64" s="8">
        <v>49</v>
      </c>
      <c r="B64" s="21">
        <v>131</v>
      </c>
      <c r="C64" s="6">
        <v>120</v>
      </c>
      <c r="D64" s="5">
        <v>251</v>
      </c>
    </row>
    <row r="65" spans="1:4" ht="18" customHeight="1" x14ac:dyDescent="0.15">
      <c r="A65" s="8" t="s">
        <v>15</v>
      </c>
      <c r="B65" s="21">
        <v>566</v>
      </c>
      <c r="C65" s="6">
        <v>548</v>
      </c>
      <c r="D65" s="5">
        <v>1114</v>
      </c>
    </row>
    <row r="66" spans="1:4" ht="18" customHeight="1" x14ac:dyDescent="0.15">
      <c r="A66" s="8">
        <v>50</v>
      </c>
      <c r="B66" s="21">
        <v>145</v>
      </c>
      <c r="C66" s="6">
        <v>136</v>
      </c>
      <c r="D66" s="5">
        <v>281</v>
      </c>
    </row>
    <row r="67" spans="1:4" ht="18" customHeight="1" x14ac:dyDescent="0.15">
      <c r="A67" s="8">
        <v>51</v>
      </c>
      <c r="B67" s="21">
        <v>129</v>
      </c>
      <c r="C67" s="6">
        <v>126</v>
      </c>
      <c r="D67" s="5">
        <v>255</v>
      </c>
    </row>
    <row r="68" spans="1:4" ht="18" customHeight="1" x14ac:dyDescent="0.15">
      <c r="A68" s="8">
        <v>52</v>
      </c>
      <c r="B68" s="21">
        <v>161</v>
      </c>
      <c r="C68" s="6">
        <v>130</v>
      </c>
      <c r="D68" s="5">
        <v>291</v>
      </c>
    </row>
    <row r="69" spans="1:4" ht="18" customHeight="1" x14ac:dyDescent="0.15">
      <c r="A69" s="8">
        <v>53</v>
      </c>
      <c r="B69" s="21">
        <v>147</v>
      </c>
      <c r="C69" s="6">
        <v>144</v>
      </c>
      <c r="D69" s="5">
        <v>291</v>
      </c>
    </row>
    <row r="70" spans="1:4" ht="18" customHeight="1" x14ac:dyDescent="0.15">
      <c r="A70" s="8">
        <v>54</v>
      </c>
      <c r="B70" s="21">
        <v>135</v>
      </c>
      <c r="C70" s="6">
        <v>126</v>
      </c>
      <c r="D70" s="5">
        <v>261</v>
      </c>
    </row>
    <row r="71" spans="1:4" ht="18" customHeight="1" x14ac:dyDescent="0.15">
      <c r="A71" s="8" t="s">
        <v>14</v>
      </c>
      <c r="B71" s="21">
        <v>717</v>
      </c>
      <c r="C71" s="6">
        <v>662</v>
      </c>
      <c r="D71" s="5">
        <v>1379</v>
      </c>
    </row>
    <row r="72" spans="1:4" ht="18" customHeight="1" x14ac:dyDescent="0.15">
      <c r="A72" s="8">
        <v>55</v>
      </c>
      <c r="B72" s="21">
        <v>147</v>
      </c>
      <c r="C72" s="6">
        <v>128</v>
      </c>
      <c r="D72" s="5">
        <v>275</v>
      </c>
    </row>
    <row r="73" spans="1:4" ht="18" customHeight="1" x14ac:dyDescent="0.15">
      <c r="A73" s="8">
        <v>56</v>
      </c>
      <c r="B73" s="21">
        <v>117</v>
      </c>
      <c r="C73" s="6">
        <v>117</v>
      </c>
      <c r="D73" s="5">
        <v>234</v>
      </c>
    </row>
    <row r="74" spans="1:4" ht="18" customHeight="1" x14ac:dyDescent="0.15">
      <c r="A74" s="8">
        <v>57</v>
      </c>
      <c r="B74" s="21">
        <v>110</v>
      </c>
      <c r="C74" s="6">
        <v>125</v>
      </c>
      <c r="D74" s="5">
        <v>235</v>
      </c>
    </row>
    <row r="75" spans="1:4" ht="18" customHeight="1" x14ac:dyDescent="0.15">
      <c r="A75" s="8">
        <v>58</v>
      </c>
      <c r="B75" s="21">
        <v>125</v>
      </c>
      <c r="C75" s="6">
        <v>120</v>
      </c>
      <c r="D75" s="5">
        <v>245</v>
      </c>
    </row>
    <row r="76" spans="1:4" ht="18" customHeight="1" x14ac:dyDescent="0.15">
      <c r="A76" s="8">
        <v>59</v>
      </c>
      <c r="B76" s="21">
        <v>73</v>
      </c>
      <c r="C76" s="6">
        <v>93</v>
      </c>
      <c r="D76" s="5">
        <v>166</v>
      </c>
    </row>
    <row r="77" spans="1:4" ht="18" customHeight="1" x14ac:dyDescent="0.15">
      <c r="A77" s="8" t="s">
        <v>13</v>
      </c>
      <c r="B77" s="21">
        <v>572</v>
      </c>
      <c r="C77" s="6">
        <v>583</v>
      </c>
      <c r="D77" s="5">
        <v>1155</v>
      </c>
    </row>
    <row r="78" spans="1:4" ht="18" customHeight="1" x14ac:dyDescent="0.15">
      <c r="A78" s="8">
        <v>60</v>
      </c>
      <c r="B78" s="21">
        <v>134</v>
      </c>
      <c r="C78" s="6">
        <v>104</v>
      </c>
      <c r="D78" s="5">
        <v>238</v>
      </c>
    </row>
    <row r="79" spans="1:4" ht="18" customHeight="1" x14ac:dyDescent="0.15">
      <c r="A79" s="8">
        <v>61</v>
      </c>
      <c r="B79" s="21">
        <v>128</v>
      </c>
      <c r="C79" s="6">
        <v>111</v>
      </c>
      <c r="D79" s="5">
        <v>239</v>
      </c>
    </row>
    <row r="80" spans="1:4" ht="18" customHeight="1" x14ac:dyDescent="0.15">
      <c r="A80" s="8">
        <v>62</v>
      </c>
      <c r="B80" s="21">
        <v>106</v>
      </c>
      <c r="C80" s="6">
        <v>115</v>
      </c>
      <c r="D80" s="5">
        <v>221</v>
      </c>
    </row>
    <row r="81" spans="1:4" ht="18" customHeight="1" x14ac:dyDescent="0.15">
      <c r="A81" s="8">
        <v>63</v>
      </c>
      <c r="B81" s="21">
        <v>117</v>
      </c>
      <c r="C81" s="6">
        <v>99</v>
      </c>
      <c r="D81" s="5">
        <v>216</v>
      </c>
    </row>
    <row r="82" spans="1:4" ht="18" customHeight="1" x14ac:dyDescent="0.15">
      <c r="A82" s="8">
        <v>64</v>
      </c>
      <c r="B82" s="21">
        <v>113</v>
      </c>
      <c r="C82" s="6">
        <v>123</v>
      </c>
      <c r="D82" s="5">
        <v>236</v>
      </c>
    </row>
    <row r="83" spans="1:4" ht="18" customHeight="1" x14ac:dyDescent="0.15">
      <c r="A83" s="8" t="s">
        <v>12</v>
      </c>
      <c r="B83" s="21">
        <v>598</v>
      </c>
      <c r="C83" s="6">
        <v>552</v>
      </c>
      <c r="D83" s="5">
        <v>1150</v>
      </c>
    </row>
    <row r="84" spans="1:4" ht="18" customHeight="1" x14ac:dyDescent="0.15">
      <c r="A84" s="8" t="s">
        <v>11</v>
      </c>
      <c r="B84" s="21">
        <v>4897</v>
      </c>
      <c r="C84" s="6">
        <v>4489</v>
      </c>
      <c r="D84" s="5">
        <v>9386</v>
      </c>
    </row>
    <row r="85" spans="1:4" ht="18" customHeight="1" x14ac:dyDescent="0.15">
      <c r="A85" s="8">
        <v>65</v>
      </c>
      <c r="B85" s="21">
        <v>130</v>
      </c>
      <c r="C85" s="6">
        <v>116</v>
      </c>
      <c r="D85" s="5">
        <v>246</v>
      </c>
    </row>
    <row r="86" spans="1:4" ht="18" customHeight="1" x14ac:dyDescent="0.15">
      <c r="A86" s="8">
        <v>66</v>
      </c>
      <c r="B86" s="21">
        <v>106</v>
      </c>
      <c r="C86" s="6">
        <v>112</v>
      </c>
      <c r="D86" s="5">
        <v>218</v>
      </c>
    </row>
    <row r="87" spans="1:4" ht="18" customHeight="1" x14ac:dyDescent="0.15">
      <c r="A87" s="8">
        <v>67</v>
      </c>
      <c r="B87" s="21">
        <v>124</v>
      </c>
      <c r="C87" s="6">
        <v>122</v>
      </c>
      <c r="D87" s="5">
        <v>246</v>
      </c>
    </row>
    <row r="88" spans="1:4" ht="18" customHeight="1" x14ac:dyDescent="0.15">
      <c r="A88" s="8">
        <v>68</v>
      </c>
      <c r="B88" s="21">
        <v>127</v>
      </c>
      <c r="C88" s="6">
        <v>129</v>
      </c>
      <c r="D88" s="5">
        <v>256</v>
      </c>
    </row>
    <row r="89" spans="1:4" ht="18" customHeight="1" x14ac:dyDescent="0.15">
      <c r="A89" s="8">
        <v>69</v>
      </c>
      <c r="B89" s="21">
        <v>130</v>
      </c>
      <c r="C89" s="6">
        <v>132</v>
      </c>
      <c r="D89" s="5">
        <v>262</v>
      </c>
    </row>
    <row r="90" spans="1:4" ht="18" customHeight="1" x14ac:dyDescent="0.15">
      <c r="A90" s="8" t="s">
        <v>10</v>
      </c>
      <c r="B90" s="21">
        <v>617</v>
      </c>
      <c r="C90" s="6">
        <v>611</v>
      </c>
      <c r="D90" s="5">
        <v>1228</v>
      </c>
    </row>
    <row r="91" spans="1:4" ht="18" customHeight="1" x14ac:dyDescent="0.15">
      <c r="A91" s="8">
        <v>70</v>
      </c>
      <c r="B91" s="21">
        <v>135</v>
      </c>
      <c r="C91" s="6">
        <v>150</v>
      </c>
      <c r="D91" s="5">
        <v>285</v>
      </c>
    </row>
    <row r="92" spans="1:4" ht="18" customHeight="1" x14ac:dyDescent="0.15">
      <c r="A92" s="8">
        <v>71</v>
      </c>
      <c r="B92" s="21">
        <v>154</v>
      </c>
      <c r="C92" s="6">
        <v>153</v>
      </c>
      <c r="D92" s="5">
        <v>307</v>
      </c>
    </row>
    <row r="93" spans="1:4" ht="18" customHeight="1" x14ac:dyDescent="0.15">
      <c r="A93" s="8">
        <v>72</v>
      </c>
      <c r="B93" s="21">
        <v>153</v>
      </c>
      <c r="C93" s="6">
        <v>144</v>
      </c>
      <c r="D93" s="5">
        <v>297</v>
      </c>
    </row>
    <row r="94" spans="1:4" ht="18" customHeight="1" x14ac:dyDescent="0.15">
      <c r="A94" s="8">
        <v>73</v>
      </c>
      <c r="B94" s="21">
        <v>161</v>
      </c>
      <c r="C94" s="6">
        <v>151</v>
      </c>
      <c r="D94" s="5">
        <v>312</v>
      </c>
    </row>
    <row r="95" spans="1:4" ht="18" customHeight="1" x14ac:dyDescent="0.15">
      <c r="A95" s="8">
        <v>74</v>
      </c>
      <c r="B95" s="21">
        <v>150</v>
      </c>
      <c r="C95" s="6">
        <v>171</v>
      </c>
      <c r="D95" s="5">
        <v>321</v>
      </c>
    </row>
    <row r="96" spans="1:4" ht="18" customHeight="1" x14ac:dyDescent="0.15">
      <c r="A96" s="8" t="s">
        <v>9</v>
      </c>
      <c r="B96" s="21">
        <v>753</v>
      </c>
      <c r="C96" s="6">
        <v>769</v>
      </c>
      <c r="D96" s="5">
        <v>1522</v>
      </c>
    </row>
    <row r="97" spans="1:4" ht="18" customHeight="1" x14ac:dyDescent="0.15">
      <c r="A97" s="8">
        <v>75</v>
      </c>
      <c r="B97" s="21">
        <v>161</v>
      </c>
      <c r="C97" s="6">
        <v>175</v>
      </c>
      <c r="D97" s="5">
        <v>336</v>
      </c>
    </row>
    <row r="98" spans="1:4" ht="18" customHeight="1" x14ac:dyDescent="0.15">
      <c r="A98" s="8">
        <v>76</v>
      </c>
      <c r="B98" s="21">
        <v>182</v>
      </c>
      <c r="C98" s="6">
        <v>183</v>
      </c>
      <c r="D98" s="5">
        <v>365</v>
      </c>
    </row>
    <row r="99" spans="1:4" ht="18" customHeight="1" x14ac:dyDescent="0.15">
      <c r="A99" s="8">
        <v>77</v>
      </c>
      <c r="B99" s="21">
        <v>205</v>
      </c>
      <c r="C99" s="6">
        <v>179</v>
      </c>
      <c r="D99" s="5">
        <v>384</v>
      </c>
    </row>
    <row r="100" spans="1:4" ht="18" customHeight="1" x14ac:dyDescent="0.15">
      <c r="A100" s="8">
        <v>78</v>
      </c>
      <c r="B100" s="21">
        <v>162</v>
      </c>
      <c r="C100" s="6">
        <v>190</v>
      </c>
      <c r="D100" s="5">
        <v>352</v>
      </c>
    </row>
    <row r="101" spans="1:4" ht="18" customHeight="1" x14ac:dyDescent="0.15">
      <c r="A101" s="8">
        <v>79</v>
      </c>
      <c r="B101" s="21">
        <v>84</v>
      </c>
      <c r="C101" s="6">
        <v>101</v>
      </c>
      <c r="D101" s="5">
        <v>185</v>
      </c>
    </row>
    <row r="102" spans="1:4" ht="18" customHeight="1" x14ac:dyDescent="0.15">
      <c r="A102" s="8" t="s">
        <v>8</v>
      </c>
      <c r="B102" s="21">
        <v>794</v>
      </c>
      <c r="C102" s="6">
        <v>828</v>
      </c>
      <c r="D102" s="5">
        <v>1622</v>
      </c>
    </row>
    <row r="103" spans="1:4" ht="18" customHeight="1" x14ac:dyDescent="0.15">
      <c r="A103" s="8">
        <v>80</v>
      </c>
      <c r="B103" s="21">
        <v>72</v>
      </c>
      <c r="C103" s="6">
        <v>101</v>
      </c>
      <c r="D103" s="5">
        <v>173</v>
      </c>
    </row>
    <row r="104" spans="1:4" ht="18" customHeight="1" x14ac:dyDescent="0.15">
      <c r="A104" s="8">
        <v>81</v>
      </c>
      <c r="B104" s="21">
        <v>104</v>
      </c>
      <c r="C104" s="6">
        <v>122</v>
      </c>
      <c r="D104" s="5">
        <v>226</v>
      </c>
    </row>
    <row r="105" spans="1:4" ht="18" customHeight="1" x14ac:dyDescent="0.15">
      <c r="A105" s="8">
        <v>82</v>
      </c>
      <c r="B105" s="21">
        <v>93</v>
      </c>
      <c r="C105" s="6">
        <v>104</v>
      </c>
      <c r="D105" s="5">
        <v>197</v>
      </c>
    </row>
    <row r="106" spans="1:4" ht="18" customHeight="1" x14ac:dyDescent="0.15">
      <c r="A106" s="8">
        <v>83</v>
      </c>
      <c r="B106" s="21">
        <v>95</v>
      </c>
      <c r="C106" s="6">
        <v>114</v>
      </c>
      <c r="D106" s="5">
        <v>209</v>
      </c>
    </row>
    <row r="107" spans="1:4" ht="18" customHeight="1" x14ac:dyDescent="0.15">
      <c r="A107" s="8">
        <v>84</v>
      </c>
      <c r="B107" s="21">
        <v>86</v>
      </c>
      <c r="C107" s="6">
        <v>109</v>
      </c>
      <c r="D107" s="5">
        <v>195</v>
      </c>
    </row>
    <row r="108" spans="1:4" ht="18" customHeight="1" x14ac:dyDescent="0.15">
      <c r="A108" s="8" t="s">
        <v>7</v>
      </c>
      <c r="B108" s="21">
        <v>450</v>
      </c>
      <c r="C108" s="6">
        <v>550</v>
      </c>
      <c r="D108" s="5">
        <v>1000</v>
      </c>
    </row>
    <row r="109" spans="1:4" ht="18" customHeight="1" x14ac:dyDescent="0.15">
      <c r="A109" s="8">
        <v>85</v>
      </c>
      <c r="B109" s="21">
        <v>47</v>
      </c>
      <c r="C109" s="6">
        <v>89</v>
      </c>
      <c r="D109" s="5">
        <v>136</v>
      </c>
    </row>
    <row r="110" spans="1:4" ht="18" customHeight="1" x14ac:dyDescent="0.15">
      <c r="A110" s="8">
        <v>86</v>
      </c>
      <c r="B110" s="21">
        <v>52</v>
      </c>
      <c r="C110" s="6">
        <v>86</v>
      </c>
      <c r="D110" s="5">
        <v>138</v>
      </c>
    </row>
    <row r="111" spans="1:4" ht="18" customHeight="1" x14ac:dyDescent="0.15">
      <c r="A111" s="8">
        <v>87</v>
      </c>
      <c r="B111" s="21">
        <v>50</v>
      </c>
      <c r="C111" s="6">
        <v>94</v>
      </c>
      <c r="D111" s="5">
        <v>144</v>
      </c>
    </row>
    <row r="112" spans="1:4" ht="18" customHeight="1" x14ac:dyDescent="0.15">
      <c r="A112" s="8">
        <v>88</v>
      </c>
      <c r="B112" s="21">
        <v>42</v>
      </c>
      <c r="C112" s="6">
        <v>97</v>
      </c>
      <c r="D112" s="5">
        <v>139</v>
      </c>
    </row>
    <row r="113" spans="1:4" ht="18" customHeight="1" x14ac:dyDescent="0.15">
      <c r="A113" s="8">
        <v>89</v>
      </c>
      <c r="B113" s="21">
        <v>51</v>
      </c>
      <c r="C113" s="6">
        <v>85</v>
      </c>
      <c r="D113" s="5">
        <v>136</v>
      </c>
    </row>
    <row r="114" spans="1:4" ht="18" customHeight="1" x14ac:dyDescent="0.15">
      <c r="A114" s="8" t="s">
        <v>6</v>
      </c>
      <c r="B114" s="21">
        <v>242</v>
      </c>
      <c r="C114" s="6">
        <v>451</v>
      </c>
      <c r="D114" s="5">
        <v>693</v>
      </c>
    </row>
    <row r="115" spans="1:4" ht="18" customHeight="1" x14ac:dyDescent="0.15">
      <c r="A115" s="8">
        <v>90</v>
      </c>
      <c r="B115" s="21">
        <v>31</v>
      </c>
      <c r="C115" s="6">
        <v>69</v>
      </c>
      <c r="D115" s="5">
        <v>100</v>
      </c>
    </row>
    <row r="116" spans="1:4" ht="18" customHeight="1" x14ac:dyDescent="0.15">
      <c r="A116" s="8">
        <v>91</v>
      </c>
      <c r="B116" s="21">
        <v>25</v>
      </c>
      <c r="C116" s="6">
        <v>84</v>
      </c>
      <c r="D116" s="5">
        <v>109</v>
      </c>
    </row>
    <row r="117" spans="1:4" ht="18" customHeight="1" x14ac:dyDescent="0.15">
      <c r="A117" s="8">
        <v>92</v>
      </c>
      <c r="B117" s="21">
        <v>20</v>
      </c>
      <c r="C117" s="6">
        <v>53</v>
      </c>
      <c r="D117" s="5">
        <v>73</v>
      </c>
    </row>
    <row r="118" spans="1:4" ht="18" customHeight="1" x14ac:dyDescent="0.15">
      <c r="A118" s="8">
        <v>93</v>
      </c>
      <c r="B118" s="21">
        <v>22</v>
      </c>
      <c r="C118" s="6">
        <v>70</v>
      </c>
      <c r="D118" s="5">
        <v>92</v>
      </c>
    </row>
    <row r="119" spans="1:4" ht="18" customHeight="1" x14ac:dyDescent="0.15">
      <c r="A119" s="8">
        <v>94</v>
      </c>
      <c r="B119" s="21">
        <v>11</v>
      </c>
      <c r="C119" s="6">
        <v>42</v>
      </c>
      <c r="D119" s="5">
        <v>53</v>
      </c>
    </row>
    <row r="120" spans="1:4" ht="18" customHeight="1" x14ac:dyDescent="0.15">
      <c r="A120" s="8" t="s">
        <v>5</v>
      </c>
      <c r="B120" s="21">
        <v>109</v>
      </c>
      <c r="C120" s="6">
        <v>318</v>
      </c>
      <c r="D120" s="5">
        <v>427</v>
      </c>
    </row>
    <row r="121" spans="1:4" ht="18" customHeight="1" x14ac:dyDescent="0.15">
      <c r="A121" s="8">
        <v>95</v>
      </c>
      <c r="B121" s="21">
        <v>8</v>
      </c>
      <c r="C121" s="6">
        <v>46</v>
      </c>
      <c r="D121" s="5">
        <v>54</v>
      </c>
    </row>
    <row r="122" spans="1:4" ht="18" customHeight="1" x14ac:dyDescent="0.15">
      <c r="A122" s="8">
        <v>96</v>
      </c>
      <c r="B122" s="21">
        <v>9</v>
      </c>
      <c r="C122" s="6">
        <v>26</v>
      </c>
      <c r="D122" s="5">
        <v>35</v>
      </c>
    </row>
    <row r="123" spans="1:4" ht="18" customHeight="1" x14ac:dyDescent="0.15">
      <c r="A123" s="8">
        <v>97</v>
      </c>
      <c r="B123" s="21">
        <v>6</v>
      </c>
      <c r="C123" s="6">
        <v>24</v>
      </c>
      <c r="D123" s="5">
        <v>30</v>
      </c>
    </row>
    <row r="124" spans="1:4" ht="18" customHeight="1" x14ac:dyDescent="0.15">
      <c r="A124" s="8">
        <v>98</v>
      </c>
      <c r="B124" s="21">
        <v>3</v>
      </c>
      <c r="C124" s="6">
        <v>16</v>
      </c>
      <c r="D124" s="5">
        <v>19</v>
      </c>
    </row>
    <row r="125" spans="1:4" ht="18" customHeight="1" x14ac:dyDescent="0.15">
      <c r="A125" s="8">
        <v>99</v>
      </c>
      <c r="B125" s="21">
        <v>2</v>
      </c>
      <c r="C125" s="6">
        <v>12</v>
      </c>
      <c r="D125" s="5">
        <v>14</v>
      </c>
    </row>
    <row r="126" spans="1:4" ht="18" customHeight="1" x14ac:dyDescent="0.15">
      <c r="A126" s="8" t="s">
        <v>4</v>
      </c>
      <c r="B126" s="21">
        <v>28</v>
      </c>
      <c r="C126" s="6">
        <v>124</v>
      </c>
      <c r="D126" s="5">
        <v>152</v>
      </c>
    </row>
    <row r="127" spans="1:4" ht="18" customHeight="1" x14ac:dyDescent="0.15">
      <c r="A127" s="8">
        <v>100</v>
      </c>
      <c r="B127" s="21">
        <v>0</v>
      </c>
      <c r="C127" s="6">
        <v>9</v>
      </c>
      <c r="D127" s="5">
        <v>9</v>
      </c>
    </row>
    <row r="128" spans="1:4" ht="18" customHeight="1" x14ac:dyDescent="0.15">
      <c r="A128" s="9" t="s">
        <v>3</v>
      </c>
      <c r="B128" s="21">
        <v>1</v>
      </c>
      <c r="C128" s="6">
        <v>13</v>
      </c>
      <c r="D128" s="5">
        <v>14</v>
      </c>
    </row>
    <row r="129" spans="1:4" ht="18" customHeight="1" x14ac:dyDescent="0.15">
      <c r="A129" s="8" t="s">
        <v>2</v>
      </c>
      <c r="B129" s="21">
        <v>1</v>
      </c>
      <c r="C129" s="6">
        <v>22</v>
      </c>
      <c r="D129" s="5">
        <v>23</v>
      </c>
    </row>
    <row r="130" spans="1:4" ht="18" customHeight="1" x14ac:dyDescent="0.15">
      <c r="A130" s="8" t="s">
        <v>1</v>
      </c>
      <c r="B130" s="21">
        <v>2994</v>
      </c>
      <c r="C130" s="6">
        <v>3673</v>
      </c>
      <c r="D130" s="5">
        <v>6667</v>
      </c>
    </row>
    <row r="131" spans="1:4" ht="18" customHeight="1" x14ac:dyDescent="0.15">
      <c r="A131" s="4" t="s">
        <v>0</v>
      </c>
      <c r="B131" s="20">
        <v>8595</v>
      </c>
      <c r="C131" s="2">
        <v>8889</v>
      </c>
      <c r="D131" s="1">
        <v>1748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27EBF7-AE87-4EDF-AD87-8BFB7C7625FF}">
  <sheetPr codeName="Sheet8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3</v>
      </c>
      <c r="C5" s="31">
        <v>24</v>
      </c>
      <c r="D5" s="30">
        <v>47</v>
      </c>
    </row>
    <row r="6" spans="1:4" ht="18" customHeight="1" x14ac:dyDescent="0.15">
      <c r="A6" s="8">
        <v>1</v>
      </c>
      <c r="B6" s="26">
        <v>27</v>
      </c>
      <c r="C6" s="6">
        <v>29</v>
      </c>
      <c r="D6" s="5">
        <v>56</v>
      </c>
    </row>
    <row r="7" spans="1:4" ht="18" customHeight="1" x14ac:dyDescent="0.15">
      <c r="A7" s="8">
        <v>2</v>
      </c>
      <c r="B7" s="26">
        <v>37</v>
      </c>
      <c r="C7" s="6">
        <v>27</v>
      </c>
      <c r="D7" s="5">
        <v>64</v>
      </c>
    </row>
    <row r="8" spans="1:4" ht="18" customHeight="1" x14ac:dyDescent="0.15">
      <c r="A8" s="8">
        <v>3</v>
      </c>
      <c r="B8" s="26">
        <v>39</v>
      </c>
      <c r="C8" s="6">
        <v>30</v>
      </c>
      <c r="D8" s="5">
        <v>69</v>
      </c>
    </row>
    <row r="9" spans="1:4" ht="18" customHeight="1" x14ac:dyDescent="0.15">
      <c r="A9" s="8">
        <v>4</v>
      </c>
      <c r="B9" s="29">
        <v>37</v>
      </c>
      <c r="C9" s="28">
        <v>37</v>
      </c>
      <c r="D9" s="27">
        <v>74</v>
      </c>
    </row>
    <row r="10" spans="1:4" ht="18" customHeight="1" x14ac:dyDescent="0.15">
      <c r="A10" s="8" t="s">
        <v>25</v>
      </c>
      <c r="B10" s="21">
        <v>163</v>
      </c>
      <c r="C10" s="6">
        <v>147</v>
      </c>
      <c r="D10" s="5">
        <v>310</v>
      </c>
    </row>
    <row r="11" spans="1:4" ht="18" customHeight="1" x14ac:dyDescent="0.15">
      <c r="A11" s="8">
        <v>5</v>
      </c>
      <c r="B11" s="26">
        <v>45</v>
      </c>
      <c r="C11" s="6">
        <v>50</v>
      </c>
      <c r="D11" s="5">
        <v>95</v>
      </c>
    </row>
    <row r="12" spans="1:4" ht="18" customHeight="1" x14ac:dyDescent="0.15">
      <c r="A12" s="8">
        <v>6</v>
      </c>
      <c r="B12" s="26">
        <v>42</v>
      </c>
      <c r="C12" s="6">
        <v>42</v>
      </c>
      <c r="D12" s="5">
        <v>84</v>
      </c>
    </row>
    <row r="13" spans="1:4" ht="18" customHeight="1" x14ac:dyDescent="0.15">
      <c r="A13" s="8">
        <v>7</v>
      </c>
      <c r="B13" s="26">
        <v>53</v>
      </c>
      <c r="C13" s="6">
        <v>41</v>
      </c>
      <c r="D13" s="5">
        <v>94</v>
      </c>
    </row>
    <row r="14" spans="1:4" ht="18" customHeight="1" x14ac:dyDescent="0.15">
      <c r="A14" s="8">
        <v>8</v>
      </c>
      <c r="B14" s="26">
        <v>50</v>
      </c>
      <c r="C14" s="6">
        <v>52</v>
      </c>
      <c r="D14" s="5">
        <v>102</v>
      </c>
    </row>
    <row r="15" spans="1:4" ht="18" customHeight="1" x14ac:dyDescent="0.15">
      <c r="A15" s="8">
        <v>9</v>
      </c>
      <c r="B15" s="26">
        <v>59</v>
      </c>
      <c r="C15" s="6">
        <v>40</v>
      </c>
      <c r="D15" s="5">
        <v>99</v>
      </c>
    </row>
    <row r="16" spans="1:4" ht="18" customHeight="1" x14ac:dyDescent="0.15">
      <c r="A16" s="8" t="s">
        <v>24</v>
      </c>
      <c r="B16" s="21">
        <v>249</v>
      </c>
      <c r="C16" s="6">
        <v>225</v>
      </c>
      <c r="D16" s="5">
        <v>474</v>
      </c>
    </row>
    <row r="17" spans="1:4" ht="18" customHeight="1" x14ac:dyDescent="0.15">
      <c r="A17" s="8">
        <v>10</v>
      </c>
      <c r="B17" s="21">
        <v>46</v>
      </c>
      <c r="C17" s="6">
        <v>42</v>
      </c>
      <c r="D17" s="5">
        <v>88</v>
      </c>
    </row>
    <row r="18" spans="1:4" ht="18" customHeight="1" x14ac:dyDescent="0.15">
      <c r="A18" s="8">
        <v>11</v>
      </c>
      <c r="B18" s="21">
        <v>43</v>
      </c>
      <c r="C18" s="6">
        <v>47</v>
      </c>
      <c r="D18" s="5">
        <v>90</v>
      </c>
    </row>
    <row r="19" spans="1:4" ht="18" customHeight="1" x14ac:dyDescent="0.15">
      <c r="A19" s="8">
        <v>12</v>
      </c>
      <c r="B19" s="21">
        <v>54</v>
      </c>
      <c r="C19" s="6">
        <v>59</v>
      </c>
      <c r="D19" s="5">
        <v>113</v>
      </c>
    </row>
    <row r="20" spans="1:4" ht="18" customHeight="1" x14ac:dyDescent="0.15">
      <c r="A20" s="8">
        <v>13</v>
      </c>
      <c r="B20" s="21">
        <v>64</v>
      </c>
      <c r="C20" s="6">
        <v>54</v>
      </c>
      <c r="D20" s="5">
        <v>118</v>
      </c>
    </row>
    <row r="21" spans="1:4" ht="18" customHeight="1" x14ac:dyDescent="0.15">
      <c r="A21" s="8">
        <v>14</v>
      </c>
      <c r="B21" s="21">
        <v>63</v>
      </c>
      <c r="C21" s="6">
        <v>63</v>
      </c>
      <c r="D21" s="5">
        <v>126</v>
      </c>
    </row>
    <row r="22" spans="1:4" ht="18" customHeight="1" x14ac:dyDescent="0.15">
      <c r="A22" s="8" t="s">
        <v>23</v>
      </c>
      <c r="B22" s="21">
        <v>270</v>
      </c>
      <c r="C22" s="6">
        <v>265</v>
      </c>
      <c r="D22" s="5">
        <v>535</v>
      </c>
    </row>
    <row r="23" spans="1:4" ht="18" customHeight="1" x14ac:dyDescent="0.15">
      <c r="A23" s="8" t="s">
        <v>22</v>
      </c>
      <c r="B23" s="21">
        <v>682</v>
      </c>
      <c r="C23" s="6">
        <v>637</v>
      </c>
      <c r="D23" s="5">
        <v>1319</v>
      </c>
    </row>
    <row r="24" spans="1:4" ht="18" customHeight="1" x14ac:dyDescent="0.15">
      <c r="A24" s="8">
        <v>15</v>
      </c>
      <c r="B24" s="21">
        <v>59</v>
      </c>
      <c r="C24" s="6">
        <v>75</v>
      </c>
      <c r="D24" s="5">
        <v>134</v>
      </c>
    </row>
    <row r="25" spans="1:4" ht="18" customHeight="1" x14ac:dyDescent="0.15">
      <c r="A25" s="8">
        <v>16</v>
      </c>
      <c r="B25" s="21">
        <v>79</v>
      </c>
      <c r="C25" s="6">
        <v>64</v>
      </c>
      <c r="D25" s="5">
        <v>143</v>
      </c>
    </row>
    <row r="26" spans="1:4" ht="18" customHeight="1" x14ac:dyDescent="0.15">
      <c r="A26" s="8">
        <v>17</v>
      </c>
      <c r="B26" s="21">
        <v>88</v>
      </c>
      <c r="C26" s="6">
        <v>88</v>
      </c>
      <c r="D26" s="5">
        <v>176</v>
      </c>
    </row>
    <row r="27" spans="1:4" ht="18" customHeight="1" x14ac:dyDescent="0.15">
      <c r="A27" s="8">
        <v>18</v>
      </c>
      <c r="B27" s="21">
        <v>84</v>
      </c>
      <c r="C27" s="6">
        <v>76</v>
      </c>
      <c r="D27" s="5">
        <v>160</v>
      </c>
    </row>
    <row r="28" spans="1:4" ht="18" customHeight="1" x14ac:dyDescent="0.15">
      <c r="A28" s="8">
        <v>19</v>
      </c>
      <c r="B28" s="21">
        <v>80</v>
      </c>
      <c r="C28" s="6">
        <v>89</v>
      </c>
      <c r="D28" s="5">
        <v>169</v>
      </c>
    </row>
    <row r="29" spans="1:4" ht="18" customHeight="1" x14ac:dyDescent="0.15">
      <c r="A29" s="8" t="s">
        <v>21</v>
      </c>
      <c r="B29" s="21">
        <v>390</v>
      </c>
      <c r="C29" s="6">
        <v>392</v>
      </c>
      <c r="D29" s="5">
        <v>782</v>
      </c>
    </row>
    <row r="30" spans="1:4" ht="18" customHeight="1" x14ac:dyDescent="0.15">
      <c r="A30" s="8">
        <v>20</v>
      </c>
      <c r="B30" s="21">
        <v>76</v>
      </c>
      <c r="C30" s="6">
        <v>78</v>
      </c>
      <c r="D30" s="5">
        <v>154</v>
      </c>
    </row>
    <row r="31" spans="1:4" ht="18" customHeight="1" x14ac:dyDescent="0.15">
      <c r="A31" s="8">
        <v>21</v>
      </c>
      <c r="B31" s="21">
        <v>82</v>
      </c>
      <c r="C31" s="6">
        <v>86</v>
      </c>
      <c r="D31" s="5">
        <v>168</v>
      </c>
    </row>
    <row r="32" spans="1:4" ht="18" customHeight="1" x14ac:dyDescent="0.15">
      <c r="A32" s="8">
        <v>22</v>
      </c>
      <c r="B32" s="21">
        <v>79</v>
      </c>
      <c r="C32" s="6">
        <v>71</v>
      </c>
      <c r="D32" s="5">
        <v>150</v>
      </c>
    </row>
    <row r="33" spans="1:4" ht="18" customHeight="1" x14ac:dyDescent="0.15">
      <c r="A33" s="8">
        <v>23</v>
      </c>
      <c r="B33" s="21">
        <v>70</v>
      </c>
      <c r="C33" s="6">
        <v>70</v>
      </c>
      <c r="D33" s="5">
        <v>140</v>
      </c>
    </row>
    <row r="34" spans="1:4" ht="18" customHeight="1" x14ac:dyDescent="0.15">
      <c r="A34" s="8">
        <v>24</v>
      </c>
      <c r="B34" s="21">
        <v>84</v>
      </c>
      <c r="C34" s="6">
        <v>63</v>
      </c>
      <c r="D34" s="5">
        <v>147</v>
      </c>
    </row>
    <row r="35" spans="1:4" ht="18" customHeight="1" x14ac:dyDescent="0.15">
      <c r="A35" s="8" t="s">
        <v>20</v>
      </c>
      <c r="B35" s="21">
        <v>391</v>
      </c>
      <c r="C35" s="6">
        <v>368</v>
      </c>
      <c r="D35" s="5">
        <v>759</v>
      </c>
    </row>
    <row r="36" spans="1:4" ht="18" customHeight="1" x14ac:dyDescent="0.15">
      <c r="A36" s="8">
        <v>25</v>
      </c>
      <c r="B36" s="21">
        <v>84</v>
      </c>
      <c r="C36" s="6">
        <v>56</v>
      </c>
      <c r="D36" s="5">
        <v>140</v>
      </c>
    </row>
    <row r="37" spans="1:4" ht="18" customHeight="1" x14ac:dyDescent="0.15">
      <c r="A37" s="8">
        <v>26</v>
      </c>
      <c r="B37" s="21">
        <v>76</v>
      </c>
      <c r="C37" s="6">
        <v>73</v>
      </c>
      <c r="D37" s="5">
        <v>149</v>
      </c>
    </row>
    <row r="38" spans="1:4" ht="18" customHeight="1" x14ac:dyDescent="0.15">
      <c r="A38" s="8">
        <v>27</v>
      </c>
      <c r="B38" s="21">
        <v>76</v>
      </c>
      <c r="C38" s="6">
        <v>55</v>
      </c>
      <c r="D38" s="5">
        <v>131</v>
      </c>
    </row>
    <row r="39" spans="1:4" ht="18" customHeight="1" x14ac:dyDescent="0.15">
      <c r="A39" s="8">
        <v>28</v>
      </c>
      <c r="B39" s="21">
        <v>67</v>
      </c>
      <c r="C39" s="6">
        <v>39</v>
      </c>
      <c r="D39" s="5">
        <v>106</v>
      </c>
    </row>
    <row r="40" spans="1:4" ht="18" customHeight="1" x14ac:dyDescent="0.15">
      <c r="A40" s="8">
        <v>29</v>
      </c>
      <c r="B40" s="21">
        <v>71</v>
      </c>
      <c r="C40" s="6">
        <v>60</v>
      </c>
      <c r="D40" s="5">
        <v>131</v>
      </c>
    </row>
    <row r="41" spans="1:4" ht="18" customHeight="1" x14ac:dyDescent="0.15">
      <c r="A41" s="8" t="s">
        <v>19</v>
      </c>
      <c r="B41" s="21">
        <v>374</v>
      </c>
      <c r="C41" s="6">
        <v>283</v>
      </c>
      <c r="D41" s="5">
        <v>657</v>
      </c>
    </row>
    <row r="42" spans="1:4" ht="18" customHeight="1" x14ac:dyDescent="0.15">
      <c r="A42" s="8">
        <v>30</v>
      </c>
      <c r="B42" s="21">
        <v>60</v>
      </c>
      <c r="C42" s="6">
        <v>51</v>
      </c>
      <c r="D42" s="5">
        <v>111</v>
      </c>
    </row>
    <row r="43" spans="1:4" ht="18" customHeight="1" x14ac:dyDescent="0.15">
      <c r="A43" s="8">
        <v>31</v>
      </c>
      <c r="B43" s="21">
        <v>57</v>
      </c>
      <c r="C43" s="6">
        <v>63</v>
      </c>
      <c r="D43" s="5">
        <v>120</v>
      </c>
    </row>
    <row r="44" spans="1:4" ht="18" customHeight="1" x14ac:dyDescent="0.15">
      <c r="A44" s="8">
        <v>32</v>
      </c>
      <c r="B44" s="21">
        <v>62</v>
      </c>
      <c r="C44" s="6">
        <v>59</v>
      </c>
      <c r="D44" s="5">
        <v>121</v>
      </c>
    </row>
    <row r="45" spans="1:4" ht="18" customHeight="1" x14ac:dyDescent="0.15">
      <c r="A45" s="8">
        <v>33</v>
      </c>
      <c r="B45" s="21">
        <v>49</v>
      </c>
      <c r="C45" s="6">
        <v>40</v>
      </c>
      <c r="D45" s="5">
        <v>89</v>
      </c>
    </row>
    <row r="46" spans="1:4" ht="18" customHeight="1" x14ac:dyDescent="0.15">
      <c r="A46" s="8">
        <v>34</v>
      </c>
      <c r="B46" s="21">
        <v>68</v>
      </c>
      <c r="C46" s="6">
        <v>41</v>
      </c>
      <c r="D46" s="5">
        <v>109</v>
      </c>
    </row>
    <row r="47" spans="1:4" ht="18" customHeight="1" x14ac:dyDescent="0.15">
      <c r="A47" s="8" t="s">
        <v>18</v>
      </c>
      <c r="B47" s="21">
        <v>296</v>
      </c>
      <c r="C47" s="6">
        <v>254</v>
      </c>
      <c r="D47" s="5">
        <v>550</v>
      </c>
    </row>
    <row r="48" spans="1:4" ht="18" customHeight="1" x14ac:dyDescent="0.15">
      <c r="A48" s="8">
        <v>35</v>
      </c>
      <c r="B48" s="21">
        <v>63</v>
      </c>
      <c r="C48" s="6">
        <v>56</v>
      </c>
      <c r="D48" s="5">
        <v>119</v>
      </c>
    </row>
    <row r="49" spans="1:4" ht="18" customHeight="1" x14ac:dyDescent="0.15">
      <c r="A49" s="8">
        <v>36</v>
      </c>
      <c r="B49" s="21">
        <v>54</v>
      </c>
      <c r="C49" s="6">
        <v>48</v>
      </c>
      <c r="D49" s="5">
        <v>102</v>
      </c>
    </row>
    <row r="50" spans="1:4" ht="18" customHeight="1" x14ac:dyDescent="0.15">
      <c r="A50" s="8">
        <v>37</v>
      </c>
      <c r="B50" s="21">
        <v>58</v>
      </c>
      <c r="C50" s="6">
        <v>44</v>
      </c>
      <c r="D50" s="5">
        <v>102</v>
      </c>
    </row>
    <row r="51" spans="1:4" ht="18" customHeight="1" x14ac:dyDescent="0.15">
      <c r="A51" s="8">
        <v>38</v>
      </c>
      <c r="B51" s="21">
        <v>65</v>
      </c>
      <c r="C51" s="6">
        <v>73</v>
      </c>
      <c r="D51" s="5">
        <v>138</v>
      </c>
    </row>
    <row r="52" spans="1:4" ht="18" customHeight="1" x14ac:dyDescent="0.15">
      <c r="A52" s="8">
        <v>39</v>
      </c>
      <c r="B52" s="21">
        <v>84</v>
      </c>
      <c r="C52" s="6">
        <v>72</v>
      </c>
      <c r="D52" s="5">
        <v>156</v>
      </c>
    </row>
    <row r="53" spans="1:4" ht="18" customHeight="1" x14ac:dyDescent="0.15">
      <c r="A53" s="8" t="s">
        <v>17</v>
      </c>
      <c r="B53" s="21">
        <v>324</v>
      </c>
      <c r="C53" s="6">
        <v>293</v>
      </c>
      <c r="D53" s="5">
        <v>617</v>
      </c>
    </row>
    <row r="54" spans="1:4" ht="18" customHeight="1" x14ac:dyDescent="0.15">
      <c r="A54" s="8">
        <v>40</v>
      </c>
      <c r="B54" s="21">
        <v>68</v>
      </c>
      <c r="C54" s="6">
        <v>62</v>
      </c>
      <c r="D54" s="5">
        <v>130</v>
      </c>
    </row>
    <row r="55" spans="1:4" ht="18" customHeight="1" x14ac:dyDescent="0.15">
      <c r="A55" s="8">
        <v>41</v>
      </c>
      <c r="B55" s="21">
        <v>80</v>
      </c>
      <c r="C55" s="6">
        <v>81</v>
      </c>
      <c r="D55" s="5">
        <v>161</v>
      </c>
    </row>
    <row r="56" spans="1:4" ht="18" customHeight="1" x14ac:dyDescent="0.15">
      <c r="A56" s="8">
        <v>42</v>
      </c>
      <c r="B56" s="21">
        <v>63</v>
      </c>
      <c r="C56" s="6">
        <v>63</v>
      </c>
      <c r="D56" s="5">
        <v>126</v>
      </c>
    </row>
    <row r="57" spans="1:4" ht="18" customHeight="1" x14ac:dyDescent="0.15">
      <c r="A57" s="8">
        <v>43</v>
      </c>
      <c r="B57" s="21">
        <v>66</v>
      </c>
      <c r="C57" s="6">
        <v>80</v>
      </c>
      <c r="D57" s="5">
        <v>146</v>
      </c>
    </row>
    <row r="58" spans="1:4" ht="18" customHeight="1" x14ac:dyDescent="0.15">
      <c r="A58" s="8">
        <v>44</v>
      </c>
      <c r="B58" s="21">
        <v>74</v>
      </c>
      <c r="C58" s="6">
        <v>68</v>
      </c>
      <c r="D58" s="5">
        <v>142</v>
      </c>
    </row>
    <row r="59" spans="1:4" ht="18" customHeight="1" x14ac:dyDescent="0.15">
      <c r="A59" s="8" t="s">
        <v>16</v>
      </c>
      <c r="B59" s="21">
        <v>351</v>
      </c>
      <c r="C59" s="6">
        <v>354</v>
      </c>
      <c r="D59" s="5">
        <v>705</v>
      </c>
    </row>
    <row r="60" spans="1:4" ht="18" customHeight="1" x14ac:dyDescent="0.15">
      <c r="A60" s="8">
        <v>45</v>
      </c>
      <c r="B60" s="21">
        <v>79</v>
      </c>
      <c r="C60" s="6">
        <v>86</v>
      </c>
      <c r="D60" s="5">
        <v>165</v>
      </c>
    </row>
    <row r="61" spans="1:4" ht="18" customHeight="1" x14ac:dyDescent="0.15">
      <c r="A61" s="8">
        <v>46</v>
      </c>
      <c r="B61" s="21">
        <v>76</v>
      </c>
      <c r="C61" s="6">
        <v>87</v>
      </c>
      <c r="D61" s="5">
        <v>163</v>
      </c>
    </row>
    <row r="62" spans="1:4" ht="18" customHeight="1" x14ac:dyDescent="0.15">
      <c r="A62" s="8">
        <v>47</v>
      </c>
      <c r="B62" s="21">
        <v>98</v>
      </c>
      <c r="C62" s="6">
        <v>92</v>
      </c>
      <c r="D62" s="5">
        <v>190</v>
      </c>
    </row>
    <row r="63" spans="1:4" ht="18" customHeight="1" x14ac:dyDescent="0.15">
      <c r="A63" s="8">
        <v>48</v>
      </c>
      <c r="B63" s="21">
        <v>101</v>
      </c>
      <c r="C63" s="6">
        <v>104</v>
      </c>
      <c r="D63" s="5">
        <v>205</v>
      </c>
    </row>
    <row r="64" spans="1:4" ht="18" customHeight="1" x14ac:dyDescent="0.15">
      <c r="A64" s="8">
        <v>49</v>
      </c>
      <c r="B64" s="21">
        <v>115</v>
      </c>
      <c r="C64" s="6">
        <v>107</v>
      </c>
      <c r="D64" s="5">
        <v>222</v>
      </c>
    </row>
    <row r="65" spans="1:4" ht="18" customHeight="1" x14ac:dyDescent="0.15">
      <c r="A65" s="8" t="s">
        <v>15</v>
      </c>
      <c r="B65" s="21">
        <v>469</v>
      </c>
      <c r="C65" s="6">
        <v>476</v>
      </c>
      <c r="D65" s="5">
        <v>945</v>
      </c>
    </row>
    <row r="66" spans="1:4" ht="18" customHeight="1" x14ac:dyDescent="0.15">
      <c r="A66" s="8">
        <v>50</v>
      </c>
      <c r="B66" s="21">
        <v>118</v>
      </c>
      <c r="C66" s="6">
        <v>114</v>
      </c>
      <c r="D66" s="5">
        <v>232</v>
      </c>
    </row>
    <row r="67" spans="1:4" ht="18" customHeight="1" x14ac:dyDescent="0.15">
      <c r="A67" s="8">
        <v>51</v>
      </c>
      <c r="B67" s="21">
        <v>112</v>
      </c>
      <c r="C67" s="6">
        <v>111</v>
      </c>
      <c r="D67" s="5">
        <v>223</v>
      </c>
    </row>
    <row r="68" spans="1:4" ht="18" customHeight="1" x14ac:dyDescent="0.15">
      <c r="A68" s="8">
        <v>52</v>
      </c>
      <c r="B68" s="21">
        <v>129</v>
      </c>
      <c r="C68" s="6">
        <v>122</v>
      </c>
      <c r="D68" s="5">
        <v>251</v>
      </c>
    </row>
    <row r="69" spans="1:4" ht="18" customHeight="1" x14ac:dyDescent="0.15">
      <c r="A69" s="8">
        <v>53</v>
      </c>
      <c r="B69" s="21">
        <v>108</v>
      </c>
      <c r="C69" s="6">
        <v>128</v>
      </c>
      <c r="D69" s="5">
        <v>236</v>
      </c>
    </row>
    <row r="70" spans="1:4" ht="18" customHeight="1" x14ac:dyDescent="0.15">
      <c r="A70" s="8">
        <v>54</v>
      </c>
      <c r="B70" s="21">
        <v>117</v>
      </c>
      <c r="C70" s="6">
        <v>105</v>
      </c>
      <c r="D70" s="5">
        <v>222</v>
      </c>
    </row>
    <row r="71" spans="1:4" ht="18" customHeight="1" x14ac:dyDescent="0.15">
      <c r="A71" s="8" t="s">
        <v>14</v>
      </c>
      <c r="B71" s="21">
        <v>584</v>
      </c>
      <c r="C71" s="6">
        <v>580</v>
      </c>
      <c r="D71" s="5">
        <v>1164</v>
      </c>
    </row>
    <row r="72" spans="1:4" ht="18" customHeight="1" x14ac:dyDescent="0.15">
      <c r="A72" s="8">
        <v>55</v>
      </c>
      <c r="B72" s="21">
        <v>120</v>
      </c>
      <c r="C72" s="6">
        <v>88</v>
      </c>
      <c r="D72" s="5">
        <v>208</v>
      </c>
    </row>
    <row r="73" spans="1:4" ht="18" customHeight="1" x14ac:dyDescent="0.15">
      <c r="A73" s="8">
        <v>56</v>
      </c>
      <c r="B73" s="21">
        <v>105</v>
      </c>
      <c r="C73" s="6">
        <v>77</v>
      </c>
      <c r="D73" s="5">
        <v>182</v>
      </c>
    </row>
    <row r="74" spans="1:4" ht="18" customHeight="1" x14ac:dyDescent="0.15">
      <c r="A74" s="8">
        <v>57</v>
      </c>
      <c r="B74" s="21">
        <v>93</v>
      </c>
      <c r="C74" s="6">
        <v>109</v>
      </c>
      <c r="D74" s="5">
        <v>202</v>
      </c>
    </row>
    <row r="75" spans="1:4" ht="18" customHeight="1" x14ac:dyDescent="0.15">
      <c r="A75" s="8">
        <v>58</v>
      </c>
      <c r="B75" s="21">
        <v>76</v>
      </c>
      <c r="C75" s="6">
        <v>85</v>
      </c>
      <c r="D75" s="5">
        <v>161</v>
      </c>
    </row>
    <row r="76" spans="1:4" ht="18" customHeight="1" x14ac:dyDescent="0.15">
      <c r="A76" s="8">
        <v>59</v>
      </c>
      <c r="B76" s="21">
        <v>51</v>
      </c>
      <c r="C76" s="6">
        <v>54</v>
      </c>
      <c r="D76" s="5">
        <v>105</v>
      </c>
    </row>
    <row r="77" spans="1:4" ht="18" customHeight="1" x14ac:dyDescent="0.15">
      <c r="A77" s="8" t="s">
        <v>13</v>
      </c>
      <c r="B77" s="21">
        <v>445</v>
      </c>
      <c r="C77" s="6">
        <v>413</v>
      </c>
      <c r="D77" s="5">
        <v>858</v>
      </c>
    </row>
    <row r="78" spans="1:4" ht="18" customHeight="1" x14ac:dyDescent="0.15">
      <c r="A78" s="8">
        <v>60</v>
      </c>
      <c r="B78" s="21">
        <v>70</v>
      </c>
      <c r="C78" s="6">
        <v>84</v>
      </c>
      <c r="D78" s="5">
        <v>154</v>
      </c>
    </row>
    <row r="79" spans="1:4" ht="18" customHeight="1" x14ac:dyDescent="0.15">
      <c r="A79" s="8">
        <v>61</v>
      </c>
      <c r="B79" s="21">
        <v>80</v>
      </c>
      <c r="C79" s="6">
        <v>81</v>
      </c>
      <c r="D79" s="5">
        <v>161</v>
      </c>
    </row>
    <row r="80" spans="1:4" ht="18" customHeight="1" x14ac:dyDescent="0.15">
      <c r="A80" s="8">
        <v>62</v>
      </c>
      <c r="B80" s="21">
        <v>68</v>
      </c>
      <c r="C80" s="6">
        <v>72</v>
      </c>
      <c r="D80" s="5">
        <v>140</v>
      </c>
    </row>
    <row r="81" spans="1:4" ht="18" customHeight="1" x14ac:dyDescent="0.15">
      <c r="A81" s="8">
        <v>63</v>
      </c>
      <c r="B81" s="21">
        <v>59</v>
      </c>
      <c r="C81" s="6">
        <v>68</v>
      </c>
      <c r="D81" s="5">
        <v>127</v>
      </c>
    </row>
    <row r="82" spans="1:4" ht="18" customHeight="1" x14ac:dyDescent="0.15">
      <c r="A82" s="8">
        <v>64</v>
      </c>
      <c r="B82" s="21">
        <v>63</v>
      </c>
      <c r="C82" s="6">
        <v>59</v>
      </c>
      <c r="D82" s="5">
        <v>122</v>
      </c>
    </row>
    <row r="83" spans="1:4" ht="18" customHeight="1" x14ac:dyDescent="0.15">
      <c r="A83" s="8" t="s">
        <v>12</v>
      </c>
      <c r="B83" s="21">
        <v>340</v>
      </c>
      <c r="C83" s="6">
        <v>364</v>
      </c>
      <c r="D83" s="5">
        <v>704</v>
      </c>
    </row>
    <row r="84" spans="1:4" ht="18" customHeight="1" x14ac:dyDescent="0.15">
      <c r="A84" s="8" t="s">
        <v>11</v>
      </c>
      <c r="B84" s="21">
        <v>3964</v>
      </c>
      <c r="C84" s="6">
        <v>3777</v>
      </c>
      <c r="D84" s="5">
        <v>7741</v>
      </c>
    </row>
    <row r="85" spans="1:4" ht="18" customHeight="1" x14ac:dyDescent="0.15">
      <c r="A85" s="8">
        <v>65</v>
      </c>
      <c r="B85" s="21">
        <v>62</v>
      </c>
      <c r="C85" s="6">
        <v>67</v>
      </c>
      <c r="D85" s="5">
        <v>129</v>
      </c>
    </row>
    <row r="86" spans="1:4" ht="18" customHeight="1" x14ac:dyDescent="0.15">
      <c r="A86" s="8">
        <v>66</v>
      </c>
      <c r="B86" s="21">
        <v>53</v>
      </c>
      <c r="C86" s="6">
        <v>69</v>
      </c>
      <c r="D86" s="5">
        <v>122</v>
      </c>
    </row>
    <row r="87" spans="1:4" ht="18" customHeight="1" x14ac:dyDescent="0.15">
      <c r="A87" s="8">
        <v>67</v>
      </c>
      <c r="B87" s="21">
        <v>51</v>
      </c>
      <c r="C87" s="6">
        <v>49</v>
      </c>
      <c r="D87" s="5">
        <v>100</v>
      </c>
    </row>
    <row r="88" spans="1:4" ht="18" customHeight="1" x14ac:dyDescent="0.15">
      <c r="A88" s="8">
        <v>68</v>
      </c>
      <c r="B88" s="21">
        <v>52</v>
      </c>
      <c r="C88" s="6">
        <v>51</v>
      </c>
      <c r="D88" s="5">
        <v>103</v>
      </c>
    </row>
    <row r="89" spans="1:4" ht="18" customHeight="1" x14ac:dyDescent="0.15">
      <c r="A89" s="8">
        <v>69</v>
      </c>
      <c r="B89" s="21">
        <v>53</v>
      </c>
      <c r="C89" s="6">
        <v>62</v>
      </c>
      <c r="D89" s="5">
        <v>115</v>
      </c>
    </row>
    <row r="90" spans="1:4" ht="18" customHeight="1" x14ac:dyDescent="0.15">
      <c r="A90" s="8" t="s">
        <v>10</v>
      </c>
      <c r="B90" s="21">
        <v>271</v>
      </c>
      <c r="C90" s="6">
        <v>298</v>
      </c>
      <c r="D90" s="5">
        <v>569</v>
      </c>
    </row>
    <row r="91" spans="1:4" ht="18" customHeight="1" x14ac:dyDescent="0.15">
      <c r="A91" s="8">
        <v>70</v>
      </c>
      <c r="B91" s="21">
        <v>64</v>
      </c>
      <c r="C91" s="6">
        <v>71</v>
      </c>
      <c r="D91" s="5">
        <v>135</v>
      </c>
    </row>
    <row r="92" spans="1:4" ht="18" customHeight="1" x14ac:dyDescent="0.15">
      <c r="A92" s="8">
        <v>71</v>
      </c>
      <c r="B92" s="21">
        <v>53</v>
      </c>
      <c r="C92" s="6">
        <v>56</v>
      </c>
      <c r="D92" s="5">
        <v>109</v>
      </c>
    </row>
    <row r="93" spans="1:4" ht="18" customHeight="1" x14ac:dyDescent="0.15">
      <c r="A93" s="8">
        <v>72</v>
      </c>
      <c r="B93" s="21">
        <v>75</v>
      </c>
      <c r="C93" s="6">
        <v>70</v>
      </c>
      <c r="D93" s="5">
        <v>145</v>
      </c>
    </row>
    <row r="94" spans="1:4" ht="18" customHeight="1" x14ac:dyDescent="0.15">
      <c r="A94" s="8">
        <v>73</v>
      </c>
      <c r="B94" s="21">
        <v>53</v>
      </c>
      <c r="C94" s="6">
        <v>62</v>
      </c>
      <c r="D94" s="5">
        <v>115</v>
      </c>
    </row>
    <row r="95" spans="1:4" ht="18" customHeight="1" x14ac:dyDescent="0.15">
      <c r="A95" s="8">
        <v>74</v>
      </c>
      <c r="B95" s="21">
        <v>66</v>
      </c>
      <c r="C95" s="6">
        <v>59</v>
      </c>
      <c r="D95" s="5">
        <v>125</v>
      </c>
    </row>
    <row r="96" spans="1:4" ht="18" customHeight="1" x14ac:dyDescent="0.15">
      <c r="A96" s="8" t="s">
        <v>9</v>
      </c>
      <c r="B96" s="21">
        <v>311</v>
      </c>
      <c r="C96" s="6">
        <v>318</v>
      </c>
      <c r="D96" s="5">
        <v>629</v>
      </c>
    </row>
    <row r="97" spans="1:4" ht="18" customHeight="1" x14ac:dyDescent="0.15">
      <c r="A97" s="8">
        <v>75</v>
      </c>
      <c r="B97" s="21">
        <v>59</v>
      </c>
      <c r="C97" s="6">
        <v>73</v>
      </c>
      <c r="D97" s="5">
        <v>132</v>
      </c>
    </row>
    <row r="98" spans="1:4" ht="18" customHeight="1" x14ac:dyDescent="0.15">
      <c r="A98" s="8">
        <v>76</v>
      </c>
      <c r="B98" s="21">
        <v>66</v>
      </c>
      <c r="C98" s="6">
        <v>75</v>
      </c>
      <c r="D98" s="5">
        <v>141</v>
      </c>
    </row>
    <row r="99" spans="1:4" ht="18" customHeight="1" x14ac:dyDescent="0.15">
      <c r="A99" s="8">
        <v>77</v>
      </c>
      <c r="B99" s="21">
        <v>79</v>
      </c>
      <c r="C99" s="6">
        <v>83</v>
      </c>
      <c r="D99" s="5">
        <v>162</v>
      </c>
    </row>
    <row r="100" spans="1:4" ht="18" customHeight="1" x14ac:dyDescent="0.15">
      <c r="A100" s="8">
        <v>78</v>
      </c>
      <c r="B100" s="21">
        <v>57</v>
      </c>
      <c r="C100" s="6">
        <v>90</v>
      </c>
      <c r="D100" s="5">
        <v>147</v>
      </c>
    </row>
    <row r="101" spans="1:4" ht="18" customHeight="1" x14ac:dyDescent="0.15">
      <c r="A101" s="8">
        <v>79</v>
      </c>
      <c r="B101" s="21">
        <v>27</v>
      </c>
      <c r="C101" s="6">
        <v>41</v>
      </c>
      <c r="D101" s="5">
        <v>68</v>
      </c>
    </row>
    <row r="102" spans="1:4" ht="18" customHeight="1" x14ac:dyDescent="0.15">
      <c r="A102" s="8" t="s">
        <v>8</v>
      </c>
      <c r="B102" s="21">
        <v>288</v>
      </c>
      <c r="C102" s="6">
        <v>362</v>
      </c>
      <c r="D102" s="5">
        <v>650</v>
      </c>
    </row>
    <row r="103" spans="1:4" ht="18" customHeight="1" x14ac:dyDescent="0.15">
      <c r="A103" s="8">
        <v>80</v>
      </c>
      <c r="B103" s="21">
        <v>35</v>
      </c>
      <c r="C103" s="6">
        <v>35</v>
      </c>
      <c r="D103" s="5">
        <v>70</v>
      </c>
    </row>
    <row r="104" spans="1:4" ht="18" customHeight="1" x14ac:dyDescent="0.15">
      <c r="A104" s="8">
        <v>81</v>
      </c>
      <c r="B104" s="21">
        <v>33</v>
      </c>
      <c r="C104" s="6">
        <v>45</v>
      </c>
      <c r="D104" s="5">
        <v>78</v>
      </c>
    </row>
    <row r="105" spans="1:4" ht="18" customHeight="1" x14ac:dyDescent="0.15">
      <c r="A105" s="8">
        <v>82</v>
      </c>
      <c r="B105" s="21">
        <v>36</v>
      </c>
      <c r="C105" s="6">
        <v>54</v>
      </c>
      <c r="D105" s="5">
        <v>90</v>
      </c>
    </row>
    <row r="106" spans="1:4" ht="18" customHeight="1" x14ac:dyDescent="0.15">
      <c r="A106" s="8">
        <v>83</v>
      </c>
      <c r="B106" s="21">
        <v>34</v>
      </c>
      <c r="C106" s="6">
        <v>29</v>
      </c>
      <c r="D106" s="5">
        <v>63</v>
      </c>
    </row>
    <row r="107" spans="1:4" ht="18" customHeight="1" x14ac:dyDescent="0.15">
      <c r="A107" s="8">
        <v>84</v>
      </c>
      <c r="B107" s="21">
        <v>29</v>
      </c>
      <c r="C107" s="6">
        <v>58</v>
      </c>
      <c r="D107" s="5">
        <v>87</v>
      </c>
    </row>
    <row r="108" spans="1:4" ht="18" customHeight="1" x14ac:dyDescent="0.15">
      <c r="A108" s="8" t="s">
        <v>7</v>
      </c>
      <c r="B108" s="21">
        <v>167</v>
      </c>
      <c r="C108" s="6">
        <v>221</v>
      </c>
      <c r="D108" s="5">
        <v>388</v>
      </c>
    </row>
    <row r="109" spans="1:4" ht="18" customHeight="1" x14ac:dyDescent="0.15">
      <c r="A109" s="8">
        <v>85</v>
      </c>
      <c r="B109" s="21">
        <v>30</v>
      </c>
      <c r="C109" s="6">
        <v>33</v>
      </c>
      <c r="D109" s="5">
        <v>63</v>
      </c>
    </row>
    <row r="110" spans="1:4" ht="18" customHeight="1" x14ac:dyDescent="0.15">
      <c r="A110" s="8">
        <v>86</v>
      </c>
      <c r="B110" s="21">
        <v>16</v>
      </c>
      <c r="C110" s="6">
        <v>36</v>
      </c>
      <c r="D110" s="5">
        <v>52</v>
      </c>
    </row>
    <row r="111" spans="1:4" ht="18" customHeight="1" x14ac:dyDescent="0.15">
      <c r="A111" s="8">
        <v>87</v>
      </c>
      <c r="B111" s="21">
        <v>21</v>
      </c>
      <c r="C111" s="6">
        <v>19</v>
      </c>
      <c r="D111" s="5">
        <v>40</v>
      </c>
    </row>
    <row r="112" spans="1:4" ht="18" customHeight="1" x14ac:dyDescent="0.15">
      <c r="A112" s="8">
        <v>88</v>
      </c>
      <c r="B112" s="21">
        <v>12</v>
      </c>
      <c r="C112" s="6">
        <v>25</v>
      </c>
      <c r="D112" s="5">
        <v>37</v>
      </c>
    </row>
    <row r="113" spans="1:4" ht="18" customHeight="1" x14ac:dyDescent="0.15">
      <c r="A113" s="8">
        <v>89</v>
      </c>
      <c r="B113" s="21">
        <v>15</v>
      </c>
      <c r="C113" s="6">
        <v>24</v>
      </c>
      <c r="D113" s="5">
        <v>39</v>
      </c>
    </row>
    <row r="114" spans="1:4" ht="18" customHeight="1" x14ac:dyDescent="0.15">
      <c r="A114" s="8" t="s">
        <v>6</v>
      </c>
      <c r="B114" s="21">
        <v>94</v>
      </c>
      <c r="C114" s="6">
        <v>137</v>
      </c>
      <c r="D114" s="5">
        <v>231</v>
      </c>
    </row>
    <row r="115" spans="1:4" ht="18" customHeight="1" x14ac:dyDescent="0.15">
      <c r="A115" s="8">
        <v>90</v>
      </c>
      <c r="B115" s="21">
        <v>7</v>
      </c>
      <c r="C115" s="6">
        <v>31</v>
      </c>
      <c r="D115" s="5">
        <v>38</v>
      </c>
    </row>
    <row r="116" spans="1:4" ht="18" customHeight="1" x14ac:dyDescent="0.15">
      <c r="A116" s="8">
        <v>91</v>
      </c>
      <c r="B116" s="21">
        <v>8</v>
      </c>
      <c r="C116" s="6">
        <v>21</v>
      </c>
      <c r="D116" s="5">
        <v>29</v>
      </c>
    </row>
    <row r="117" spans="1:4" ht="18" customHeight="1" x14ac:dyDescent="0.15">
      <c r="A117" s="8">
        <v>92</v>
      </c>
      <c r="B117" s="21">
        <v>7</v>
      </c>
      <c r="C117" s="6">
        <v>21</v>
      </c>
      <c r="D117" s="5">
        <v>28</v>
      </c>
    </row>
    <row r="118" spans="1:4" ht="18" customHeight="1" x14ac:dyDescent="0.15">
      <c r="A118" s="8">
        <v>93</v>
      </c>
      <c r="B118" s="21">
        <v>6</v>
      </c>
      <c r="C118" s="6">
        <v>26</v>
      </c>
      <c r="D118" s="5">
        <v>32</v>
      </c>
    </row>
    <row r="119" spans="1:4" ht="18" customHeight="1" x14ac:dyDescent="0.15">
      <c r="A119" s="8">
        <v>94</v>
      </c>
      <c r="B119" s="21">
        <v>7</v>
      </c>
      <c r="C119" s="6">
        <v>12</v>
      </c>
      <c r="D119" s="5">
        <v>19</v>
      </c>
    </row>
    <row r="120" spans="1:4" ht="18" customHeight="1" x14ac:dyDescent="0.15">
      <c r="A120" s="8" t="s">
        <v>5</v>
      </c>
      <c r="B120" s="21">
        <v>35</v>
      </c>
      <c r="C120" s="6">
        <v>111</v>
      </c>
      <c r="D120" s="5">
        <v>146</v>
      </c>
    </row>
    <row r="121" spans="1:4" ht="18" customHeight="1" x14ac:dyDescent="0.15">
      <c r="A121" s="8">
        <v>95</v>
      </c>
      <c r="B121" s="21">
        <v>3</v>
      </c>
      <c r="C121" s="6">
        <v>14</v>
      </c>
      <c r="D121" s="5">
        <v>17</v>
      </c>
    </row>
    <row r="122" spans="1:4" ht="18" customHeight="1" x14ac:dyDescent="0.15">
      <c r="A122" s="8">
        <v>96</v>
      </c>
      <c r="B122" s="21">
        <v>6</v>
      </c>
      <c r="C122" s="6">
        <v>8</v>
      </c>
      <c r="D122" s="5">
        <v>14</v>
      </c>
    </row>
    <row r="123" spans="1:4" ht="18" customHeight="1" x14ac:dyDescent="0.15">
      <c r="A123" s="8">
        <v>97</v>
      </c>
      <c r="B123" s="21">
        <v>1</v>
      </c>
      <c r="C123" s="6">
        <v>7</v>
      </c>
      <c r="D123" s="5">
        <v>8</v>
      </c>
    </row>
    <row r="124" spans="1:4" ht="18" customHeight="1" x14ac:dyDescent="0.15">
      <c r="A124" s="8">
        <v>98</v>
      </c>
      <c r="B124" s="21">
        <v>2</v>
      </c>
      <c r="C124" s="6">
        <v>3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2</v>
      </c>
      <c r="C126" s="6">
        <v>34</v>
      </c>
      <c r="D126" s="5">
        <v>46</v>
      </c>
    </row>
    <row r="127" spans="1:4" ht="18" customHeight="1" x14ac:dyDescent="0.15">
      <c r="A127" s="8">
        <v>100</v>
      </c>
      <c r="B127" s="21">
        <v>1</v>
      </c>
      <c r="C127" s="6">
        <v>2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2</v>
      </c>
      <c r="D128" s="5">
        <v>3</v>
      </c>
    </row>
    <row r="129" spans="1:4" ht="18" customHeight="1" x14ac:dyDescent="0.15">
      <c r="A129" s="8" t="s">
        <v>2</v>
      </c>
      <c r="B129" s="21">
        <v>2</v>
      </c>
      <c r="C129" s="6">
        <v>4</v>
      </c>
      <c r="D129" s="5">
        <v>6</v>
      </c>
    </row>
    <row r="130" spans="1:4" ht="18" customHeight="1" x14ac:dyDescent="0.15">
      <c r="A130" s="8" t="s">
        <v>1</v>
      </c>
      <c r="B130" s="21">
        <v>1180</v>
      </c>
      <c r="C130" s="6">
        <v>1485</v>
      </c>
      <c r="D130" s="5">
        <v>2665</v>
      </c>
    </row>
    <row r="131" spans="1:4" ht="18" customHeight="1" x14ac:dyDescent="0.15">
      <c r="A131" s="4" t="s">
        <v>0</v>
      </c>
      <c r="B131" s="20">
        <v>5826</v>
      </c>
      <c r="C131" s="2">
        <v>5899</v>
      </c>
      <c r="D131" s="1">
        <v>1172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84B816-83E5-442D-A207-BBFE502ED869}">
  <sheetPr codeName="Sheet8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59</v>
      </c>
      <c r="C5" s="31">
        <v>35</v>
      </c>
      <c r="D5" s="30">
        <v>94</v>
      </c>
    </row>
    <row r="6" spans="1:4" ht="18" customHeight="1" x14ac:dyDescent="0.15">
      <c r="A6" s="8">
        <v>1</v>
      </c>
      <c r="B6" s="26">
        <v>33</v>
      </c>
      <c r="C6" s="6">
        <v>40</v>
      </c>
      <c r="D6" s="5">
        <v>73</v>
      </c>
    </row>
    <row r="7" spans="1:4" ht="18" customHeight="1" x14ac:dyDescent="0.15">
      <c r="A7" s="8">
        <v>2</v>
      </c>
      <c r="B7" s="26">
        <v>50</v>
      </c>
      <c r="C7" s="6">
        <v>46</v>
      </c>
      <c r="D7" s="5">
        <v>96</v>
      </c>
    </row>
    <row r="8" spans="1:4" ht="18" customHeight="1" x14ac:dyDescent="0.15">
      <c r="A8" s="8">
        <v>3</v>
      </c>
      <c r="B8" s="26">
        <v>45</v>
      </c>
      <c r="C8" s="6">
        <v>42</v>
      </c>
      <c r="D8" s="5">
        <v>87</v>
      </c>
    </row>
    <row r="9" spans="1:4" ht="18" customHeight="1" x14ac:dyDescent="0.15">
      <c r="A9" s="8">
        <v>4</v>
      </c>
      <c r="B9" s="29">
        <v>62</v>
      </c>
      <c r="C9" s="28">
        <v>42</v>
      </c>
      <c r="D9" s="27">
        <v>104</v>
      </c>
    </row>
    <row r="10" spans="1:4" ht="18" customHeight="1" x14ac:dyDescent="0.15">
      <c r="A10" s="8" t="s">
        <v>25</v>
      </c>
      <c r="B10" s="21">
        <v>249</v>
      </c>
      <c r="C10" s="6">
        <v>205</v>
      </c>
      <c r="D10" s="5">
        <v>454</v>
      </c>
    </row>
    <row r="11" spans="1:4" ht="18" customHeight="1" x14ac:dyDescent="0.15">
      <c r="A11" s="8">
        <v>5</v>
      </c>
      <c r="B11" s="26">
        <v>48</v>
      </c>
      <c r="C11" s="6">
        <v>49</v>
      </c>
      <c r="D11" s="5">
        <v>97</v>
      </c>
    </row>
    <row r="12" spans="1:4" ht="18" customHeight="1" x14ac:dyDescent="0.15">
      <c r="A12" s="8">
        <v>6</v>
      </c>
      <c r="B12" s="26">
        <v>39</v>
      </c>
      <c r="C12" s="6">
        <v>39</v>
      </c>
      <c r="D12" s="5">
        <v>78</v>
      </c>
    </row>
    <row r="13" spans="1:4" ht="18" customHeight="1" x14ac:dyDescent="0.15">
      <c r="A13" s="8">
        <v>7</v>
      </c>
      <c r="B13" s="26">
        <v>58</v>
      </c>
      <c r="C13" s="6">
        <v>54</v>
      </c>
      <c r="D13" s="5">
        <v>112</v>
      </c>
    </row>
    <row r="14" spans="1:4" ht="18" customHeight="1" x14ac:dyDescent="0.15">
      <c r="A14" s="8">
        <v>8</v>
      </c>
      <c r="B14" s="26">
        <v>53</v>
      </c>
      <c r="C14" s="6">
        <v>55</v>
      </c>
      <c r="D14" s="5">
        <v>108</v>
      </c>
    </row>
    <row r="15" spans="1:4" ht="18" customHeight="1" x14ac:dyDescent="0.15">
      <c r="A15" s="8">
        <v>9</v>
      </c>
      <c r="B15" s="26">
        <v>71</v>
      </c>
      <c r="C15" s="6">
        <v>48</v>
      </c>
      <c r="D15" s="5">
        <v>119</v>
      </c>
    </row>
    <row r="16" spans="1:4" ht="18" customHeight="1" x14ac:dyDescent="0.15">
      <c r="A16" s="8" t="s">
        <v>24</v>
      </c>
      <c r="B16" s="21">
        <v>269</v>
      </c>
      <c r="C16" s="6">
        <v>245</v>
      </c>
      <c r="D16" s="5">
        <v>514</v>
      </c>
    </row>
    <row r="17" spans="1:4" ht="18" customHeight="1" x14ac:dyDescent="0.15">
      <c r="A17" s="8">
        <v>10</v>
      </c>
      <c r="B17" s="21">
        <v>74</v>
      </c>
      <c r="C17" s="6">
        <v>70</v>
      </c>
      <c r="D17" s="5">
        <v>144</v>
      </c>
    </row>
    <row r="18" spans="1:4" ht="18" customHeight="1" x14ac:dyDescent="0.15">
      <c r="A18" s="8">
        <v>11</v>
      </c>
      <c r="B18" s="21">
        <v>62</v>
      </c>
      <c r="C18" s="6">
        <v>52</v>
      </c>
      <c r="D18" s="5">
        <v>114</v>
      </c>
    </row>
    <row r="19" spans="1:4" ht="18" customHeight="1" x14ac:dyDescent="0.15">
      <c r="A19" s="8">
        <v>12</v>
      </c>
      <c r="B19" s="21">
        <v>62</v>
      </c>
      <c r="C19" s="6">
        <v>82</v>
      </c>
      <c r="D19" s="5">
        <v>144</v>
      </c>
    </row>
    <row r="20" spans="1:4" ht="18" customHeight="1" x14ac:dyDescent="0.15">
      <c r="A20" s="8">
        <v>13</v>
      </c>
      <c r="B20" s="21">
        <v>66</v>
      </c>
      <c r="C20" s="6">
        <v>73</v>
      </c>
      <c r="D20" s="5">
        <v>139</v>
      </c>
    </row>
    <row r="21" spans="1:4" ht="18" customHeight="1" x14ac:dyDescent="0.15">
      <c r="A21" s="8">
        <v>14</v>
      </c>
      <c r="B21" s="21">
        <v>65</v>
      </c>
      <c r="C21" s="6">
        <v>62</v>
      </c>
      <c r="D21" s="5">
        <v>127</v>
      </c>
    </row>
    <row r="22" spans="1:4" ht="18" customHeight="1" x14ac:dyDescent="0.15">
      <c r="A22" s="8" t="s">
        <v>23</v>
      </c>
      <c r="B22" s="21">
        <v>329</v>
      </c>
      <c r="C22" s="6">
        <v>339</v>
      </c>
      <c r="D22" s="5">
        <v>668</v>
      </c>
    </row>
    <row r="23" spans="1:4" ht="18" customHeight="1" x14ac:dyDescent="0.15">
      <c r="A23" s="8" t="s">
        <v>22</v>
      </c>
      <c r="B23" s="21">
        <v>847</v>
      </c>
      <c r="C23" s="6">
        <v>789</v>
      </c>
      <c r="D23" s="5">
        <v>1636</v>
      </c>
    </row>
    <row r="24" spans="1:4" ht="18" customHeight="1" x14ac:dyDescent="0.15">
      <c r="A24" s="8">
        <v>15</v>
      </c>
      <c r="B24" s="21">
        <v>94</v>
      </c>
      <c r="C24" s="6">
        <v>76</v>
      </c>
      <c r="D24" s="5">
        <v>170</v>
      </c>
    </row>
    <row r="25" spans="1:4" ht="18" customHeight="1" x14ac:dyDescent="0.15">
      <c r="A25" s="8">
        <v>16</v>
      </c>
      <c r="B25" s="21">
        <v>71</v>
      </c>
      <c r="C25" s="6">
        <v>69</v>
      </c>
      <c r="D25" s="5">
        <v>140</v>
      </c>
    </row>
    <row r="26" spans="1:4" ht="18" customHeight="1" x14ac:dyDescent="0.15">
      <c r="A26" s="8">
        <v>17</v>
      </c>
      <c r="B26" s="21">
        <v>76</v>
      </c>
      <c r="C26" s="6">
        <v>71</v>
      </c>
      <c r="D26" s="5">
        <v>147</v>
      </c>
    </row>
    <row r="27" spans="1:4" ht="18" customHeight="1" x14ac:dyDescent="0.15">
      <c r="A27" s="8">
        <v>18</v>
      </c>
      <c r="B27" s="21">
        <v>64</v>
      </c>
      <c r="C27" s="6">
        <v>80</v>
      </c>
      <c r="D27" s="5">
        <v>144</v>
      </c>
    </row>
    <row r="28" spans="1:4" ht="18" customHeight="1" x14ac:dyDescent="0.15">
      <c r="A28" s="8">
        <v>19</v>
      </c>
      <c r="B28" s="21">
        <v>77</v>
      </c>
      <c r="C28" s="6">
        <v>62</v>
      </c>
      <c r="D28" s="5">
        <v>139</v>
      </c>
    </row>
    <row r="29" spans="1:4" ht="18" customHeight="1" x14ac:dyDescent="0.15">
      <c r="A29" s="8" t="s">
        <v>21</v>
      </c>
      <c r="B29" s="21">
        <v>382</v>
      </c>
      <c r="C29" s="6">
        <v>358</v>
      </c>
      <c r="D29" s="5">
        <v>740</v>
      </c>
    </row>
    <row r="30" spans="1:4" ht="18" customHeight="1" x14ac:dyDescent="0.15">
      <c r="A30" s="8">
        <v>20</v>
      </c>
      <c r="B30" s="21">
        <v>77</v>
      </c>
      <c r="C30" s="6">
        <v>67</v>
      </c>
      <c r="D30" s="5">
        <v>144</v>
      </c>
    </row>
    <row r="31" spans="1:4" ht="18" customHeight="1" x14ac:dyDescent="0.15">
      <c r="A31" s="8">
        <v>21</v>
      </c>
      <c r="B31" s="21">
        <v>73</v>
      </c>
      <c r="C31" s="6">
        <v>55</v>
      </c>
      <c r="D31" s="5">
        <v>128</v>
      </c>
    </row>
    <row r="32" spans="1:4" ht="18" customHeight="1" x14ac:dyDescent="0.15">
      <c r="A32" s="8">
        <v>22</v>
      </c>
      <c r="B32" s="21">
        <v>77</v>
      </c>
      <c r="C32" s="6">
        <v>61</v>
      </c>
      <c r="D32" s="5">
        <v>138</v>
      </c>
    </row>
    <row r="33" spans="1:4" ht="18" customHeight="1" x14ac:dyDescent="0.15">
      <c r="A33" s="8">
        <v>23</v>
      </c>
      <c r="B33" s="21">
        <v>69</v>
      </c>
      <c r="C33" s="6">
        <v>54</v>
      </c>
      <c r="D33" s="5">
        <v>123</v>
      </c>
    </row>
    <row r="34" spans="1:4" ht="18" customHeight="1" x14ac:dyDescent="0.15">
      <c r="A34" s="8">
        <v>24</v>
      </c>
      <c r="B34" s="21">
        <v>84</v>
      </c>
      <c r="C34" s="6">
        <v>67</v>
      </c>
      <c r="D34" s="5">
        <v>151</v>
      </c>
    </row>
    <row r="35" spans="1:4" ht="18" customHeight="1" x14ac:dyDescent="0.15">
      <c r="A35" s="8" t="s">
        <v>20</v>
      </c>
      <c r="B35" s="21">
        <v>380</v>
      </c>
      <c r="C35" s="6">
        <v>304</v>
      </c>
      <c r="D35" s="5">
        <v>684</v>
      </c>
    </row>
    <row r="36" spans="1:4" ht="18" customHeight="1" x14ac:dyDescent="0.15">
      <c r="A36" s="8">
        <v>25</v>
      </c>
      <c r="B36" s="21">
        <v>80</v>
      </c>
      <c r="C36" s="6">
        <v>61</v>
      </c>
      <c r="D36" s="5">
        <v>141</v>
      </c>
    </row>
    <row r="37" spans="1:4" ht="18" customHeight="1" x14ac:dyDescent="0.15">
      <c r="A37" s="8">
        <v>26</v>
      </c>
      <c r="B37" s="21">
        <v>70</v>
      </c>
      <c r="C37" s="6">
        <v>66</v>
      </c>
      <c r="D37" s="5">
        <v>136</v>
      </c>
    </row>
    <row r="38" spans="1:4" ht="18" customHeight="1" x14ac:dyDescent="0.15">
      <c r="A38" s="8">
        <v>27</v>
      </c>
      <c r="B38" s="21">
        <v>71</v>
      </c>
      <c r="C38" s="6">
        <v>67</v>
      </c>
      <c r="D38" s="5">
        <v>138</v>
      </c>
    </row>
    <row r="39" spans="1:4" ht="18" customHeight="1" x14ac:dyDescent="0.15">
      <c r="A39" s="8">
        <v>28</v>
      </c>
      <c r="B39" s="21">
        <v>74</v>
      </c>
      <c r="C39" s="6">
        <v>77</v>
      </c>
      <c r="D39" s="5">
        <v>151</v>
      </c>
    </row>
    <row r="40" spans="1:4" ht="18" customHeight="1" x14ac:dyDescent="0.15">
      <c r="A40" s="8">
        <v>29</v>
      </c>
      <c r="B40" s="21">
        <v>83</v>
      </c>
      <c r="C40" s="6">
        <v>65</v>
      </c>
      <c r="D40" s="5">
        <v>148</v>
      </c>
    </row>
    <row r="41" spans="1:4" ht="18" customHeight="1" x14ac:dyDescent="0.15">
      <c r="A41" s="8" t="s">
        <v>19</v>
      </c>
      <c r="B41" s="21">
        <v>378</v>
      </c>
      <c r="C41" s="6">
        <v>336</v>
      </c>
      <c r="D41" s="5">
        <v>714</v>
      </c>
    </row>
    <row r="42" spans="1:4" ht="18" customHeight="1" x14ac:dyDescent="0.15">
      <c r="A42" s="8">
        <v>30</v>
      </c>
      <c r="B42" s="21">
        <v>94</v>
      </c>
      <c r="C42" s="6">
        <v>73</v>
      </c>
      <c r="D42" s="5">
        <v>167</v>
      </c>
    </row>
    <row r="43" spans="1:4" ht="18" customHeight="1" x14ac:dyDescent="0.15">
      <c r="A43" s="8">
        <v>31</v>
      </c>
      <c r="B43" s="21">
        <v>77</v>
      </c>
      <c r="C43" s="6">
        <v>64</v>
      </c>
      <c r="D43" s="5">
        <v>141</v>
      </c>
    </row>
    <row r="44" spans="1:4" ht="18" customHeight="1" x14ac:dyDescent="0.15">
      <c r="A44" s="8">
        <v>32</v>
      </c>
      <c r="B44" s="21">
        <v>64</v>
      </c>
      <c r="C44" s="6">
        <v>75</v>
      </c>
      <c r="D44" s="5">
        <v>139</v>
      </c>
    </row>
    <row r="45" spans="1:4" ht="18" customHeight="1" x14ac:dyDescent="0.15">
      <c r="A45" s="8">
        <v>33</v>
      </c>
      <c r="B45" s="21">
        <v>81</v>
      </c>
      <c r="C45" s="6">
        <v>62</v>
      </c>
      <c r="D45" s="5">
        <v>143</v>
      </c>
    </row>
    <row r="46" spans="1:4" ht="18" customHeight="1" x14ac:dyDescent="0.15">
      <c r="A46" s="8">
        <v>34</v>
      </c>
      <c r="B46" s="21">
        <v>66</v>
      </c>
      <c r="C46" s="6">
        <v>54</v>
      </c>
      <c r="D46" s="5">
        <v>120</v>
      </c>
    </row>
    <row r="47" spans="1:4" ht="18" customHeight="1" x14ac:dyDescent="0.15">
      <c r="A47" s="8" t="s">
        <v>18</v>
      </c>
      <c r="B47" s="21">
        <v>382</v>
      </c>
      <c r="C47" s="6">
        <v>328</v>
      </c>
      <c r="D47" s="5">
        <v>710</v>
      </c>
    </row>
    <row r="48" spans="1:4" ht="18" customHeight="1" x14ac:dyDescent="0.15">
      <c r="A48" s="8">
        <v>35</v>
      </c>
      <c r="B48" s="21">
        <v>70</v>
      </c>
      <c r="C48" s="6">
        <v>61</v>
      </c>
      <c r="D48" s="5">
        <v>131</v>
      </c>
    </row>
    <row r="49" spans="1:4" ht="18" customHeight="1" x14ac:dyDescent="0.15">
      <c r="A49" s="8">
        <v>36</v>
      </c>
      <c r="B49" s="21">
        <v>69</v>
      </c>
      <c r="C49" s="6">
        <v>60</v>
      </c>
      <c r="D49" s="5">
        <v>129</v>
      </c>
    </row>
    <row r="50" spans="1:4" ht="18" customHeight="1" x14ac:dyDescent="0.15">
      <c r="A50" s="8">
        <v>37</v>
      </c>
      <c r="B50" s="21">
        <v>68</v>
      </c>
      <c r="C50" s="6">
        <v>49</v>
      </c>
      <c r="D50" s="5">
        <v>117</v>
      </c>
    </row>
    <row r="51" spans="1:4" ht="18" customHeight="1" x14ac:dyDescent="0.15">
      <c r="A51" s="8">
        <v>38</v>
      </c>
      <c r="B51" s="21">
        <v>55</v>
      </c>
      <c r="C51" s="6">
        <v>64</v>
      </c>
      <c r="D51" s="5">
        <v>119</v>
      </c>
    </row>
    <row r="52" spans="1:4" ht="18" customHeight="1" x14ac:dyDescent="0.15">
      <c r="A52" s="8">
        <v>39</v>
      </c>
      <c r="B52" s="21">
        <v>66</v>
      </c>
      <c r="C52" s="6">
        <v>66</v>
      </c>
      <c r="D52" s="5">
        <v>132</v>
      </c>
    </row>
    <row r="53" spans="1:4" ht="18" customHeight="1" x14ac:dyDescent="0.15">
      <c r="A53" s="8" t="s">
        <v>17</v>
      </c>
      <c r="B53" s="21">
        <v>328</v>
      </c>
      <c r="C53" s="6">
        <v>300</v>
      </c>
      <c r="D53" s="5">
        <v>628</v>
      </c>
    </row>
    <row r="54" spans="1:4" ht="18" customHeight="1" x14ac:dyDescent="0.15">
      <c r="A54" s="8">
        <v>40</v>
      </c>
      <c r="B54" s="21">
        <v>65</v>
      </c>
      <c r="C54" s="6">
        <v>76</v>
      </c>
      <c r="D54" s="5">
        <v>141</v>
      </c>
    </row>
    <row r="55" spans="1:4" ht="18" customHeight="1" x14ac:dyDescent="0.15">
      <c r="A55" s="8">
        <v>41</v>
      </c>
      <c r="B55" s="21">
        <v>64</v>
      </c>
      <c r="C55" s="6">
        <v>89</v>
      </c>
      <c r="D55" s="5">
        <v>153</v>
      </c>
    </row>
    <row r="56" spans="1:4" ht="18" customHeight="1" x14ac:dyDescent="0.15">
      <c r="A56" s="8">
        <v>42</v>
      </c>
      <c r="B56" s="21">
        <v>105</v>
      </c>
      <c r="C56" s="6">
        <v>83</v>
      </c>
      <c r="D56" s="5">
        <v>188</v>
      </c>
    </row>
    <row r="57" spans="1:4" ht="18" customHeight="1" x14ac:dyDescent="0.15">
      <c r="A57" s="8">
        <v>43</v>
      </c>
      <c r="B57" s="21">
        <v>71</v>
      </c>
      <c r="C57" s="6">
        <v>73</v>
      </c>
      <c r="D57" s="5">
        <v>144</v>
      </c>
    </row>
    <row r="58" spans="1:4" ht="18" customHeight="1" x14ac:dyDescent="0.15">
      <c r="A58" s="8">
        <v>44</v>
      </c>
      <c r="B58" s="21">
        <v>83</v>
      </c>
      <c r="C58" s="6">
        <v>92</v>
      </c>
      <c r="D58" s="5">
        <v>175</v>
      </c>
    </row>
    <row r="59" spans="1:4" ht="18" customHeight="1" x14ac:dyDescent="0.15">
      <c r="A59" s="8" t="s">
        <v>16</v>
      </c>
      <c r="B59" s="21">
        <v>388</v>
      </c>
      <c r="C59" s="6">
        <v>413</v>
      </c>
      <c r="D59" s="5">
        <v>801</v>
      </c>
    </row>
    <row r="60" spans="1:4" ht="18" customHeight="1" x14ac:dyDescent="0.15">
      <c r="A60" s="8">
        <v>45</v>
      </c>
      <c r="B60" s="21">
        <v>108</v>
      </c>
      <c r="C60" s="6">
        <v>91</v>
      </c>
      <c r="D60" s="5">
        <v>199</v>
      </c>
    </row>
    <row r="61" spans="1:4" ht="18" customHeight="1" x14ac:dyDescent="0.15">
      <c r="A61" s="8">
        <v>46</v>
      </c>
      <c r="B61" s="21">
        <v>75</v>
      </c>
      <c r="C61" s="6">
        <v>94</v>
      </c>
      <c r="D61" s="5">
        <v>169</v>
      </c>
    </row>
    <row r="62" spans="1:4" ht="18" customHeight="1" x14ac:dyDescent="0.15">
      <c r="A62" s="8">
        <v>47</v>
      </c>
      <c r="B62" s="21">
        <v>126</v>
      </c>
      <c r="C62" s="6">
        <v>105</v>
      </c>
      <c r="D62" s="5">
        <v>231</v>
      </c>
    </row>
    <row r="63" spans="1:4" ht="18" customHeight="1" x14ac:dyDescent="0.15">
      <c r="A63" s="8">
        <v>48</v>
      </c>
      <c r="B63" s="21">
        <v>103</v>
      </c>
      <c r="C63" s="6">
        <v>127</v>
      </c>
      <c r="D63" s="5">
        <v>230</v>
      </c>
    </row>
    <row r="64" spans="1:4" ht="18" customHeight="1" x14ac:dyDescent="0.15">
      <c r="A64" s="8">
        <v>49</v>
      </c>
      <c r="B64" s="21">
        <v>118</v>
      </c>
      <c r="C64" s="6">
        <v>117</v>
      </c>
      <c r="D64" s="5">
        <v>235</v>
      </c>
    </row>
    <row r="65" spans="1:4" ht="18" customHeight="1" x14ac:dyDescent="0.15">
      <c r="A65" s="8" t="s">
        <v>15</v>
      </c>
      <c r="B65" s="21">
        <v>530</v>
      </c>
      <c r="C65" s="6">
        <v>534</v>
      </c>
      <c r="D65" s="5">
        <v>1064</v>
      </c>
    </row>
    <row r="66" spans="1:4" ht="18" customHeight="1" x14ac:dyDescent="0.15">
      <c r="A66" s="8">
        <v>50</v>
      </c>
      <c r="B66" s="21">
        <v>100</v>
      </c>
      <c r="C66" s="6">
        <v>97</v>
      </c>
      <c r="D66" s="5">
        <v>197</v>
      </c>
    </row>
    <row r="67" spans="1:4" ht="18" customHeight="1" x14ac:dyDescent="0.15">
      <c r="A67" s="8">
        <v>51</v>
      </c>
      <c r="B67" s="21">
        <v>123</v>
      </c>
      <c r="C67" s="6">
        <v>112</v>
      </c>
      <c r="D67" s="5">
        <v>235</v>
      </c>
    </row>
    <row r="68" spans="1:4" ht="18" customHeight="1" x14ac:dyDescent="0.15">
      <c r="A68" s="8">
        <v>52</v>
      </c>
      <c r="B68" s="21">
        <v>118</v>
      </c>
      <c r="C68" s="6">
        <v>115</v>
      </c>
      <c r="D68" s="5">
        <v>233</v>
      </c>
    </row>
    <row r="69" spans="1:4" ht="18" customHeight="1" x14ac:dyDescent="0.15">
      <c r="A69" s="8">
        <v>53</v>
      </c>
      <c r="B69" s="21">
        <v>104</v>
      </c>
      <c r="C69" s="6">
        <v>117</v>
      </c>
      <c r="D69" s="5">
        <v>221</v>
      </c>
    </row>
    <row r="70" spans="1:4" ht="18" customHeight="1" x14ac:dyDescent="0.15">
      <c r="A70" s="8">
        <v>54</v>
      </c>
      <c r="B70" s="21">
        <v>88</v>
      </c>
      <c r="C70" s="6">
        <v>100</v>
      </c>
      <c r="D70" s="5">
        <v>188</v>
      </c>
    </row>
    <row r="71" spans="1:4" ht="18" customHeight="1" x14ac:dyDescent="0.15">
      <c r="A71" s="8" t="s">
        <v>14</v>
      </c>
      <c r="B71" s="21">
        <v>533</v>
      </c>
      <c r="C71" s="6">
        <v>541</v>
      </c>
      <c r="D71" s="5">
        <v>1074</v>
      </c>
    </row>
    <row r="72" spans="1:4" ht="18" customHeight="1" x14ac:dyDescent="0.15">
      <c r="A72" s="8">
        <v>55</v>
      </c>
      <c r="B72" s="21">
        <v>83</v>
      </c>
      <c r="C72" s="6">
        <v>101</v>
      </c>
      <c r="D72" s="5">
        <v>184</v>
      </c>
    </row>
    <row r="73" spans="1:4" ht="18" customHeight="1" x14ac:dyDescent="0.15">
      <c r="A73" s="8">
        <v>56</v>
      </c>
      <c r="B73" s="21">
        <v>95</v>
      </c>
      <c r="C73" s="6">
        <v>82</v>
      </c>
      <c r="D73" s="5">
        <v>177</v>
      </c>
    </row>
    <row r="74" spans="1:4" ht="18" customHeight="1" x14ac:dyDescent="0.15">
      <c r="A74" s="8">
        <v>57</v>
      </c>
      <c r="B74" s="21">
        <v>87</v>
      </c>
      <c r="C74" s="6">
        <v>78</v>
      </c>
      <c r="D74" s="5">
        <v>165</v>
      </c>
    </row>
    <row r="75" spans="1:4" ht="18" customHeight="1" x14ac:dyDescent="0.15">
      <c r="A75" s="8">
        <v>58</v>
      </c>
      <c r="B75" s="21">
        <v>73</v>
      </c>
      <c r="C75" s="6">
        <v>64</v>
      </c>
      <c r="D75" s="5">
        <v>137</v>
      </c>
    </row>
    <row r="76" spans="1:4" ht="18" customHeight="1" x14ac:dyDescent="0.15">
      <c r="A76" s="8">
        <v>59</v>
      </c>
      <c r="B76" s="21">
        <v>48</v>
      </c>
      <c r="C76" s="6">
        <v>42</v>
      </c>
      <c r="D76" s="5">
        <v>90</v>
      </c>
    </row>
    <row r="77" spans="1:4" ht="18" customHeight="1" x14ac:dyDescent="0.15">
      <c r="A77" s="8" t="s">
        <v>13</v>
      </c>
      <c r="B77" s="21">
        <v>386</v>
      </c>
      <c r="C77" s="6">
        <v>367</v>
      </c>
      <c r="D77" s="5">
        <v>753</v>
      </c>
    </row>
    <row r="78" spans="1:4" ht="18" customHeight="1" x14ac:dyDescent="0.15">
      <c r="A78" s="8">
        <v>60</v>
      </c>
      <c r="B78" s="21">
        <v>60</v>
      </c>
      <c r="C78" s="6">
        <v>80</v>
      </c>
      <c r="D78" s="5">
        <v>140</v>
      </c>
    </row>
    <row r="79" spans="1:4" ht="18" customHeight="1" x14ac:dyDescent="0.15">
      <c r="A79" s="8">
        <v>61</v>
      </c>
      <c r="B79" s="21">
        <v>57</v>
      </c>
      <c r="C79" s="6">
        <v>67</v>
      </c>
      <c r="D79" s="5">
        <v>124</v>
      </c>
    </row>
    <row r="80" spans="1:4" ht="18" customHeight="1" x14ac:dyDescent="0.15">
      <c r="A80" s="8">
        <v>62</v>
      </c>
      <c r="B80" s="21">
        <v>69</v>
      </c>
      <c r="C80" s="6">
        <v>66</v>
      </c>
      <c r="D80" s="5">
        <v>135</v>
      </c>
    </row>
    <row r="81" spans="1:4" ht="18" customHeight="1" x14ac:dyDescent="0.15">
      <c r="A81" s="8">
        <v>63</v>
      </c>
      <c r="B81" s="21">
        <v>66</v>
      </c>
      <c r="C81" s="6">
        <v>63</v>
      </c>
      <c r="D81" s="5">
        <v>129</v>
      </c>
    </row>
    <row r="82" spans="1:4" ht="18" customHeight="1" x14ac:dyDescent="0.15">
      <c r="A82" s="8">
        <v>64</v>
      </c>
      <c r="B82" s="21">
        <v>54</v>
      </c>
      <c r="C82" s="6">
        <v>68</v>
      </c>
      <c r="D82" s="5">
        <v>122</v>
      </c>
    </row>
    <row r="83" spans="1:4" ht="18" customHeight="1" x14ac:dyDescent="0.15">
      <c r="A83" s="8" t="s">
        <v>12</v>
      </c>
      <c r="B83" s="21">
        <v>306</v>
      </c>
      <c r="C83" s="6">
        <v>344</v>
      </c>
      <c r="D83" s="5">
        <v>650</v>
      </c>
    </row>
    <row r="84" spans="1:4" ht="18" customHeight="1" x14ac:dyDescent="0.15">
      <c r="A84" s="8" t="s">
        <v>11</v>
      </c>
      <c r="B84" s="21">
        <v>3993</v>
      </c>
      <c r="C84" s="6">
        <v>3825</v>
      </c>
      <c r="D84" s="5">
        <v>7818</v>
      </c>
    </row>
    <row r="85" spans="1:4" ht="18" customHeight="1" x14ac:dyDescent="0.15">
      <c r="A85" s="8">
        <v>65</v>
      </c>
      <c r="B85" s="21">
        <v>56</v>
      </c>
      <c r="C85" s="6">
        <v>54</v>
      </c>
      <c r="D85" s="5">
        <v>110</v>
      </c>
    </row>
    <row r="86" spans="1:4" ht="18" customHeight="1" x14ac:dyDescent="0.15">
      <c r="A86" s="8">
        <v>66</v>
      </c>
      <c r="B86" s="21">
        <v>60</v>
      </c>
      <c r="C86" s="6">
        <v>48</v>
      </c>
      <c r="D86" s="5">
        <v>108</v>
      </c>
    </row>
    <row r="87" spans="1:4" ht="18" customHeight="1" x14ac:dyDescent="0.15">
      <c r="A87" s="8">
        <v>67</v>
      </c>
      <c r="B87" s="21">
        <v>50</v>
      </c>
      <c r="C87" s="6">
        <v>56</v>
      </c>
      <c r="D87" s="5">
        <v>106</v>
      </c>
    </row>
    <row r="88" spans="1:4" ht="18" customHeight="1" x14ac:dyDescent="0.15">
      <c r="A88" s="8">
        <v>68</v>
      </c>
      <c r="B88" s="21">
        <v>42</v>
      </c>
      <c r="C88" s="6">
        <v>52</v>
      </c>
      <c r="D88" s="5">
        <v>94</v>
      </c>
    </row>
    <row r="89" spans="1:4" ht="18" customHeight="1" x14ac:dyDescent="0.15">
      <c r="A89" s="8">
        <v>69</v>
      </c>
      <c r="B89" s="21">
        <v>55</v>
      </c>
      <c r="C89" s="6">
        <v>54</v>
      </c>
      <c r="D89" s="5">
        <v>109</v>
      </c>
    </row>
    <row r="90" spans="1:4" ht="18" customHeight="1" x14ac:dyDescent="0.15">
      <c r="A90" s="8" t="s">
        <v>10</v>
      </c>
      <c r="B90" s="21">
        <v>263</v>
      </c>
      <c r="C90" s="6">
        <v>264</v>
      </c>
      <c r="D90" s="5">
        <v>527</v>
      </c>
    </row>
    <row r="91" spans="1:4" ht="18" customHeight="1" x14ac:dyDescent="0.15">
      <c r="A91" s="8">
        <v>70</v>
      </c>
      <c r="B91" s="21">
        <v>54</v>
      </c>
      <c r="C91" s="6">
        <v>52</v>
      </c>
      <c r="D91" s="5">
        <v>106</v>
      </c>
    </row>
    <row r="92" spans="1:4" ht="18" customHeight="1" x14ac:dyDescent="0.15">
      <c r="A92" s="8">
        <v>71</v>
      </c>
      <c r="B92" s="21">
        <v>44</v>
      </c>
      <c r="C92" s="6">
        <v>58</v>
      </c>
      <c r="D92" s="5">
        <v>102</v>
      </c>
    </row>
    <row r="93" spans="1:4" ht="18" customHeight="1" x14ac:dyDescent="0.15">
      <c r="A93" s="8">
        <v>72</v>
      </c>
      <c r="B93" s="21">
        <v>56</v>
      </c>
      <c r="C93" s="6">
        <v>58</v>
      </c>
      <c r="D93" s="5">
        <v>114</v>
      </c>
    </row>
    <row r="94" spans="1:4" ht="18" customHeight="1" x14ac:dyDescent="0.15">
      <c r="A94" s="8">
        <v>73</v>
      </c>
      <c r="B94" s="21">
        <v>51</v>
      </c>
      <c r="C94" s="6">
        <v>56</v>
      </c>
      <c r="D94" s="5">
        <v>107</v>
      </c>
    </row>
    <row r="95" spans="1:4" ht="18" customHeight="1" x14ac:dyDescent="0.15">
      <c r="A95" s="8">
        <v>74</v>
      </c>
      <c r="B95" s="21">
        <v>39</v>
      </c>
      <c r="C95" s="6">
        <v>67</v>
      </c>
      <c r="D95" s="5">
        <v>106</v>
      </c>
    </row>
    <row r="96" spans="1:4" ht="18" customHeight="1" x14ac:dyDescent="0.15">
      <c r="A96" s="8" t="s">
        <v>9</v>
      </c>
      <c r="B96" s="21">
        <v>244</v>
      </c>
      <c r="C96" s="6">
        <v>291</v>
      </c>
      <c r="D96" s="5">
        <v>535</v>
      </c>
    </row>
    <row r="97" spans="1:4" ht="18" customHeight="1" x14ac:dyDescent="0.15">
      <c r="A97" s="8">
        <v>75</v>
      </c>
      <c r="B97" s="21">
        <v>55</v>
      </c>
      <c r="C97" s="6">
        <v>62</v>
      </c>
      <c r="D97" s="5">
        <v>117</v>
      </c>
    </row>
    <row r="98" spans="1:4" ht="18" customHeight="1" x14ac:dyDescent="0.15">
      <c r="A98" s="8">
        <v>76</v>
      </c>
      <c r="B98" s="21">
        <v>55</v>
      </c>
      <c r="C98" s="6">
        <v>66</v>
      </c>
      <c r="D98" s="5">
        <v>121</v>
      </c>
    </row>
    <row r="99" spans="1:4" ht="18" customHeight="1" x14ac:dyDescent="0.15">
      <c r="A99" s="8">
        <v>77</v>
      </c>
      <c r="B99" s="21">
        <v>49</v>
      </c>
      <c r="C99" s="6">
        <v>70</v>
      </c>
      <c r="D99" s="5">
        <v>119</v>
      </c>
    </row>
    <row r="100" spans="1:4" ht="18" customHeight="1" x14ac:dyDescent="0.15">
      <c r="A100" s="8">
        <v>78</v>
      </c>
      <c r="B100" s="21">
        <v>60</v>
      </c>
      <c r="C100" s="6">
        <v>86</v>
      </c>
      <c r="D100" s="5">
        <v>146</v>
      </c>
    </row>
    <row r="101" spans="1:4" ht="18" customHeight="1" x14ac:dyDescent="0.15">
      <c r="A101" s="8">
        <v>79</v>
      </c>
      <c r="B101" s="21">
        <v>25</v>
      </c>
      <c r="C101" s="6">
        <v>34</v>
      </c>
      <c r="D101" s="5">
        <v>59</v>
      </c>
    </row>
    <row r="102" spans="1:4" ht="18" customHeight="1" x14ac:dyDescent="0.15">
      <c r="A102" s="8" t="s">
        <v>8</v>
      </c>
      <c r="B102" s="21">
        <v>244</v>
      </c>
      <c r="C102" s="6">
        <v>318</v>
      </c>
      <c r="D102" s="5">
        <v>562</v>
      </c>
    </row>
    <row r="103" spans="1:4" ht="18" customHeight="1" x14ac:dyDescent="0.15">
      <c r="A103" s="8">
        <v>80</v>
      </c>
      <c r="B103" s="21">
        <v>30</v>
      </c>
      <c r="C103" s="6">
        <v>26</v>
      </c>
      <c r="D103" s="5">
        <v>56</v>
      </c>
    </row>
    <row r="104" spans="1:4" ht="18" customHeight="1" x14ac:dyDescent="0.15">
      <c r="A104" s="8">
        <v>81</v>
      </c>
      <c r="B104" s="21">
        <v>31</v>
      </c>
      <c r="C104" s="6">
        <v>50</v>
      </c>
      <c r="D104" s="5">
        <v>81</v>
      </c>
    </row>
    <row r="105" spans="1:4" ht="18" customHeight="1" x14ac:dyDescent="0.15">
      <c r="A105" s="8">
        <v>82</v>
      </c>
      <c r="B105" s="21">
        <v>31</v>
      </c>
      <c r="C105" s="6">
        <v>42</v>
      </c>
      <c r="D105" s="5">
        <v>73</v>
      </c>
    </row>
    <row r="106" spans="1:4" ht="18" customHeight="1" x14ac:dyDescent="0.15">
      <c r="A106" s="8">
        <v>83</v>
      </c>
      <c r="B106" s="21">
        <v>39</v>
      </c>
      <c r="C106" s="6">
        <v>46</v>
      </c>
      <c r="D106" s="5">
        <v>85</v>
      </c>
    </row>
    <row r="107" spans="1:4" ht="18" customHeight="1" x14ac:dyDescent="0.15">
      <c r="A107" s="8">
        <v>84</v>
      </c>
      <c r="B107" s="21">
        <v>26</v>
      </c>
      <c r="C107" s="6">
        <v>32</v>
      </c>
      <c r="D107" s="5">
        <v>58</v>
      </c>
    </row>
    <row r="108" spans="1:4" ht="18" customHeight="1" x14ac:dyDescent="0.15">
      <c r="A108" s="8" t="s">
        <v>7</v>
      </c>
      <c r="B108" s="21">
        <v>157</v>
      </c>
      <c r="C108" s="6">
        <v>196</v>
      </c>
      <c r="D108" s="5">
        <v>353</v>
      </c>
    </row>
    <row r="109" spans="1:4" ht="18" customHeight="1" x14ac:dyDescent="0.15">
      <c r="A109" s="8">
        <v>85</v>
      </c>
      <c r="B109" s="21">
        <v>20</v>
      </c>
      <c r="C109" s="6">
        <v>33</v>
      </c>
      <c r="D109" s="5">
        <v>53</v>
      </c>
    </row>
    <row r="110" spans="1:4" ht="18" customHeight="1" x14ac:dyDescent="0.15">
      <c r="A110" s="8">
        <v>86</v>
      </c>
      <c r="B110" s="21">
        <v>14</v>
      </c>
      <c r="C110" s="6">
        <v>29</v>
      </c>
      <c r="D110" s="5">
        <v>43</v>
      </c>
    </row>
    <row r="111" spans="1:4" ht="18" customHeight="1" x14ac:dyDescent="0.15">
      <c r="A111" s="8">
        <v>87</v>
      </c>
      <c r="B111" s="21">
        <v>19</v>
      </c>
      <c r="C111" s="6">
        <v>23</v>
      </c>
      <c r="D111" s="5">
        <v>42</v>
      </c>
    </row>
    <row r="112" spans="1:4" ht="18" customHeight="1" x14ac:dyDescent="0.15">
      <c r="A112" s="8">
        <v>88</v>
      </c>
      <c r="B112" s="21">
        <v>14</v>
      </c>
      <c r="C112" s="6">
        <v>20</v>
      </c>
      <c r="D112" s="5">
        <v>34</v>
      </c>
    </row>
    <row r="113" spans="1:4" ht="18" customHeight="1" x14ac:dyDescent="0.15">
      <c r="A113" s="8">
        <v>89</v>
      </c>
      <c r="B113" s="21">
        <v>11</v>
      </c>
      <c r="C113" s="6">
        <v>31</v>
      </c>
      <c r="D113" s="5">
        <v>42</v>
      </c>
    </row>
    <row r="114" spans="1:4" ht="18" customHeight="1" x14ac:dyDescent="0.15">
      <c r="A114" s="8" t="s">
        <v>6</v>
      </c>
      <c r="B114" s="21">
        <v>78</v>
      </c>
      <c r="C114" s="6">
        <v>136</v>
      </c>
      <c r="D114" s="5">
        <v>214</v>
      </c>
    </row>
    <row r="115" spans="1:4" ht="18" customHeight="1" x14ac:dyDescent="0.15">
      <c r="A115" s="8">
        <v>90</v>
      </c>
      <c r="B115" s="21">
        <v>14</v>
      </c>
      <c r="C115" s="6">
        <v>22</v>
      </c>
      <c r="D115" s="5">
        <v>36</v>
      </c>
    </row>
    <row r="116" spans="1:4" ht="18" customHeight="1" x14ac:dyDescent="0.15">
      <c r="A116" s="8">
        <v>91</v>
      </c>
      <c r="B116" s="21">
        <v>7</v>
      </c>
      <c r="C116" s="6">
        <v>21</v>
      </c>
      <c r="D116" s="5">
        <v>28</v>
      </c>
    </row>
    <row r="117" spans="1:4" ht="18" customHeight="1" x14ac:dyDescent="0.15">
      <c r="A117" s="8">
        <v>92</v>
      </c>
      <c r="B117" s="21">
        <v>8</v>
      </c>
      <c r="C117" s="6">
        <v>34</v>
      </c>
      <c r="D117" s="5">
        <v>42</v>
      </c>
    </row>
    <row r="118" spans="1:4" ht="18" customHeight="1" x14ac:dyDescent="0.15">
      <c r="A118" s="8">
        <v>93</v>
      </c>
      <c r="B118" s="21">
        <v>0</v>
      </c>
      <c r="C118" s="6">
        <v>27</v>
      </c>
      <c r="D118" s="5">
        <v>27</v>
      </c>
    </row>
    <row r="119" spans="1:4" ht="18" customHeight="1" x14ac:dyDescent="0.15">
      <c r="A119" s="8">
        <v>94</v>
      </c>
      <c r="B119" s="21">
        <v>3</v>
      </c>
      <c r="C119" s="6">
        <v>13</v>
      </c>
      <c r="D119" s="5">
        <v>16</v>
      </c>
    </row>
    <row r="120" spans="1:4" ht="18" customHeight="1" x14ac:dyDescent="0.15">
      <c r="A120" s="8" t="s">
        <v>5</v>
      </c>
      <c r="B120" s="21">
        <v>32</v>
      </c>
      <c r="C120" s="6">
        <v>117</v>
      </c>
      <c r="D120" s="5">
        <v>149</v>
      </c>
    </row>
    <row r="121" spans="1:4" ht="18" customHeight="1" x14ac:dyDescent="0.15">
      <c r="A121" s="8">
        <v>95</v>
      </c>
      <c r="B121" s="21">
        <v>5</v>
      </c>
      <c r="C121" s="6">
        <v>13</v>
      </c>
      <c r="D121" s="5">
        <v>18</v>
      </c>
    </row>
    <row r="122" spans="1:4" ht="18" customHeight="1" x14ac:dyDescent="0.15">
      <c r="A122" s="8">
        <v>96</v>
      </c>
      <c r="B122" s="21">
        <v>2</v>
      </c>
      <c r="C122" s="6">
        <v>7</v>
      </c>
      <c r="D122" s="5">
        <v>9</v>
      </c>
    </row>
    <row r="123" spans="1:4" ht="18" customHeight="1" x14ac:dyDescent="0.15">
      <c r="A123" s="8">
        <v>97</v>
      </c>
      <c r="B123" s="21">
        <v>4</v>
      </c>
      <c r="C123" s="6">
        <v>6</v>
      </c>
      <c r="D123" s="5">
        <v>10</v>
      </c>
    </row>
    <row r="124" spans="1:4" ht="18" customHeight="1" x14ac:dyDescent="0.15">
      <c r="A124" s="8">
        <v>98</v>
      </c>
      <c r="B124" s="21">
        <v>2</v>
      </c>
      <c r="C124" s="6">
        <v>6</v>
      </c>
      <c r="D124" s="5">
        <v>8</v>
      </c>
    </row>
    <row r="125" spans="1:4" ht="18" customHeight="1" x14ac:dyDescent="0.15">
      <c r="A125" s="8">
        <v>99</v>
      </c>
      <c r="B125" s="21">
        <v>1</v>
      </c>
      <c r="C125" s="6">
        <v>4</v>
      </c>
      <c r="D125" s="5">
        <v>5</v>
      </c>
    </row>
    <row r="126" spans="1:4" ht="18" customHeight="1" x14ac:dyDescent="0.15">
      <c r="A126" s="8" t="s">
        <v>4</v>
      </c>
      <c r="B126" s="21">
        <v>14</v>
      </c>
      <c r="C126" s="6">
        <v>36</v>
      </c>
      <c r="D126" s="5">
        <v>50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8</v>
      </c>
      <c r="D128" s="5">
        <v>8</v>
      </c>
    </row>
    <row r="129" spans="1:4" ht="18" customHeight="1" x14ac:dyDescent="0.15">
      <c r="A129" s="8" t="s">
        <v>2</v>
      </c>
      <c r="B129" s="21">
        <v>0</v>
      </c>
      <c r="C129" s="6">
        <v>11</v>
      </c>
      <c r="D129" s="5">
        <v>11</v>
      </c>
    </row>
    <row r="130" spans="1:4" ht="18" customHeight="1" x14ac:dyDescent="0.15">
      <c r="A130" s="8" t="s">
        <v>1</v>
      </c>
      <c r="B130" s="21">
        <v>1032</v>
      </c>
      <c r="C130" s="6">
        <v>1369</v>
      </c>
      <c r="D130" s="5">
        <v>2401</v>
      </c>
    </row>
    <row r="131" spans="1:4" ht="18" customHeight="1" x14ac:dyDescent="0.15">
      <c r="A131" s="4" t="s">
        <v>0</v>
      </c>
      <c r="B131" s="20">
        <v>5872</v>
      </c>
      <c r="C131" s="2">
        <v>5983</v>
      </c>
      <c r="D131" s="1">
        <v>1185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81460A-529C-46AE-ACDD-9615E7418667}">
  <sheetPr codeName="Sheet8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4</v>
      </c>
      <c r="D5" s="30">
        <v>4</v>
      </c>
    </row>
    <row r="6" spans="1:4" ht="18" customHeight="1" x14ac:dyDescent="0.15">
      <c r="A6" s="8">
        <v>1</v>
      </c>
      <c r="B6" s="26">
        <v>6</v>
      </c>
      <c r="C6" s="6">
        <v>4</v>
      </c>
      <c r="D6" s="5">
        <v>10</v>
      </c>
    </row>
    <row r="7" spans="1:4" ht="18" customHeight="1" x14ac:dyDescent="0.15">
      <c r="A7" s="8">
        <v>2</v>
      </c>
      <c r="B7" s="26">
        <v>7</v>
      </c>
      <c r="C7" s="6">
        <v>3</v>
      </c>
      <c r="D7" s="5">
        <v>10</v>
      </c>
    </row>
    <row r="8" spans="1:4" ht="18" customHeight="1" x14ac:dyDescent="0.15">
      <c r="A8" s="8">
        <v>3</v>
      </c>
      <c r="B8" s="26">
        <v>7</v>
      </c>
      <c r="C8" s="6">
        <v>3</v>
      </c>
      <c r="D8" s="5">
        <v>10</v>
      </c>
    </row>
    <row r="9" spans="1:4" ht="18" customHeight="1" x14ac:dyDescent="0.15">
      <c r="A9" s="8">
        <v>4</v>
      </c>
      <c r="B9" s="29">
        <v>5</v>
      </c>
      <c r="C9" s="28">
        <v>8</v>
      </c>
      <c r="D9" s="27">
        <v>13</v>
      </c>
    </row>
    <row r="10" spans="1:4" ht="18" customHeight="1" x14ac:dyDescent="0.15">
      <c r="A10" s="8" t="s">
        <v>25</v>
      </c>
      <c r="B10" s="21">
        <v>25</v>
      </c>
      <c r="C10" s="6">
        <v>22</v>
      </c>
      <c r="D10" s="5">
        <v>47</v>
      </c>
    </row>
    <row r="11" spans="1:4" ht="18" customHeight="1" x14ac:dyDescent="0.15">
      <c r="A11" s="8">
        <v>5</v>
      </c>
      <c r="B11" s="26">
        <v>5</v>
      </c>
      <c r="C11" s="6">
        <v>4</v>
      </c>
      <c r="D11" s="5">
        <v>9</v>
      </c>
    </row>
    <row r="12" spans="1:4" ht="18" customHeight="1" x14ac:dyDescent="0.15">
      <c r="A12" s="8">
        <v>6</v>
      </c>
      <c r="B12" s="26">
        <v>5</v>
      </c>
      <c r="C12" s="6">
        <v>6</v>
      </c>
      <c r="D12" s="5">
        <v>11</v>
      </c>
    </row>
    <row r="13" spans="1:4" ht="18" customHeight="1" x14ac:dyDescent="0.15">
      <c r="A13" s="8">
        <v>7</v>
      </c>
      <c r="B13" s="26">
        <v>6</v>
      </c>
      <c r="C13" s="6">
        <v>7</v>
      </c>
      <c r="D13" s="5">
        <v>13</v>
      </c>
    </row>
    <row r="14" spans="1:4" ht="18" customHeight="1" x14ac:dyDescent="0.15">
      <c r="A14" s="8">
        <v>8</v>
      </c>
      <c r="B14" s="26">
        <v>10</v>
      </c>
      <c r="C14" s="6">
        <v>4</v>
      </c>
      <c r="D14" s="5">
        <v>14</v>
      </c>
    </row>
    <row r="15" spans="1:4" ht="18" customHeight="1" x14ac:dyDescent="0.15">
      <c r="A15" s="8">
        <v>9</v>
      </c>
      <c r="B15" s="26">
        <v>6</v>
      </c>
      <c r="C15" s="6">
        <v>8</v>
      </c>
      <c r="D15" s="5">
        <v>14</v>
      </c>
    </row>
    <row r="16" spans="1:4" ht="18" customHeight="1" x14ac:dyDescent="0.15">
      <c r="A16" s="8" t="s">
        <v>24</v>
      </c>
      <c r="B16" s="21">
        <v>32</v>
      </c>
      <c r="C16" s="6">
        <v>29</v>
      </c>
      <c r="D16" s="5">
        <v>61</v>
      </c>
    </row>
    <row r="17" spans="1:4" ht="18" customHeight="1" x14ac:dyDescent="0.15">
      <c r="A17" s="8">
        <v>10</v>
      </c>
      <c r="B17" s="21">
        <v>3</v>
      </c>
      <c r="C17" s="6">
        <v>7</v>
      </c>
      <c r="D17" s="5">
        <v>10</v>
      </c>
    </row>
    <row r="18" spans="1:4" ht="18" customHeight="1" x14ac:dyDescent="0.15">
      <c r="A18" s="8">
        <v>11</v>
      </c>
      <c r="B18" s="21">
        <v>6</v>
      </c>
      <c r="C18" s="6">
        <v>4</v>
      </c>
      <c r="D18" s="5">
        <v>10</v>
      </c>
    </row>
    <row r="19" spans="1:4" ht="18" customHeight="1" x14ac:dyDescent="0.15">
      <c r="A19" s="8">
        <v>12</v>
      </c>
      <c r="B19" s="21">
        <v>4</v>
      </c>
      <c r="C19" s="6">
        <v>4</v>
      </c>
      <c r="D19" s="5">
        <v>8</v>
      </c>
    </row>
    <row r="20" spans="1:4" ht="18" customHeight="1" x14ac:dyDescent="0.15">
      <c r="A20" s="8">
        <v>13</v>
      </c>
      <c r="B20" s="21">
        <v>6</v>
      </c>
      <c r="C20" s="6">
        <v>4</v>
      </c>
      <c r="D20" s="5">
        <v>10</v>
      </c>
    </row>
    <row r="21" spans="1:4" ht="18" customHeight="1" x14ac:dyDescent="0.15">
      <c r="A21" s="8">
        <v>14</v>
      </c>
      <c r="B21" s="21">
        <v>2</v>
      </c>
      <c r="C21" s="6">
        <v>7</v>
      </c>
      <c r="D21" s="5">
        <v>9</v>
      </c>
    </row>
    <row r="22" spans="1:4" ht="18" customHeight="1" x14ac:dyDescent="0.15">
      <c r="A22" s="8" t="s">
        <v>23</v>
      </c>
      <c r="B22" s="21">
        <v>21</v>
      </c>
      <c r="C22" s="6">
        <v>26</v>
      </c>
      <c r="D22" s="5">
        <v>47</v>
      </c>
    </row>
    <row r="23" spans="1:4" ht="18" customHeight="1" x14ac:dyDescent="0.15">
      <c r="A23" s="8" t="s">
        <v>22</v>
      </c>
      <c r="B23" s="21">
        <v>78</v>
      </c>
      <c r="C23" s="6">
        <v>77</v>
      </c>
      <c r="D23" s="5">
        <v>155</v>
      </c>
    </row>
    <row r="24" spans="1:4" ht="18" customHeight="1" x14ac:dyDescent="0.15">
      <c r="A24" s="8">
        <v>15</v>
      </c>
      <c r="B24" s="21">
        <v>4</v>
      </c>
      <c r="C24" s="6">
        <v>1</v>
      </c>
      <c r="D24" s="5">
        <v>5</v>
      </c>
    </row>
    <row r="25" spans="1:4" ht="18" customHeight="1" x14ac:dyDescent="0.15">
      <c r="A25" s="8">
        <v>16</v>
      </c>
      <c r="B25" s="21">
        <v>1</v>
      </c>
      <c r="C25" s="6">
        <v>6</v>
      </c>
      <c r="D25" s="5">
        <v>7</v>
      </c>
    </row>
    <row r="26" spans="1:4" ht="18" customHeight="1" x14ac:dyDescent="0.15">
      <c r="A26" s="8">
        <v>17</v>
      </c>
      <c r="B26" s="21">
        <v>6</v>
      </c>
      <c r="C26" s="6">
        <v>2</v>
      </c>
      <c r="D26" s="5">
        <v>8</v>
      </c>
    </row>
    <row r="27" spans="1:4" ht="18" customHeight="1" x14ac:dyDescent="0.15">
      <c r="A27" s="8">
        <v>18</v>
      </c>
      <c r="B27" s="21">
        <v>4</v>
      </c>
      <c r="C27" s="6">
        <v>4</v>
      </c>
      <c r="D27" s="5">
        <v>8</v>
      </c>
    </row>
    <row r="28" spans="1:4" ht="18" customHeight="1" x14ac:dyDescent="0.15">
      <c r="A28" s="8">
        <v>19</v>
      </c>
      <c r="B28" s="21">
        <v>3</v>
      </c>
      <c r="C28" s="6">
        <v>3</v>
      </c>
      <c r="D28" s="5">
        <v>6</v>
      </c>
    </row>
    <row r="29" spans="1:4" ht="18" customHeight="1" x14ac:dyDescent="0.15">
      <c r="A29" s="8" t="s">
        <v>21</v>
      </c>
      <c r="B29" s="21">
        <v>18</v>
      </c>
      <c r="C29" s="6">
        <v>16</v>
      </c>
      <c r="D29" s="5">
        <v>34</v>
      </c>
    </row>
    <row r="30" spans="1:4" ht="18" customHeight="1" x14ac:dyDescent="0.15">
      <c r="A30" s="8">
        <v>20</v>
      </c>
      <c r="B30" s="21">
        <v>3</v>
      </c>
      <c r="C30" s="6">
        <v>9</v>
      </c>
      <c r="D30" s="5">
        <v>12</v>
      </c>
    </row>
    <row r="31" spans="1:4" ht="18" customHeight="1" x14ac:dyDescent="0.15">
      <c r="A31" s="8">
        <v>21</v>
      </c>
      <c r="B31" s="21">
        <v>3</v>
      </c>
      <c r="C31" s="6">
        <v>4</v>
      </c>
      <c r="D31" s="5">
        <v>7</v>
      </c>
    </row>
    <row r="32" spans="1:4" ht="18" customHeight="1" x14ac:dyDescent="0.15">
      <c r="A32" s="8">
        <v>22</v>
      </c>
      <c r="B32" s="21">
        <v>2</v>
      </c>
      <c r="C32" s="6">
        <v>5</v>
      </c>
      <c r="D32" s="5">
        <v>7</v>
      </c>
    </row>
    <row r="33" spans="1:4" ht="18" customHeight="1" x14ac:dyDescent="0.15">
      <c r="A33" s="8">
        <v>23</v>
      </c>
      <c r="B33" s="21">
        <v>3</v>
      </c>
      <c r="C33" s="6">
        <v>8</v>
      </c>
      <c r="D33" s="5">
        <v>11</v>
      </c>
    </row>
    <row r="34" spans="1:4" ht="18" customHeight="1" x14ac:dyDescent="0.15">
      <c r="A34" s="8">
        <v>24</v>
      </c>
      <c r="B34" s="21">
        <v>3</v>
      </c>
      <c r="C34" s="6">
        <v>4</v>
      </c>
      <c r="D34" s="5">
        <v>7</v>
      </c>
    </row>
    <row r="35" spans="1:4" ht="18" customHeight="1" x14ac:dyDescent="0.15">
      <c r="A35" s="8" t="s">
        <v>20</v>
      </c>
      <c r="B35" s="21">
        <v>14</v>
      </c>
      <c r="C35" s="6">
        <v>30</v>
      </c>
      <c r="D35" s="5">
        <v>44</v>
      </c>
    </row>
    <row r="36" spans="1:4" ht="18" customHeight="1" x14ac:dyDescent="0.15">
      <c r="A36" s="8">
        <v>25</v>
      </c>
      <c r="B36" s="21">
        <v>5</v>
      </c>
      <c r="C36" s="6">
        <v>6</v>
      </c>
      <c r="D36" s="5">
        <v>11</v>
      </c>
    </row>
    <row r="37" spans="1:4" ht="18" customHeight="1" x14ac:dyDescent="0.15">
      <c r="A37" s="8">
        <v>26</v>
      </c>
      <c r="B37" s="21">
        <v>5</v>
      </c>
      <c r="C37" s="6">
        <v>4</v>
      </c>
      <c r="D37" s="5">
        <v>9</v>
      </c>
    </row>
    <row r="38" spans="1:4" ht="18" customHeight="1" x14ac:dyDescent="0.15">
      <c r="A38" s="8">
        <v>27</v>
      </c>
      <c r="B38" s="21">
        <v>5</v>
      </c>
      <c r="C38" s="6">
        <v>3</v>
      </c>
      <c r="D38" s="5">
        <v>8</v>
      </c>
    </row>
    <row r="39" spans="1:4" ht="18" customHeight="1" x14ac:dyDescent="0.15">
      <c r="A39" s="8">
        <v>28</v>
      </c>
      <c r="B39" s="21">
        <v>9</v>
      </c>
      <c r="C39" s="6">
        <v>4</v>
      </c>
      <c r="D39" s="5">
        <v>13</v>
      </c>
    </row>
    <row r="40" spans="1:4" ht="18" customHeight="1" x14ac:dyDescent="0.15">
      <c r="A40" s="8">
        <v>29</v>
      </c>
      <c r="B40" s="21">
        <v>7</v>
      </c>
      <c r="C40" s="6">
        <v>6</v>
      </c>
      <c r="D40" s="5">
        <v>13</v>
      </c>
    </row>
    <row r="41" spans="1:4" ht="18" customHeight="1" x14ac:dyDescent="0.15">
      <c r="A41" s="8" t="s">
        <v>19</v>
      </c>
      <c r="B41" s="21">
        <v>31</v>
      </c>
      <c r="C41" s="6">
        <v>23</v>
      </c>
      <c r="D41" s="5">
        <v>54</v>
      </c>
    </row>
    <row r="42" spans="1:4" ht="18" customHeight="1" x14ac:dyDescent="0.15">
      <c r="A42" s="8">
        <v>30</v>
      </c>
      <c r="B42" s="21">
        <v>7</v>
      </c>
      <c r="C42" s="6">
        <v>3</v>
      </c>
      <c r="D42" s="5">
        <v>10</v>
      </c>
    </row>
    <row r="43" spans="1:4" ht="18" customHeight="1" x14ac:dyDescent="0.15">
      <c r="A43" s="8">
        <v>31</v>
      </c>
      <c r="B43" s="21">
        <v>7</v>
      </c>
      <c r="C43" s="6">
        <v>5</v>
      </c>
      <c r="D43" s="5">
        <v>12</v>
      </c>
    </row>
    <row r="44" spans="1:4" ht="18" customHeight="1" x14ac:dyDescent="0.15">
      <c r="A44" s="8">
        <v>32</v>
      </c>
      <c r="B44" s="21">
        <v>8</v>
      </c>
      <c r="C44" s="6">
        <v>4</v>
      </c>
      <c r="D44" s="5">
        <v>12</v>
      </c>
    </row>
    <row r="45" spans="1:4" ht="18" customHeight="1" x14ac:dyDescent="0.15">
      <c r="A45" s="8">
        <v>33</v>
      </c>
      <c r="B45" s="21">
        <v>9</v>
      </c>
      <c r="C45" s="6">
        <v>3</v>
      </c>
      <c r="D45" s="5">
        <v>12</v>
      </c>
    </row>
    <row r="46" spans="1:4" ht="18" customHeight="1" x14ac:dyDescent="0.15">
      <c r="A46" s="8">
        <v>34</v>
      </c>
      <c r="B46" s="21">
        <v>11</v>
      </c>
      <c r="C46" s="6">
        <v>11</v>
      </c>
      <c r="D46" s="5">
        <v>22</v>
      </c>
    </row>
    <row r="47" spans="1:4" ht="18" customHeight="1" x14ac:dyDescent="0.15">
      <c r="A47" s="8" t="s">
        <v>18</v>
      </c>
      <c r="B47" s="21">
        <v>42</v>
      </c>
      <c r="C47" s="6">
        <v>26</v>
      </c>
      <c r="D47" s="5">
        <v>68</v>
      </c>
    </row>
    <row r="48" spans="1:4" ht="18" customHeight="1" x14ac:dyDescent="0.15">
      <c r="A48" s="8">
        <v>35</v>
      </c>
      <c r="B48" s="21">
        <v>11</v>
      </c>
      <c r="C48" s="6">
        <v>7</v>
      </c>
      <c r="D48" s="5">
        <v>18</v>
      </c>
    </row>
    <row r="49" spans="1:4" ht="18" customHeight="1" x14ac:dyDescent="0.15">
      <c r="A49" s="8">
        <v>36</v>
      </c>
      <c r="B49" s="21">
        <v>8</v>
      </c>
      <c r="C49" s="6">
        <v>6</v>
      </c>
      <c r="D49" s="5">
        <v>14</v>
      </c>
    </row>
    <row r="50" spans="1:4" ht="18" customHeight="1" x14ac:dyDescent="0.15">
      <c r="A50" s="8">
        <v>37</v>
      </c>
      <c r="B50" s="21">
        <v>7</v>
      </c>
      <c r="C50" s="6">
        <v>9</v>
      </c>
      <c r="D50" s="5">
        <v>16</v>
      </c>
    </row>
    <row r="51" spans="1:4" ht="18" customHeight="1" x14ac:dyDescent="0.15">
      <c r="A51" s="8">
        <v>38</v>
      </c>
      <c r="B51" s="21">
        <v>5</v>
      </c>
      <c r="C51" s="6">
        <v>8</v>
      </c>
      <c r="D51" s="5">
        <v>13</v>
      </c>
    </row>
    <row r="52" spans="1:4" ht="18" customHeight="1" x14ac:dyDescent="0.15">
      <c r="A52" s="8">
        <v>39</v>
      </c>
      <c r="B52" s="21">
        <v>8</v>
      </c>
      <c r="C52" s="6">
        <v>11</v>
      </c>
      <c r="D52" s="5">
        <v>19</v>
      </c>
    </row>
    <row r="53" spans="1:4" ht="18" customHeight="1" x14ac:dyDescent="0.15">
      <c r="A53" s="8" t="s">
        <v>17</v>
      </c>
      <c r="B53" s="21">
        <v>39</v>
      </c>
      <c r="C53" s="6">
        <v>41</v>
      </c>
      <c r="D53" s="5">
        <v>80</v>
      </c>
    </row>
    <row r="54" spans="1:4" ht="18" customHeight="1" x14ac:dyDescent="0.15">
      <c r="A54" s="8">
        <v>40</v>
      </c>
      <c r="B54" s="21">
        <v>10</v>
      </c>
      <c r="C54" s="6">
        <v>7</v>
      </c>
      <c r="D54" s="5">
        <v>17</v>
      </c>
    </row>
    <row r="55" spans="1:4" ht="18" customHeight="1" x14ac:dyDescent="0.15">
      <c r="A55" s="8">
        <v>41</v>
      </c>
      <c r="B55" s="21">
        <v>9</v>
      </c>
      <c r="C55" s="6">
        <v>6</v>
      </c>
      <c r="D55" s="5">
        <v>15</v>
      </c>
    </row>
    <row r="56" spans="1:4" ht="18" customHeight="1" x14ac:dyDescent="0.15">
      <c r="A56" s="8">
        <v>42</v>
      </c>
      <c r="B56" s="21">
        <v>9</v>
      </c>
      <c r="C56" s="6">
        <v>11</v>
      </c>
      <c r="D56" s="5">
        <v>20</v>
      </c>
    </row>
    <row r="57" spans="1:4" ht="18" customHeight="1" x14ac:dyDescent="0.15">
      <c r="A57" s="8">
        <v>43</v>
      </c>
      <c r="B57" s="21">
        <v>2</v>
      </c>
      <c r="C57" s="6">
        <v>10</v>
      </c>
      <c r="D57" s="5">
        <v>12</v>
      </c>
    </row>
    <row r="58" spans="1:4" ht="18" customHeight="1" x14ac:dyDescent="0.15">
      <c r="A58" s="8">
        <v>44</v>
      </c>
      <c r="B58" s="21">
        <v>6</v>
      </c>
      <c r="C58" s="6">
        <v>6</v>
      </c>
      <c r="D58" s="5">
        <v>12</v>
      </c>
    </row>
    <row r="59" spans="1:4" ht="18" customHeight="1" x14ac:dyDescent="0.15">
      <c r="A59" s="8" t="s">
        <v>16</v>
      </c>
      <c r="B59" s="21">
        <v>36</v>
      </c>
      <c r="C59" s="6">
        <v>40</v>
      </c>
      <c r="D59" s="5">
        <v>76</v>
      </c>
    </row>
    <row r="60" spans="1:4" ht="18" customHeight="1" x14ac:dyDescent="0.15">
      <c r="A60" s="8">
        <v>45</v>
      </c>
      <c r="B60" s="21">
        <v>9</v>
      </c>
      <c r="C60" s="6">
        <v>6</v>
      </c>
      <c r="D60" s="5">
        <v>15</v>
      </c>
    </row>
    <row r="61" spans="1:4" ht="18" customHeight="1" x14ac:dyDescent="0.15">
      <c r="A61" s="8">
        <v>46</v>
      </c>
      <c r="B61" s="21">
        <v>14</v>
      </c>
      <c r="C61" s="6">
        <v>5</v>
      </c>
      <c r="D61" s="5">
        <v>19</v>
      </c>
    </row>
    <row r="62" spans="1:4" ht="18" customHeight="1" x14ac:dyDescent="0.15">
      <c r="A62" s="8">
        <v>47</v>
      </c>
      <c r="B62" s="21">
        <v>11</v>
      </c>
      <c r="C62" s="6">
        <v>8</v>
      </c>
      <c r="D62" s="5">
        <v>19</v>
      </c>
    </row>
    <row r="63" spans="1:4" ht="18" customHeight="1" x14ac:dyDescent="0.15">
      <c r="A63" s="8">
        <v>48</v>
      </c>
      <c r="B63" s="21">
        <v>7</v>
      </c>
      <c r="C63" s="6">
        <v>5</v>
      </c>
      <c r="D63" s="5">
        <v>12</v>
      </c>
    </row>
    <row r="64" spans="1:4" ht="18" customHeight="1" x14ac:dyDescent="0.15">
      <c r="A64" s="8">
        <v>49</v>
      </c>
      <c r="B64" s="21">
        <v>1</v>
      </c>
      <c r="C64" s="6">
        <v>7</v>
      </c>
      <c r="D64" s="5">
        <v>8</v>
      </c>
    </row>
    <row r="65" spans="1:4" ht="18" customHeight="1" x14ac:dyDescent="0.15">
      <c r="A65" s="8" t="s">
        <v>15</v>
      </c>
      <c r="B65" s="21">
        <v>42</v>
      </c>
      <c r="C65" s="6">
        <v>31</v>
      </c>
      <c r="D65" s="5">
        <v>73</v>
      </c>
    </row>
    <row r="66" spans="1:4" ht="18" customHeight="1" x14ac:dyDescent="0.15">
      <c r="A66" s="8">
        <v>50</v>
      </c>
      <c r="B66" s="21">
        <v>10</v>
      </c>
      <c r="C66" s="6">
        <v>4</v>
      </c>
      <c r="D66" s="5">
        <v>14</v>
      </c>
    </row>
    <row r="67" spans="1:4" ht="18" customHeight="1" x14ac:dyDescent="0.15">
      <c r="A67" s="8">
        <v>51</v>
      </c>
      <c r="B67" s="21">
        <v>10</v>
      </c>
      <c r="C67" s="6">
        <v>10</v>
      </c>
      <c r="D67" s="5">
        <v>20</v>
      </c>
    </row>
    <row r="68" spans="1:4" ht="18" customHeight="1" x14ac:dyDescent="0.15">
      <c r="A68" s="8">
        <v>52</v>
      </c>
      <c r="B68" s="21">
        <v>9</v>
      </c>
      <c r="C68" s="6">
        <v>12</v>
      </c>
      <c r="D68" s="5">
        <v>21</v>
      </c>
    </row>
    <row r="69" spans="1:4" ht="18" customHeight="1" x14ac:dyDescent="0.15">
      <c r="A69" s="8">
        <v>53</v>
      </c>
      <c r="B69" s="21">
        <v>9</v>
      </c>
      <c r="C69" s="6">
        <v>10</v>
      </c>
      <c r="D69" s="5">
        <v>19</v>
      </c>
    </row>
    <row r="70" spans="1:4" ht="18" customHeight="1" x14ac:dyDescent="0.15">
      <c r="A70" s="8">
        <v>54</v>
      </c>
      <c r="B70" s="21">
        <v>6</v>
      </c>
      <c r="C70" s="6">
        <v>10</v>
      </c>
      <c r="D70" s="5">
        <v>16</v>
      </c>
    </row>
    <row r="71" spans="1:4" ht="18" customHeight="1" x14ac:dyDescent="0.15">
      <c r="A71" s="8" t="s">
        <v>14</v>
      </c>
      <c r="B71" s="21">
        <v>44</v>
      </c>
      <c r="C71" s="6">
        <v>46</v>
      </c>
      <c r="D71" s="5">
        <v>90</v>
      </c>
    </row>
    <row r="72" spans="1:4" ht="18" customHeight="1" x14ac:dyDescent="0.15">
      <c r="A72" s="8">
        <v>55</v>
      </c>
      <c r="B72" s="21">
        <v>7</v>
      </c>
      <c r="C72" s="6">
        <v>7</v>
      </c>
      <c r="D72" s="5">
        <v>14</v>
      </c>
    </row>
    <row r="73" spans="1:4" ht="18" customHeight="1" x14ac:dyDescent="0.15">
      <c r="A73" s="8">
        <v>56</v>
      </c>
      <c r="B73" s="21">
        <v>10</v>
      </c>
      <c r="C73" s="6">
        <v>8</v>
      </c>
      <c r="D73" s="5">
        <v>18</v>
      </c>
    </row>
    <row r="74" spans="1:4" ht="18" customHeight="1" x14ac:dyDescent="0.15">
      <c r="A74" s="8">
        <v>57</v>
      </c>
      <c r="B74" s="21">
        <v>12</v>
      </c>
      <c r="C74" s="6">
        <v>15</v>
      </c>
      <c r="D74" s="5">
        <v>27</v>
      </c>
    </row>
    <row r="75" spans="1:4" ht="18" customHeight="1" x14ac:dyDescent="0.15">
      <c r="A75" s="8">
        <v>58</v>
      </c>
      <c r="B75" s="21">
        <v>8</v>
      </c>
      <c r="C75" s="6">
        <v>3</v>
      </c>
      <c r="D75" s="5">
        <v>11</v>
      </c>
    </row>
    <row r="76" spans="1:4" ht="18" customHeight="1" x14ac:dyDescent="0.15">
      <c r="A76" s="8">
        <v>59</v>
      </c>
      <c r="B76" s="21">
        <v>8</v>
      </c>
      <c r="C76" s="6">
        <v>7</v>
      </c>
      <c r="D76" s="5">
        <v>15</v>
      </c>
    </row>
    <row r="77" spans="1:4" ht="18" customHeight="1" x14ac:dyDescent="0.15">
      <c r="A77" s="8" t="s">
        <v>13</v>
      </c>
      <c r="B77" s="21">
        <v>45</v>
      </c>
      <c r="C77" s="6">
        <v>40</v>
      </c>
      <c r="D77" s="5">
        <v>85</v>
      </c>
    </row>
    <row r="78" spans="1:4" ht="18" customHeight="1" x14ac:dyDescent="0.15">
      <c r="A78" s="8">
        <v>60</v>
      </c>
      <c r="B78" s="21">
        <v>10</v>
      </c>
      <c r="C78" s="6">
        <v>12</v>
      </c>
      <c r="D78" s="5">
        <v>22</v>
      </c>
    </row>
    <row r="79" spans="1:4" ht="18" customHeight="1" x14ac:dyDescent="0.15">
      <c r="A79" s="8">
        <v>61</v>
      </c>
      <c r="B79" s="21">
        <v>8</v>
      </c>
      <c r="C79" s="6">
        <v>8</v>
      </c>
      <c r="D79" s="5">
        <v>16</v>
      </c>
    </row>
    <row r="80" spans="1:4" ht="18" customHeight="1" x14ac:dyDescent="0.15">
      <c r="A80" s="8">
        <v>62</v>
      </c>
      <c r="B80" s="21">
        <v>11</v>
      </c>
      <c r="C80" s="6">
        <v>14</v>
      </c>
      <c r="D80" s="5">
        <v>25</v>
      </c>
    </row>
    <row r="81" spans="1:4" ht="18" customHeight="1" x14ac:dyDescent="0.15">
      <c r="A81" s="8">
        <v>63</v>
      </c>
      <c r="B81" s="21">
        <v>8</v>
      </c>
      <c r="C81" s="6">
        <v>12</v>
      </c>
      <c r="D81" s="5">
        <v>20</v>
      </c>
    </row>
    <row r="82" spans="1:4" ht="18" customHeight="1" x14ac:dyDescent="0.15">
      <c r="A82" s="8">
        <v>64</v>
      </c>
      <c r="B82" s="21">
        <v>3</v>
      </c>
      <c r="C82" s="6">
        <v>15</v>
      </c>
      <c r="D82" s="5">
        <v>18</v>
      </c>
    </row>
    <row r="83" spans="1:4" ht="18" customHeight="1" x14ac:dyDescent="0.15">
      <c r="A83" s="8" t="s">
        <v>12</v>
      </c>
      <c r="B83" s="21">
        <v>40</v>
      </c>
      <c r="C83" s="6">
        <v>61</v>
      </c>
      <c r="D83" s="5">
        <v>101</v>
      </c>
    </row>
    <row r="84" spans="1:4" ht="18" customHeight="1" x14ac:dyDescent="0.15">
      <c r="A84" s="8" t="s">
        <v>11</v>
      </c>
      <c r="B84" s="21">
        <v>351</v>
      </c>
      <c r="C84" s="6">
        <v>354</v>
      </c>
      <c r="D84" s="5">
        <v>705</v>
      </c>
    </row>
    <row r="85" spans="1:4" ht="18" customHeight="1" x14ac:dyDescent="0.15">
      <c r="A85" s="8">
        <v>65</v>
      </c>
      <c r="B85" s="21">
        <v>12</v>
      </c>
      <c r="C85" s="6">
        <v>12</v>
      </c>
      <c r="D85" s="5">
        <v>24</v>
      </c>
    </row>
    <row r="86" spans="1:4" ht="18" customHeight="1" x14ac:dyDescent="0.15">
      <c r="A86" s="8">
        <v>66</v>
      </c>
      <c r="B86" s="21">
        <v>14</v>
      </c>
      <c r="C86" s="6">
        <v>14</v>
      </c>
      <c r="D86" s="5">
        <v>28</v>
      </c>
    </row>
    <row r="87" spans="1:4" ht="18" customHeight="1" x14ac:dyDescent="0.15">
      <c r="A87" s="8">
        <v>67</v>
      </c>
      <c r="B87" s="21">
        <v>9</v>
      </c>
      <c r="C87" s="6">
        <v>6</v>
      </c>
      <c r="D87" s="5">
        <v>15</v>
      </c>
    </row>
    <row r="88" spans="1:4" ht="18" customHeight="1" x14ac:dyDescent="0.15">
      <c r="A88" s="8">
        <v>68</v>
      </c>
      <c r="B88" s="21">
        <v>12</v>
      </c>
      <c r="C88" s="6">
        <v>4</v>
      </c>
      <c r="D88" s="5">
        <v>16</v>
      </c>
    </row>
    <row r="89" spans="1:4" ht="18" customHeight="1" x14ac:dyDescent="0.15">
      <c r="A89" s="8">
        <v>69</v>
      </c>
      <c r="B89" s="21">
        <v>9</v>
      </c>
      <c r="C89" s="6">
        <v>11</v>
      </c>
      <c r="D89" s="5">
        <v>20</v>
      </c>
    </row>
    <row r="90" spans="1:4" ht="18" customHeight="1" x14ac:dyDescent="0.15">
      <c r="A90" s="8" t="s">
        <v>10</v>
      </c>
      <c r="B90" s="21">
        <v>56</v>
      </c>
      <c r="C90" s="6">
        <v>47</v>
      </c>
      <c r="D90" s="5">
        <v>103</v>
      </c>
    </row>
    <row r="91" spans="1:4" ht="18" customHeight="1" x14ac:dyDescent="0.15">
      <c r="A91" s="8">
        <v>70</v>
      </c>
      <c r="B91" s="21">
        <v>10</v>
      </c>
      <c r="C91" s="6">
        <v>14</v>
      </c>
      <c r="D91" s="5">
        <v>24</v>
      </c>
    </row>
    <row r="92" spans="1:4" ht="18" customHeight="1" x14ac:dyDescent="0.15">
      <c r="A92" s="8">
        <v>71</v>
      </c>
      <c r="B92" s="21">
        <v>11</v>
      </c>
      <c r="C92" s="6">
        <v>9</v>
      </c>
      <c r="D92" s="5">
        <v>20</v>
      </c>
    </row>
    <row r="93" spans="1:4" ht="18" customHeight="1" x14ac:dyDescent="0.15">
      <c r="A93" s="8">
        <v>72</v>
      </c>
      <c r="B93" s="21">
        <v>13</v>
      </c>
      <c r="C93" s="6">
        <v>8</v>
      </c>
      <c r="D93" s="5">
        <v>21</v>
      </c>
    </row>
    <row r="94" spans="1:4" ht="18" customHeight="1" x14ac:dyDescent="0.15">
      <c r="A94" s="8">
        <v>73</v>
      </c>
      <c r="B94" s="21">
        <v>9</v>
      </c>
      <c r="C94" s="6">
        <v>13</v>
      </c>
      <c r="D94" s="5">
        <v>22</v>
      </c>
    </row>
    <row r="95" spans="1:4" ht="18" customHeight="1" x14ac:dyDescent="0.15">
      <c r="A95" s="8">
        <v>74</v>
      </c>
      <c r="B95" s="21">
        <v>12</v>
      </c>
      <c r="C95" s="6">
        <v>11</v>
      </c>
      <c r="D95" s="5">
        <v>23</v>
      </c>
    </row>
    <row r="96" spans="1:4" ht="18" customHeight="1" x14ac:dyDescent="0.15">
      <c r="A96" s="8" t="s">
        <v>9</v>
      </c>
      <c r="B96" s="21">
        <v>55</v>
      </c>
      <c r="C96" s="6">
        <v>55</v>
      </c>
      <c r="D96" s="5">
        <v>110</v>
      </c>
    </row>
    <row r="97" spans="1:4" ht="18" customHeight="1" x14ac:dyDescent="0.15">
      <c r="A97" s="8">
        <v>75</v>
      </c>
      <c r="B97" s="21">
        <v>6</v>
      </c>
      <c r="C97" s="6">
        <v>13</v>
      </c>
      <c r="D97" s="5">
        <v>19</v>
      </c>
    </row>
    <row r="98" spans="1:4" ht="18" customHeight="1" x14ac:dyDescent="0.15">
      <c r="A98" s="8">
        <v>76</v>
      </c>
      <c r="B98" s="21">
        <v>13</v>
      </c>
      <c r="C98" s="6">
        <v>10</v>
      </c>
      <c r="D98" s="5">
        <v>23</v>
      </c>
    </row>
    <row r="99" spans="1:4" ht="18" customHeight="1" x14ac:dyDescent="0.15">
      <c r="A99" s="8">
        <v>77</v>
      </c>
      <c r="B99" s="21">
        <v>8</v>
      </c>
      <c r="C99" s="6">
        <v>8</v>
      </c>
      <c r="D99" s="5">
        <v>16</v>
      </c>
    </row>
    <row r="100" spans="1:4" ht="18" customHeight="1" x14ac:dyDescent="0.15">
      <c r="A100" s="8">
        <v>78</v>
      </c>
      <c r="B100" s="21">
        <v>11</v>
      </c>
      <c r="C100" s="6">
        <v>15</v>
      </c>
      <c r="D100" s="5">
        <v>26</v>
      </c>
    </row>
    <row r="101" spans="1:4" ht="18" customHeight="1" x14ac:dyDescent="0.15">
      <c r="A101" s="8">
        <v>79</v>
      </c>
      <c r="B101" s="21">
        <v>3</v>
      </c>
      <c r="C101" s="6">
        <v>4</v>
      </c>
      <c r="D101" s="5">
        <v>7</v>
      </c>
    </row>
    <row r="102" spans="1:4" ht="18" customHeight="1" x14ac:dyDescent="0.15">
      <c r="A102" s="8" t="s">
        <v>8</v>
      </c>
      <c r="B102" s="21">
        <v>41</v>
      </c>
      <c r="C102" s="6">
        <v>50</v>
      </c>
      <c r="D102" s="5">
        <v>91</v>
      </c>
    </row>
    <row r="103" spans="1:4" ht="18" customHeight="1" x14ac:dyDescent="0.15">
      <c r="A103" s="8">
        <v>80</v>
      </c>
      <c r="B103" s="21">
        <v>8</v>
      </c>
      <c r="C103" s="6">
        <v>7</v>
      </c>
      <c r="D103" s="5">
        <v>15</v>
      </c>
    </row>
    <row r="104" spans="1:4" ht="18" customHeight="1" x14ac:dyDescent="0.15">
      <c r="A104" s="8">
        <v>81</v>
      </c>
      <c r="B104" s="21">
        <v>6</v>
      </c>
      <c r="C104" s="6">
        <v>11</v>
      </c>
      <c r="D104" s="5">
        <v>17</v>
      </c>
    </row>
    <row r="105" spans="1:4" ht="18" customHeight="1" x14ac:dyDescent="0.15">
      <c r="A105" s="8">
        <v>82</v>
      </c>
      <c r="B105" s="21">
        <v>8</v>
      </c>
      <c r="C105" s="6">
        <v>15</v>
      </c>
      <c r="D105" s="5">
        <v>23</v>
      </c>
    </row>
    <row r="106" spans="1:4" ht="18" customHeight="1" x14ac:dyDescent="0.15">
      <c r="A106" s="8">
        <v>83</v>
      </c>
      <c r="B106" s="21">
        <v>6</v>
      </c>
      <c r="C106" s="6">
        <v>9</v>
      </c>
      <c r="D106" s="5">
        <v>15</v>
      </c>
    </row>
    <row r="107" spans="1:4" ht="18" customHeight="1" x14ac:dyDescent="0.15">
      <c r="A107" s="8">
        <v>84</v>
      </c>
      <c r="B107" s="21">
        <v>6</v>
      </c>
      <c r="C107" s="6">
        <v>4</v>
      </c>
      <c r="D107" s="5">
        <v>10</v>
      </c>
    </row>
    <row r="108" spans="1:4" ht="18" customHeight="1" x14ac:dyDescent="0.15">
      <c r="A108" s="8" t="s">
        <v>7</v>
      </c>
      <c r="B108" s="21">
        <v>34</v>
      </c>
      <c r="C108" s="6">
        <v>46</v>
      </c>
      <c r="D108" s="5">
        <v>80</v>
      </c>
    </row>
    <row r="109" spans="1:4" ht="18" customHeight="1" x14ac:dyDescent="0.15">
      <c r="A109" s="8">
        <v>85</v>
      </c>
      <c r="B109" s="21">
        <v>6</v>
      </c>
      <c r="C109" s="6">
        <v>13</v>
      </c>
      <c r="D109" s="5">
        <v>19</v>
      </c>
    </row>
    <row r="110" spans="1:4" ht="18" customHeight="1" x14ac:dyDescent="0.15">
      <c r="A110" s="8">
        <v>86</v>
      </c>
      <c r="B110" s="21">
        <v>2</v>
      </c>
      <c r="C110" s="6">
        <v>6</v>
      </c>
      <c r="D110" s="5">
        <v>8</v>
      </c>
    </row>
    <row r="111" spans="1:4" ht="18" customHeight="1" x14ac:dyDescent="0.15">
      <c r="A111" s="8">
        <v>87</v>
      </c>
      <c r="B111" s="21">
        <v>0</v>
      </c>
      <c r="C111" s="6">
        <v>5</v>
      </c>
      <c r="D111" s="5">
        <v>5</v>
      </c>
    </row>
    <row r="112" spans="1:4" ht="18" customHeight="1" x14ac:dyDescent="0.15">
      <c r="A112" s="8">
        <v>88</v>
      </c>
      <c r="B112" s="21">
        <v>6</v>
      </c>
      <c r="C112" s="6">
        <v>8</v>
      </c>
      <c r="D112" s="5">
        <v>14</v>
      </c>
    </row>
    <row r="113" spans="1:4" ht="18" customHeight="1" x14ac:dyDescent="0.15">
      <c r="A113" s="8">
        <v>89</v>
      </c>
      <c r="B113" s="21">
        <v>6</v>
      </c>
      <c r="C113" s="6">
        <v>6</v>
      </c>
      <c r="D113" s="5">
        <v>12</v>
      </c>
    </row>
    <row r="114" spans="1:4" ht="18" customHeight="1" x14ac:dyDescent="0.15">
      <c r="A114" s="8" t="s">
        <v>6</v>
      </c>
      <c r="B114" s="21">
        <v>20</v>
      </c>
      <c r="C114" s="6">
        <v>38</v>
      </c>
      <c r="D114" s="5">
        <v>58</v>
      </c>
    </row>
    <row r="115" spans="1:4" ht="18" customHeight="1" x14ac:dyDescent="0.15">
      <c r="A115" s="8">
        <v>90</v>
      </c>
      <c r="B115" s="21">
        <v>6</v>
      </c>
      <c r="C115" s="6">
        <v>6</v>
      </c>
      <c r="D115" s="5">
        <v>12</v>
      </c>
    </row>
    <row r="116" spans="1:4" ht="18" customHeight="1" x14ac:dyDescent="0.15">
      <c r="A116" s="8">
        <v>91</v>
      </c>
      <c r="B116" s="21">
        <v>1</v>
      </c>
      <c r="C116" s="6">
        <v>10</v>
      </c>
      <c r="D116" s="5">
        <v>11</v>
      </c>
    </row>
    <row r="117" spans="1:4" ht="18" customHeight="1" x14ac:dyDescent="0.15">
      <c r="A117" s="8">
        <v>92</v>
      </c>
      <c r="B117" s="21">
        <v>4</v>
      </c>
      <c r="C117" s="6">
        <v>6</v>
      </c>
      <c r="D117" s="5">
        <v>10</v>
      </c>
    </row>
    <row r="118" spans="1:4" ht="18" customHeight="1" x14ac:dyDescent="0.15">
      <c r="A118" s="8">
        <v>93</v>
      </c>
      <c r="B118" s="21">
        <v>1</v>
      </c>
      <c r="C118" s="6">
        <v>3</v>
      </c>
      <c r="D118" s="5">
        <v>4</v>
      </c>
    </row>
    <row r="119" spans="1:4" ht="18" customHeight="1" x14ac:dyDescent="0.15">
      <c r="A119" s="8">
        <v>94</v>
      </c>
      <c r="B119" s="21">
        <v>3</v>
      </c>
      <c r="C119" s="6">
        <v>6</v>
      </c>
      <c r="D119" s="5">
        <v>9</v>
      </c>
    </row>
    <row r="120" spans="1:4" ht="18" customHeight="1" x14ac:dyDescent="0.15">
      <c r="A120" s="8" t="s">
        <v>5</v>
      </c>
      <c r="B120" s="21">
        <v>15</v>
      </c>
      <c r="C120" s="6">
        <v>31</v>
      </c>
      <c r="D120" s="5">
        <v>46</v>
      </c>
    </row>
    <row r="121" spans="1:4" ht="18" customHeight="1" x14ac:dyDescent="0.15">
      <c r="A121" s="8">
        <v>95</v>
      </c>
      <c r="B121" s="21">
        <v>1</v>
      </c>
      <c r="C121" s="6">
        <v>3</v>
      </c>
      <c r="D121" s="5">
        <v>4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9</v>
      </c>
      <c r="D126" s="5">
        <v>10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222</v>
      </c>
      <c r="C130" s="6">
        <v>278</v>
      </c>
      <c r="D130" s="5">
        <v>500</v>
      </c>
    </row>
    <row r="131" spans="1:4" ht="18" customHeight="1" x14ac:dyDescent="0.15">
      <c r="A131" s="4" t="s">
        <v>0</v>
      </c>
      <c r="B131" s="20">
        <v>651</v>
      </c>
      <c r="C131" s="2">
        <v>709</v>
      </c>
      <c r="D131" s="1">
        <v>136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C1A146-6666-45C8-BB12-FDAFC967FBCD}">
  <sheetPr codeName="Sheet8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3</v>
      </c>
      <c r="C5" s="31">
        <v>6</v>
      </c>
      <c r="D5" s="30">
        <v>9</v>
      </c>
    </row>
    <row r="6" spans="1:4" ht="18" customHeight="1" x14ac:dyDescent="0.15">
      <c r="A6" s="8">
        <v>1</v>
      </c>
      <c r="B6" s="26">
        <v>6</v>
      </c>
      <c r="C6" s="6">
        <v>8</v>
      </c>
      <c r="D6" s="5">
        <v>14</v>
      </c>
    </row>
    <row r="7" spans="1:4" ht="18" customHeight="1" x14ac:dyDescent="0.15">
      <c r="A7" s="8">
        <v>2</v>
      </c>
      <c r="B7" s="26">
        <v>7</v>
      </c>
      <c r="C7" s="6">
        <v>4</v>
      </c>
      <c r="D7" s="5">
        <v>11</v>
      </c>
    </row>
    <row r="8" spans="1:4" ht="18" customHeight="1" x14ac:dyDescent="0.15">
      <c r="A8" s="8">
        <v>3</v>
      </c>
      <c r="B8" s="26">
        <v>9</v>
      </c>
      <c r="C8" s="6">
        <v>7</v>
      </c>
      <c r="D8" s="5">
        <v>16</v>
      </c>
    </row>
    <row r="9" spans="1:4" ht="18" customHeight="1" x14ac:dyDescent="0.15">
      <c r="A9" s="8">
        <v>4</v>
      </c>
      <c r="B9" s="29">
        <v>3</v>
      </c>
      <c r="C9" s="28">
        <v>13</v>
      </c>
      <c r="D9" s="27">
        <v>16</v>
      </c>
    </row>
    <row r="10" spans="1:4" ht="18" customHeight="1" x14ac:dyDescent="0.15">
      <c r="A10" s="8" t="s">
        <v>25</v>
      </c>
      <c r="B10" s="21">
        <v>28</v>
      </c>
      <c r="C10" s="6">
        <v>38</v>
      </c>
      <c r="D10" s="5">
        <v>66</v>
      </c>
    </row>
    <row r="11" spans="1:4" ht="18" customHeight="1" x14ac:dyDescent="0.15">
      <c r="A11" s="8">
        <v>5</v>
      </c>
      <c r="B11" s="26">
        <v>14</v>
      </c>
      <c r="C11" s="6">
        <v>15</v>
      </c>
      <c r="D11" s="5">
        <v>29</v>
      </c>
    </row>
    <row r="12" spans="1:4" ht="18" customHeight="1" x14ac:dyDescent="0.15">
      <c r="A12" s="8">
        <v>6</v>
      </c>
      <c r="B12" s="26">
        <v>8</v>
      </c>
      <c r="C12" s="6">
        <v>9</v>
      </c>
      <c r="D12" s="5">
        <v>17</v>
      </c>
    </row>
    <row r="13" spans="1:4" ht="18" customHeight="1" x14ac:dyDescent="0.15">
      <c r="A13" s="8">
        <v>7</v>
      </c>
      <c r="B13" s="26">
        <v>13</v>
      </c>
      <c r="C13" s="6">
        <v>13</v>
      </c>
      <c r="D13" s="5">
        <v>26</v>
      </c>
    </row>
    <row r="14" spans="1:4" ht="18" customHeight="1" x14ac:dyDescent="0.15">
      <c r="A14" s="8">
        <v>8</v>
      </c>
      <c r="B14" s="26">
        <v>13</v>
      </c>
      <c r="C14" s="6">
        <v>15</v>
      </c>
      <c r="D14" s="5">
        <v>28</v>
      </c>
    </row>
    <row r="15" spans="1:4" ht="18" customHeight="1" x14ac:dyDescent="0.15">
      <c r="A15" s="8">
        <v>9</v>
      </c>
      <c r="B15" s="26">
        <v>16</v>
      </c>
      <c r="C15" s="6">
        <v>14</v>
      </c>
      <c r="D15" s="5">
        <v>30</v>
      </c>
    </row>
    <row r="16" spans="1:4" ht="18" customHeight="1" x14ac:dyDescent="0.15">
      <c r="A16" s="8" t="s">
        <v>24</v>
      </c>
      <c r="B16" s="21">
        <v>64</v>
      </c>
      <c r="C16" s="6">
        <v>66</v>
      </c>
      <c r="D16" s="5">
        <v>130</v>
      </c>
    </row>
    <row r="17" spans="1:4" ht="18" customHeight="1" x14ac:dyDescent="0.15">
      <c r="A17" s="8">
        <v>10</v>
      </c>
      <c r="B17" s="21">
        <v>13</v>
      </c>
      <c r="C17" s="6">
        <v>9</v>
      </c>
      <c r="D17" s="5">
        <v>22</v>
      </c>
    </row>
    <row r="18" spans="1:4" ht="18" customHeight="1" x14ac:dyDescent="0.15">
      <c r="A18" s="8">
        <v>11</v>
      </c>
      <c r="B18" s="21">
        <v>12</v>
      </c>
      <c r="C18" s="6">
        <v>9</v>
      </c>
      <c r="D18" s="5">
        <v>21</v>
      </c>
    </row>
    <row r="19" spans="1:4" ht="18" customHeight="1" x14ac:dyDescent="0.15">
      <c r="A19" s="8">
        <v>12</v>
      </c>
      <c r="B19" s="21">
        <v>14</v>
      </c>
      <c r="C19" s="6">
        <v>15</v>
      </c>
      <c r="D19" s="5">
        <v>29</v>
      </c>
    </row>
    <row r="20" spans="1:4" ht="18" customHeight="1" x14ac:dyDescent="0.15">
      <c r="A20" s="8">
        <v>13</v>
      </c>
      <c r="B20" s="21">
        <v>11</v>
      </c>
      <c r="C20" s="6">
        <v>10</v>
      </c>
      <c r="D20" s="5">
        <v>21</v>
      </c>
    </row>
    <row r="21" spans="1:4" ht="18" customHeight="1" x14ac:dyDescent="0.15">
      <c r="A21" s="8">
        <v>14</v>
      </c>
      <c r="B21" s="21">
        <v>11</v>
      </c>
      <c r="C21" s="6">
        <v>11</v>
      </c>
      <c r="D21" s="5">
        <v>22</v>
      </c>
    </row>
    <row r="22" spans="1:4" ht="18" customHeight="1" x14ac:dyDescent="0.15">
      <c r="A22" s="8" t="s">
        <v>23</v>
      </c>
      <c r="B22" s="21">
        <v>61</v>
      </c>
      <c r="C22" s="6">
        <v>54</v>
      </c>
      <c r="D22" s="5">
        <v>115</v>
      </c>
    </row>
    <row r="23" spans="1:4" ht="18" customHeight="1" x14ac:dyDescent="0.15">
      <c r="A23" s="8" t="s">
        <v>22</v>
      </c>
      <c r="B23" s="21">
        <v>153</v>
      </c>
      <c r="C23" s="6">
        <v>158</v>
      </c>
      <c r="D23" s="5">
        <v>311</v>
      </c>
    </row>
    <row r="24" spans="1:4" ht="18" customHeight="1" x14ac:dyDescent="0.15">
      <c r="A24" s="8">
        <v>15</v>
      </c>
      <c r="B24" s="21">
        <v>10</v>
      </c>
      <c r="C24" s="6">
        <v>7</v>
      </c>
      <c r="D24" s="5">
        <v>17</v>
      </c>
    </row>
    <row r="25" spans="1:4" ht="18" customHeight="1" x14ac:dyDescent="0.15">
      <c r="A25" s="8">
        <v>16</v>
      </c>
      <c r="B25" s="21">
        <v>3</v>
      </c>
      <c r="C25" s="6">
        <v>8</v>
      </c>
      <c r="D25" s="5">
        <v>11</v>
      </c>
    </row>
    <row r="26" spans="1:4" ht="18" customHeight="1" x14ac:dyDescent="0.15">
      <c r="A26" s="8">
        <v>17</v>
      </c>
      <c r="B26" s="21">
        <v>7</v>
      </c>
      <c r="C26" s="6">
        <v>6</v>
      </c>
      <c r="D26" s="5">
        <v>13</v>
      </c>
    </row>
    <row r="27" spans="1:4" ht="18" customHeight="1" x14ac:dyDescent="0.15">
      <c r="A27" s="8">
        <v>18</v>
      </c>
      <c r="B27" s="21">
        <v>8</v>
      </c>
      <c r="C27" s="6">
        <v>8</v>
      </c>
      <c r="D27" s="5">
        <v>16</v>
      </c>
    </row>
    <row r="28" spans="1:4" ht="18" customHeight="1" x14ac:dyDescent="0.15">
      <c r="A28" s="8">
        <v>19</v>
      </c>
      <c r="B28" s="21">
        <v>7</v>
      </c>
      <c r="C28" s="6">
        <v>3</v>
      </c>
      <c r="D28" s="5">
        <v>10</v>
      </c>
    </row>
    <row r="29" spans="1:4" ht="18" customHeight="1" x14ac:dyDescent="0.15">
      <c r="A29" s="8" t="s">
        <v>21</v>
      </c>
      <c r="B29" s="21">
        <v>35</v>
      </c>
      <c r="C29" s="6">
        <v>32</v>
      </c>
      <c r="D29" s="5">
        <v>67</v>
      </c>
    </row>
    <row r="30" spans="1:4" ht="18" customHeight="1" x14ac:dyDescent="0.15">
      <c r="A30" s="8">
        <v>20</v>
      </c>
      <c r="B30" s="21">
        <v>3</v>
      </c>
      <c r="C30" s="6">
        <v>4</v>
      </c>
      <c r="D30" s="5">
        <v>7</v>
      </c>
    </row>
    <row r="31" spans="1:4" ht="18" customHeight="1" x14ac:dyDescent="0.15">
      <c r="A31" s="8">
        <v>21</v>
      </c>
      <c r="B31" s="21">
        <v>6</v>
      </c>
      <c r="C31" s="6">
        <v>9</v>
      </c>
      <c r="D31" s="5">
        <v>15</v>
      </c>
    </row>
    <row r="32" spans="1:4" ht="18" customHeight="1" x14ac:dyDescent="0.15">
      <c r="A32" s="8">
        <v>22</v>
      </c>
      <c r="B32" s="21">
        <v>10</v>
      </c>
      <c r="C32" s="6">
        <v>6</v>
      </c>
      <c r="D32" s="5">
        <v>16</v>
      </c>
    </row>
    <row r="33" spans="1:4" ht="18" customHeight="1" x14ac:dyDescent="0.15">
      <c r="A33" s="8">
        <v>23</v>
      </c>
      <c r="B33" s="21">
        <v>7</v>
      </c>
      <c r="C33" s="6">
        <v>8</v>
      </c>
      <c r="D33" s="5">
        <v>15</v>
      </c>
    </row>
    <row r="34" spans="1:4" ht="18" customHeight="1" x14ac:dyDescent="0.15">
      <c r="A34" s="8">
        <v>24</v>
      </c>
      <c r="B34" s="21">
        <v>11</v>
      </c>
      <c r="C34" s="6">
        <v>6</v>
      </c>
      <c r="D34" s="5">
        <v>17</v>
      </c>
    </row>
    <row r="35" spans="1:4" ht="18" customHeight="1" x14ac:dyDescent="0.15">
      <c r="A35" s="8" t="s">
        <v>20</v>
      </c>
      <c r="B35" s="21">
        <v>37</v>
      </c>
      <c r="C35" s="6">
        <v>33</v>
      </c>
      <c r="D35" s="5">
        <v>70</v>
      </c>
    </row>
    <row r="36" spans="1:4" ht="18" customHeight="1" x14ac:dyDescent="0.15">
      <c r="A36" s="8">
        <v>25</v>
      </c>
      <c r="B36" s="21">
        <v>8</v>
      </c>
      <c r="C36" s="6">
        <v>6</v>
      </c>
      <c r="D36" s="5">
        <v>14</v>
      </c>
    </row>
    <row r="37" spans="1:4" ht="18" customHeight="1" x14ac:dyDescent="0.15">
      <c r="A37" s="8">
        <v>26</v>
      </c>
      <c r="B37" s="21">
        <v>9</v>
      </c>
      <c r="C37" s="6">
        <v>8</v>
      </c>
      <c r="D37" s="5">
        <v>17</v>
      </c>
    </row>
    <row r="38" spans="1:4" ht="18" customHeight="1" x14ac:dyDescent="0.15">
      <c r="A38" s="8">
        <v>27</v>
      </c>
      <c r="B38" s="21">
        <v>3</v>
      </c>
      <c r="C38" s="6">
        <v>6</v>
      </c>
      <c r="D38" s="5">
        <v>9</v>
      </c>
    </row>
    <row r="39" spans="1:4" ht="18" customHeight="1" x14ac:dyDescent="0.15">
      <c r="A39" s="8">
        <v>28</v>
      </c>
      <c r="B39" s="21">
        <v>8</v>
      </c>
      <c r="C39" s="6">
        <v>5</v>
      </c>
      <c r="D39" s="5">
        <v>13</v>
      </c>
    </row>
    <row r="40" spans="1:4" ht="18" customHeight="1" x14ac:dyDescent="0.15">
      <c r="A40" s="8">
        <v>29</v>
      </c>
      <c r="B40" s="21">
        <v>7</v>
      </c>
      <c r="C40" s="6">
        <v>10</v>
      </c>
      <c r="D40" s="5">
        <v>17</v>
      </c>
    </row>
    <row r="41" spans="1:4" ht="18" customHeight="1" x14ac:dyDescent="0.15">
      <c r="A41" s="8" t="s">
        <v>19</v>
      </c>
      <c r="B41" s="21">
        <v>35</v>
      </c>
      <c r="C41" s="6">
        <v>35</v>
      </c>
      <c r="D41" s="5">
        <v>70</v>
      </c>
    </row>
    <row r="42" spans="1:4" ht="18" customHeight="1" x14ac:dyDescent="0.15">
      <c r="A42" s="8">
        <v>30</v>
      </c>
      <c r="B42" s="21">
        <v>9</v>
      </c>
      <c r="C42" s="6">
        <v>8</v>
      </c>
      <c r="D42" s="5">
        <v>17</v>
      </c>
    </row>
    <row r="43" spans="1:4" ht="18" customHeight="1" x14ac:dyDescent="0.15">
      <c r="A43" s="8">
        <v>31</v>
      </c>
      <c r="B43" s="21">
        <v>8</v>
      </c>
      <c r="C43" s="6">
        <v>5</v>
      </c>
      <c r="D43" s="5">
        <v>13</v>
      </c>
    </row>
    <row r="44" spans="1:4" ht="18" customHeight="1" x14ac:dyDescent="0.15">
      <c r="A44" s="8">
        <v>32</v>
      </c>
      <c r="B44" s="21">
        <v>9</v>
      </c>
      <c r="C44" s="6">
        <v>10</v>
      </c>
      <c r="D44" s="5">
        <v>19</v>
      </c>
    </row>
    <row r="45" spans="1:4" ht="18" customHeight="1" x14ac:dyDescent="0.15">
      <c r="A45" s="8">
        <v>33</v>
      </c>
      <c r="B45" s="21">
        <v>9</v>
      </c>
      <c r="C45" s="6">
        <v>8</v>
      </c>
      <c r="D45" s="5">
        <v>17</v>
      </c>
    </row>
    <row r="46" spans="1:4" ht="18" customHeight="1" x14ac:dyDescent="0.15">
      <c r="A46" s="8">
        <v>34</v>
      </c>
      <c r="B46" s="21">
        <v>16</v>
      </c>
      <c r="C46" s="6">
        <v>15</v>
      </c>
      <c r="D46" s="5">
        <v>31</v>
      </c>
    </row>
    <row r="47" spans="1:4" ht="18" customHeight="1" x14ac:dyDescent="0.15">
      <c r="A47" s="8" t="s">
        <v>18</v>
      </c>
      <c r="B47" s="21">
        <v>51</v>
      </c>
      <c r="C47" s="6">
        <v>46</v>
      </c>
      <c r="D47" s="5">
        <v>97</v>
      </c>
    </row>
    <row r="48" spans="1:4" ht="18" customHeight="1" x14ac:dyDescent="0.15">
      <c r="A48" s="8">
        <v>35</v>
      </c>
      <c r="B48" s="21">
        <v>11</v>
      </c>
      <c r="C48" s="6">
        <v>6</v>
      </c>
      <c r="D48" s="5">
        <v>17</v>
      </c>
    </row>
    <row r="49" spans="1:4" ht="18" customHeight="1" x14ac:dyDescent="0.15">
      <c r="A49" s="8">
        <v>36</v>
      </c>
      <c r="B49" s="21">
        <v>14</v>
      </c>
      <c r="C49" s="6">
        <v>14</v>
      </c>
      <c r="D49" s="5">
        <v>28</v>
      </c>
    </row>
    <row r="50" spans="1:4" ht="18" customHeight="1" x14ac:dyDescent="0.15">
      <c r="A50" s="8">
        <v>37</v>
      </c>
      <c r="B50" s="21">
        <v>17</v>
      </c>
      <c r="C50" s="6">
        <v>16</v>
      </c>
      <c r="D50" s="5">
        <v>33</v>
      </c>
    </row>
    <row r="51" spans="1:4" ht="18" customHeight="1" x14ac:dyDescent="0.15">
      <c r="A51" s="8">
        <v>38</v>
      </c>
      <c r="B51" s="21">
        <v>14</v>
      </c>
      <c r="C51" s="6">
        <v>15</v>
      </c>
      <c r="D51" s="5">
        <v>29</v>
      </c>
    </row>
    <row r="52" spans="1:4" ht="18" customHeight="1" x14ac:dyDescent="0.15">
      <c r="A52" s="8">
        <v>39</v>
      </c>
      <c r="B52" s="21">
        <v>18</v>
      </c>
      <c r="C52" s="6">
        <v>17</v>
      </c>
      <c r="D52" s="5">
        <v>35</v>
      </c>
    </row>
    <row r="53" spans="1:4" ht="18" customHeight="1" x14ac:dyDescent="0.15">
      <c r="A53" s="8" t="s">
        <v>17</v>
      </c>
      <c r="B53" s="21">
        <v>74</v>
      </c>
      <c r="C53" s="6">
        <v>68</v>
      </c>
      <c r="D53" s="5">
        <v>142</v>
      </c>
    </row>
    <row r="54" spans="1:4" ht="18" customHeight="1" x14ac:dyDescent="0.15">
      <c r="A54" s="8">
        <v>40</v>
      </c>
      <c r="B54" s="21">
        <v>17</v>
      </c>
      <c r="C54" s="6">
        <v>16</v>
      </c>
      <c r="D54" s="5">
        <v>33</v>
      </c>
    </row>
    <row r="55" spans="1:4" ht="18" customHeight="1" x14ac:dyDescent="0.15">
      <c r="A55" s="8">
        <v>41</v>
      </c>
      <c r="B55" s="21">
        <v>15</v>
      </c>
      <c r="C55" s="6">
        <v>12</v>
      </c>
      <c r="D55" s="5">
        <v>27</v>
      </c>
    </row>
    <row r="56" spans="1:4" ht="18" customHeight="1" x14ac:dyDescent="0.15">
      <c r="A56" s="8">
        <v>42</v>
      </c>
      <c r="B56" s="21">
        <v>14</v>
      </c>
      <c r="C56" s="6">
        <v>15</v>
      </c>
      <c r="D56" s="5">
        <v>29</v>
      </c>
    </row>
    <row r="57" spans="1:4" ht="18" customHeight="1" x14ac:dyDescent="0.15">
      <c r="A57" s="8">
        <v>43</v>
      </c>
      <c r="B57" s="21">
        <v>18</v>
      </c>
      <c r="C57" s="6">
        <v>15</v>
      </c>
      <c r="D57" s="5">
        <v>33</v>
      </c>
    </row>
    <row r="58" spans="1:4" ht="18" customHeight="1" x14ac:dyDescent="0.15">
      <c r="A58" s="8">
        <v>44</v>
      </c>
      <c r="B58" s="21">
        <v>15</v>
      </c>
      <c r="C58" s="6">
        <v>9</v>
      </c>
      <c r="D58" s="5">
        <v>24</v>
      </c>
    </row>
    <row r="59" spans="1:4" ht="18" customHeight="1" x14ac:dyDescent="0.15">
      <c r="A59" s="8" t="s">
        <v>16</v>
      </c>
      <c r="B59" s="21">
        <v>79</v>
      </c>
      <c r="C59" s="6">
        <v>67</v>
      </c>
      <c r="D59" s="5">
        <v>146</v>
      </c>
    </row>
    <row r="60" spans="1:4" ht="18" customHeight="1" x14ac:dyDescent="0.15">
      <c r="A60" s="8">
        <v>45</v>
      </c>
      <c r="B60" s="21">
        <v>15</v>
      </c>
      <c r="C60" s="6">
        <v>11</v>
      </c>
      <c r="D60" s="5">
        <v>26</v>
      </c>
    </row>
    <row r="61" spans="1:4" ht="18" customHeight="1" x14ac:dyDescent="0.15">
      <c r="A61" s="8">
        <v>46</v>
      </c>
      <c r="B61" s="21">
        <v>17</v>
      </c>
      <c r="C61" s="6">
        <v>10</v>
      </c>
      <c r="D61" s="5">
        <v>27</v>
      </c>
    </row>
    <row r="62" spans="1:4" ht="18" customHeight="1" x14ac:dyDescent="0.15">
      <c r="A62" s="8">
        <v>47</v>
      </c>
      <c r="B62" s="21">
        <v>15</v>
      </c>
      <c r="C62" s="6">
        <v>7</v>
      </c>
      <c r="D62" s="5">
        <v>22</v>
      </c>
    </row>
    <row r="63" spans="1:4" ht="18" customHeight="1" x14ac:dyDescent="0.15">
      <c r="A63" s="8">
        <v>48</v>
      </c>
      <c r="B63" s="21">
        <v>11</v>
      </c>
      <c r="C63" s="6">
        <v>8</v>
      </c>
      <c r="D63" s="5">
        <v>19</v>
      </c>
    </row>
    <row r="64" spans="1:4" ht="18" customHeight="1" x14ac:dyDescent="0.15">
      <c r="A64" s="8">
        <v>49</v>
      </c>
      <c r="B64" s="21">
        <v>18</v>
      </c>
      <c r="C64" s="6">
        <v>17</v>
      </c>
      <c r="D64" s="5">
        <v>35</v>
      </c>
    </row>
    <row r="65" spans="1:4" ht="18" customHeight="1" x14ac:dyDescent="0.15">
      <c r="A65" s="8" t="s">
        <v>15</v>
      </c>
      <c r="B65" s="21">
        <v>76</v>
      </c>
      <c r="C65" s="6">
        <v>53</v>
      </c>
      <c r="D65" s="5">
        <v>129</v>
      </c>
    </row>
    <row r="66" spans="1:4" ht="18" customHeight="1" x14ac:dyDescent="0.15">
      <c r="A66" s="8">
        <v>50</v>
      </c>
      <c r="B66" s="21">
        <v>12</v>
      </c>
      <c r="C66" s="6">
        <v>8</v>
      </c>
      <c r="D66" s="5">
        <v>20</v>
      </c>
    </row>
    <row r="67" spans="1:4" ht="18" customHeight="1" x14ac:dyDescent="0.15">
      <c r="A67" s="8">
        <v>51</v>
      </c>
      <c r="B67" s="21">
        <v>14</v>
      </c>
      <c r="C67" s="6">
        <v>15</v>
      </c>
      <c r="D67" s="5">
        <v>29</v>
      </c>
    </row>
    <row r="68" spans="1:4" ht="18" customHeight="1" x14ac:dyDescent="0.15">
      <c r="A68" s="8">
        <v>52</v>
      </c>
      <c r="B68" s="21">
        <v>18</v>
      </c>
      <c r="C68" s="6">
        <v>16</v>
      </c>
      <c r="D68" s="5">
        <v>34</v>
      </c>
    </row>
    <row r="69" spans="1:4" ht="18" customHeight="1" x14ac:dyDescent="0.15">
      <c r="A69" s="8">
        <v>53</v>
      </c>
      <c r="B69" s="21">
        <v>9</v>
      </c>
      <c r="C69" s="6">
        <v>5</v>
      </c>
      <c r="D69" s="5">
        <v>14</v>
      </c>
    </row>
    <row r="70" spans="1:4" ht="18" customHeight="1" x14ac:dyDescent="0.15">
      <c r="A70" s="8">
        <v>54</v>
      </c>
      <c r="B70" s="21">
        <v>19</v>
      </c>
      <c r="C70" s="6">
        <v>15</v>
      </c>
      <c r="D70" s="5">
        <v>34</v>
      </c>
    </row>
    <row r="71" spans="1:4" ht="18" customHeight="1" x14ac:dyDescent="0.15">
      <c r="A71" s="8" t="s">
        <v>14</v>
      </c>
      <c r="B71" s="21">
        <v>72</v>
      </c>
      <c r="C71" s="6">
        <v>59</v>
      </c>
      <c r="D71" s="5">
        <v>131</v>
      </c>
    </row>
    <row r="72" spans="1:4" ht="18" customHeight="1" x14ac:dyDescent="0.15">
      <c r="A72" s="8">
        <v>55</v>
      </c>
      <c r="B72" s="21">
        <v>15</v>
      </c>
      <c r="C72" s="6">
        <v>15</v>
      </c>
      <c r="D72" s="5">
        <v>30</v>
      </c>
    </row>
    <row r="73" spans="1:4" ht="18" customHeight="1" x14ac:dyDescent="0.15">
      <c r="A73" s="8">
        <v>56</v>
      </c>
      <c r="B73" s="21">
        <v>6</v>
      </c>
      <c r="C73" s="6">
        <v>8</v>
      </c>
      <c r="D73" s="5">
        <v>14</v>
      </c>
    </row>
    <row r="74" spans="1:4" ht="18" customHeight="1" x14ac:dyDescent="0.15">
      <c r="A74" s="8">
        <v>57</v>
      </c>
      <c r="B74" s="21">
        <v>10</v>
      </c>
      <c r="C74" s="6">
        <v>18</v>
      </c>
      <c r="D74" s="5">
        <v>28</v>
      </c>
    </row>
    <row r="75" spans="1:4" ht="18" customHeight="1" x14ac:dyDescent="0.15">
      <c r="A75" s="8">
        <v>58</v>
      </c>
      <c r="B75" s="21">
        <v>8</v>
      </c>
      <c r="C75" s="6">
        <v>16</v>
      </c>
      <c r="D75" s="5">
        <v>24</v>
      </c>
    </row>
    <row r="76" spans="1:4" ht="18" customHeight="1" x14ac:dyDescent="0.15">
      <c r="A76" s="8">
        <v>59</v>
      </c>
      <c r="B76" s="21">
        <v>10</v>
      </c>
      <c r="C76" s="6">
        <v>3</v>
      </c>
      <c r="D76" s="5">
        <v>13</v>
      </c>
    </row>
    <row r="77" spans="1:4" ht="18" customHeight="1" x14ac:dyDescent="0.15">
      <c r="A77" s="8" t="s">
        <v>13</v>
      </c>
      <c r="B77" s="21">
        <v>49</v>
      </c>
      <c r="C77" s="6">
        <v>60</v>
      </c>
      <c r="D77" s="5">
        <v>109</v>
      </c>
    </row>
    <row r="78" spans="1:4" ht="18" customHeight="1" x14ac:dyDescent="0.15">
      <c r="A78" s="8">
        <v>60</v>
      </c>
      <c r="B78" s="21">
        <v>15</v>
      </c>
      <c r="C78" s="6">
        <v>19</v>
      </c>
      <c r="D78" s="5">
        <v>34</v>
      </c>
    </row>
    <row r="79" spans="1:4" ht="18" customHeight="1" x14ac:dyDescent="0.15">
      <c r="A79" s="8">
        <v>61</v>
      </c>
      <c r="B79" s="21">
        <v>7</v>
      </c>
      <c r="C79" s="6">
        <v>10</v>
      </c>
      <c r="D79" s="5">
        <v>17</v>
      </c>
    </row>
    <row r="80" spans="1:4" ht="18" customHeight="1" x14ac:dyDescent="0.15">
      <c r="A80" s="8">
        <v>62</v>
      </c>
      <c r="B80" s="21">
        <v>10</v>
      </c>
      <c r="C80" s="6">
        <v>12</v>
      </c>
      <c r="D80" s="5">
        <v>22</v>
      </c>
    </row>
    <row r="81" spans="1:4" ht="18" customHeight="1" x14ac:dyDescent="0.15">
      <c r="A81" s="8">
        <v>63</v>
      </c>
      <c r="B81" s="21">
        <v>17</v>
      </c>
      <c r="C81" s="6">
        <v>14</v>
      </c>
      <c r="D81" s="5">
        <v>31</v>
      </c>
    </row>
    <row r="82" spans="1:4" ht="18" customHeight="1" x14ac:dyDescent="0.15">
      <c r="A82" s="8">
        <v>64</v>
      </c>
      <c r="B82" s="21">
        <v>10</v>
      </c>
      <c r="C82" s="6">
        <v>21</v>
      </c>
      <c r="D82" s="5">
        <v>31</v>
      </c>
    </row>
    <row r="83" spans="1:4" ht="18" customHeight="1" x14ac:dyDescent="0.15">
      <c r="A83" s="8" t="s">
        <v>12</v>
      </c>
      <c r="B83" s="21">
        <v>59</v>
      </c>
      <c r="C83" s="6">
        <v>76</v>
      </c>
      <c r="D83" s="5">
        <v>135</v>
      </c>
    </row>
    <row r="84" spans="1:4" ht="18" customHeight="1" x14ac:dyDescent="0.15">
      <c r="A84" s="8" t="s">
        <v>11</v>
      </c>
      <c r="B84" s="21">
        <v>567</v>
      </c>
      <c r="C84" s="6">
        <v>529</v>
      </c>
      <c r="D84" s="5">
        <v>1096</v>
      </c>
    </row>
    <row r="85" spans="1:4" ht="18" customHeight="1" x14ac:dyDescent="0.15">
      <c r="A85" s="8">
        <v>65</v>
      </c>
      <c r="B85" s="21">
        <v>11</v>
      </c>
      <c r="C85" s="6">
        <v>20</v>
      </c>
      <c r="D85" s="5">
        <v>31</v>
      </c>
    </row>
    <row r="86" spans="1:4" ht="18" customHeight="1" x14ac:dyDescent="0.15">
      <c r="A86" s="8">
        <v>66</v>
      </c>
      <c r="B86" s="21">
        <v>22</v>
      </c>
      <c r="C86" s="6">
        <v>14</v>
      </c>
      <c r="D86" s="5">
        <v>36</v>
      </c>
    </row>
    <row r="87" spans="1:4" ht="18" customHeight="1" x14ac:dyDescent="0.15">
      <c r="A87" s="8">
        <v>67</v>
      </c>
      <c r="B87" s="21">
        <v>19</v>
      </c>
      <c r="C87" s="6">
        <v>19</v>
      </c>
      <c r="D87" s="5">
        <v>38</v>
      </c>
    </row>
    <row r="88" spans="1:4" ht="18" customHeight="1" x14ac:dyDescent="0.15">
      <c r="A88" s="8">
        <v>68</v>
      </c>
      <c r="B88" s="21">
        <v>14</v>
      </c>
      <c r="C88" s="6">
        <v>12</v>
      </c>
      <c r="D88" s="5">
        <v>26</v>
      </c>
    </row>
    <row r="89" spans="1:4" ht="18" customHeight="1" x14ac:dyDescent="0.15">
      <c r="A89" s="8">
        <v>69</v>
      </c>
      <c r="B89" s="21">
        <v>23</v>
      </c>
      <c r="C89" s="6">
        <v>17</v>
      </c>
      <c r="D89" s="5">
        <v>40</v>
      </c>
    </row>
    <row r="90" spans="1:4" ht="18" customHeight="1" x14ac:dyDescent="0.15">
      <c r="A90" s="8" t="s">
        <v>10</v>
      </c>
      <c r="B90" s="21">
        <v>89</v>
      </c>
      <c r="C90" s="6">
        <v>82</v>
      </c>
      <c r="D90" s="5">
        <v>171</v>
      </c>
    </row>
    <row r="91" spans="1:4" ht="18" customHeight="1" x14ac:dyDescent="0.15">
      <c r="A91" s="8">
        <v>70</v>
      </c>
      <c r="B91" s="21">
        <v>14</v>
      </c>
      <c r="C91" s="6">
        <v>18</v>
      </c>
      <c r="D91" s="5">
        <v>32</v>
      </c>
    </row>
    <row r="92" spans="1:4" ht="18" customHeight="1" x14ac:dyDescent="0.15">
      <c r="A92" s="8">
        <v>71</v>
      </c>
      <c r="B92" s="21">
        <v>8</v>
      </c>
      <c r="C92" s="6">
        <v>14</v>
      </c>
      <c r="D92" s="5">
        <v>22</v>
      </c>
    </row>
    <row r="93" spans="1:4" ht="18" customHeight="1" x14ac:dyDescent="0.15">
      <c r="A93" s="8">
        <v>72</v>
      </c>
      <c r="B93" s="21">
        <v>9</v>
      </c>
      <c r="C93" s="6">
        <v>16</v>
      </c>
      <c r="D93" s="5">
        <v>25</v>
      </c>
    </row>
    <row r="94" spans="1:4" ht="18" customHeight="1" x14ac:dyDescent="0.15">
      <c r="A94" s="8">
        <v>73</v>
      </c>
      <c r="B94" s="21">
        <v>23</v>
      </c>
      <c r="C94" s="6">
        <v>19</v>
      </c>
      <c r="D94" s="5">
        <v>42</v>
      </c>
    </row>
    <row r="95" spans="1:4" ht="18" customHeight="1" x14ac:dyDescent="0.15">
      <c r="A95" s="8">
        <v>74</v>
      </c>
      <c r="B95" s="21">
        <v>14</v>
      </c>
      <c r="C95" s="6">
        <v>29</v>
      </c>
      <c r="D95" s="5">
        <v>43</v>
      </c>
    </row>
    <row r="96" spans="1:4" ht="18" customHeight="1" x14ac:dyDescent="0.15">
      <c r="A96" s="8" t="s">
        <v>9</v>
      </c>
      <c r="B96" s="21">
        <v>68</v>
      </c>
      <c r="C96" s="6">
        <v>96</v>
      </c>
      <c r="D96" s="5">
        <v>164</v>
      </c>
    </row>
    <row r="97" spans="1:4" ht="18" customHeight="1" x14ac:dyDescent="0.15">
      <c r="A97" s="8">
        <v>75</v>
      </c>
      <c r="B97" s="21">
        <v>16</v>
      </c>
      <c r="C97" s="6">
        <v>13</v>
      </c>
      <c r="D97" s="5">
        <v>29</v>
      </c>
    </row>
    <row r="98" spans="1:4" ht="18" customHeight="1" x14ac:dyDescent="0.15">
      <c r="A98" s="8">
        <v>76</v>
      </c>
      <c r="B98" s="21">
        <v>23</v>
      </c>
      <c r="C98" s="6">
        <v>17</v>
      </c>
      <c r="D98" s="5">
        <v>40</v>
      </c>
    </row>
    <row r="99" spans="1:4" ht="18" customHeight="1" x14ac:dyDescent="0.15">
      <c r="A99" s="8">
        <v>77</v>
      </c>
      <c r="B99" s="21">
        <v>27</v>
      </c>
      <c r="C99" s="6">
        <v>29</v>
      </c>
      <c r="D99" s="5">
        <v>56</v>
      </c>
    </row>
    <row r="100" spans="1:4" ht="18" customHeight="1" x14ac:dyDescent="0.15">
      <c r="A100" s="8">
        <v>78</v>
      </c>
      <c r="B100" s="21">
        <v>19</v>
      </c>
      <c r="C100" s="6">
        <v>16</v>
      </c>
      <c r="D100" s="5">
        <v>35</v>
      </c>
    </row>
    <row r="101" spans="1:4" ht="18" customHeight="1" x14ac:dyDescent="0.15">
      <c r="A101" s="8">
        <v>79</v>
      </c>
      <c r="B101" s="21">
        <v>11</v>
      </c>
      <c r="C101" s="6">
        <v>10</v>
      </c>
      <c r="D101" s="5">
        <v>21</v>
      </c>
    </row>
    <row r="102" spans="1:4" ht="18" customHeight="1" x14ac:dyDescent="0.15">
      <c r="A102" s="8" t="s">
        <v>8</v>
      </c>
      <c r="B102" s="21">
        <v>96</v>
      </c>
      <c r="C102" s="6">
        <v>85</v>
      </c>
      <c r="D102" s="5">
        <v>181</v>
      </c>
    </row>
    <row r="103" spans="1:4" ht="18" customHeight="1" x14ac:dyDescent="0.15">
      <c r="A103" s="8">
        <v>80</v>
      </c>
      <c r="B103" s="21">
        <v>5</v>
      </c>
      <c r="C103" s="6">
        <v>10</v>
      </c>
      <c r="D103" s="5">
        <v>15</v>
      </c>
    </row>
    <row r="104" spans="1:4" ht="18" customHeight="1" x14ac:dyDescent="0.15">
      <c r="A104" s="8">
        <v>81</v>
      </c>
      <c r="B104" s="21">
        <v>9</v>
      </c>
      <c r="C104" s="6">
        <v>17</v>
      </c>
      <c r="D104" s="5">
        <v>26</v>
      </c>
    </row>
    <row r="105" spans="1:4" ht="18" customHeight="1" x14ac:dyDescent="0.15">
      <c r="A105" s="8">
        <v>82</v>
      </c>
      <c r="B105" s="21">
        <v>12</v>
      </c>
      <c r="C105" s="6">
        <v>11</v>
      </c>
      <c r="D105" s="5">
        <v>23</v>
      </c>
    </row>
    <row r="106" spans="1:4" ht="18" customHeight="1" x14ac:dyDescent="0.15">
      <c r="A106" s="8">
        <v>83</v>
      </c>
      <c r="B106" s="21">
        <v>16</v>
      </c>
      <c r="C106" s="6">
        <v>3</v>
      </c>
      <c r="D106" s="5">
        <v>19</v>
      </c>
    </row>
    <row r="107" spans="1:4" ht="18" customHeight="1" x14ac:dyDescent="0.15">
      <c r="A107" s="8">
        <v>84</v>
      </c>
      <c r="B107" s="21">
        <v>9</v>
      </c>
      <c r="C107" s="6">
        <v>14</v>
      </c>
      <c r="D107" s="5">
        <v>23</v>
      </c>
    </row>
    <row r="108" spans="1:4" ht="18" customHeight="1" x14ac:dyDescent="0.15">
      <c r="A108" s="8" t="s">
        <v>7</v>
      </c>
      <c r="B108" s="21">
        <v>51</v>
      </c>
      <c r="C108" s="6">
        <v>55</v>
      </c>
      <c r="D108" s="5">
        <v>106</v>
      </c>
    </row>
    <row r="109" spans="1:4" ht="18" customHeight="1" x14ac:dyDescent="0.15">
      <c r="A109" s="8">
        <v>85</v>
      </c>
      <c r="B109" s="21">
        <v>5</v>
      </c>
      <c r="C109" s="6">
        <v>17</v>
      </c>
      <c r="D109" s="5">
        <v>22</v>
      </c>
    </row>
    <row r="110" spans="1:4" ht="18" customHeight="1" x14ac:dyDescent="0.15">
      <c r="A110" s="8">
        <v>86</v>
      </c>
      <c r="B110" s="21">
        <v>6</v>
      </c>
      <c r="C110" s="6">
        <v>5</v>
      </c>
      <c r="D110" s="5">
        <v>11</v>
      </c>
    </row>
    <row r="111" spans="1:4" ht="18" customHeight="1" x14ac:dyDescent="0.15">
      <c r="A111" s="8">
        <v>87</v>
      </c>
      <c r="B111" s="21">
        <v>3</v>
      </c>
      <c r="C111" s="6">
        <v>11</v>
      </c>
      <c r="D111" s="5">
        <v>14</v>
      </c>
    </row>
    <row r="112" spans="1:4" ht="18" customHeight="1" x14ac:dyDescent="0.15">
      <c r="A112" s="8">
        <v>88</v>
      </c>
      <c r="B112" s="21">
        <v>9</v>
      </c>
      <c r="C112" s="6">
        <v>9</v>
      </c>
      <c r="D112" s="5">
        <v>18</v>
      </c>
    </row>
    <row r="113" spans="1:4" ht="18" customHeight="1" x14ac:dyDescent="0.15">
      <c r="A113" s="8">
        <v>89</v>
      </c>
      <c r="B113" s="21">
        <v>4</v>
      </c>
      <c r="C113" s="6">
        <v>6</v>
      </c>
      <c r="D113" s="5">
        <v>10</v>
      </c>
    </row>
    <row r="114" spans="1:4" ht="18" customHeight="1" x14ac:dyDescent="0.15">
      <c r="A114" s="8" t="s">
        <v>6</v>
      </c>
      <c r="B114" s="21">
        <v>27</v>
      </c>
      <c r="C114" s="6">
        <v>48</v>
      </c>
      <c r="D114" s="5">
        <v>75</v>
      </c>
    </row>
    <row r="115" spans="1:4" ht="18" customHeight="1" x14ac:dyDescent="0.15">
      <c r="A115" s="8">
        <v>90</v>
      </c>
      <c r="B115" s="21">
        <v>2</v>
      </c>
      <c r="C115" s="6">
        <v>3</v>
      </c>
      <c r="D115" s="5">
        <v>5</v>
      </c>
    </row>
    <row r="116" spans="1:4" ht="18" customHeight="1" x14ac:dyDescent="0.15">
      <c r="A116" s="8">
        <v>91</v>
      </c>
      <c r="B116" s="21">
        <v>3</v>
      </c>
      <c r="C116" s="6">
        <v>7</v>
      </c>
      <c r="D116" s="5">
        <v>10</v>
      </c>
    </row>
    <row r="117" spans="1:4" ht="18" customHeight="1" x14ac:dyDescent="0.15">
      <c r="A117" s="8">
        <v>92</v>
      </c>
      <c r="B117" s="21">
        <v>0</v>
      </c>
      <c r="C117" s="6">
        <v>12</v>
      </c>
      <c r="D117" s="5">
        <v>12</v>
      </c>
    </row>
    <row r="118" spans="1:4" ht="18" customHeight="1" x14ac:dyDescent="0.15">
      <c r="A118" s="8">
        <v>93</v>
      </c>
      <c r="B118" s="21">
        <v>1</v>
      </c>
      <c r="C118" s="6">
        <v>4</v>
      </c>
      <c r="D118" s="5">
        <v>5</v>
      </c>
    </row>
    <row r="119" spans="1:4" ht="18" customHeight="1" x14ac:dyDescent="0.15">
      <c r="A119" s="8">
        <v>94</v>
      </c>
      <c r="B119" s="21">
        <v>0</v>
      </c>
      <c r="C119" s="6">
        <v>5</v>
      </c>
      <c r="D119" s="5">
        <v>5</v>
      </c>
    </row>
    <row r="120" spans="1:4" ht="18" customHeight="1" x14ac:dyDescent="0.15">
      <c r="A120" s="8" t="s">
        <v>5</v>
      </c>
      <c r="B120" s="21">
        <v>6</v>
      </c>
      <c r="C120" s="6">
        <v>31</v>
      </c>
      <c r="D120" s="5">
        <v>37</v>
      </c>
    </row>
    <row r="121" spans="1:4" ht="18" customHeight="1" x14ac:dyDescent="0.15">
      <c r="A121" s="8">
        <v>95</v>
      </c>
      <c r="B121" s="21">
        <v>0</v>
      </c>
      <c r="C121" s="6">
        <v>7</v>
      </c>
      <c r="D121" s="5">
        <v>7</v>
      </c>
    </row>
    <row r="122" spans="1:4" ht="18" customHeight="1" x14ac:dyDescent="0.15">
      <c r="A122" s="8">
        <v>96</v>
      </c>
      <c r="B122" s="21">
        <v>1</v>
      </c>
      <c r="C122" s="6">
        <v>4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16</v>
      </c>
      <c r="D126" s="5">
        <v>17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338</v>
      </c>
      <c r="C130" s="6">
        <v>415</v>
      </c>
      <c r="D130" s="5">
        <v>753</v>
      </c>
    </row>
    <row r="131" spans="1:4" ht="18" customHeight="1" x14ac:dyDescent="0.15">
      <c r="A131" s="4" t="s">
        <v>0</v>
      </c>
      <c r="B131" s="20">
        <v>1058</v>
      </c>
      <c r="C131" s="2">
        <v>1102</v>
      </c>
      <c r="D131" s="1">
        <v>216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80C75D-44F2-496F-838C-CCE2D7E13E30}">
  <sheetPr codeName="Sheet8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0</v>
      </c>
      <c r="C5" s="31">
        <v>9</v>
      </c>
      <c r="D5" s="30">
        <v>19</v>
      </c>
    </row>
    <row r="6" spans="1:4" ht="18" customHeight="1" x14ac:dyDescent="0.15">
      <c r="A6" s="8">
        <v>1</v>
      </c>
      <c r="B6" s="26">
        <v>10</v>
      </c>
      <c r="C6" s="6">
        <v>8</v>
      </c>
      <c r="D6" s="5">
        <v>18</v>
      </c>
    </row>
    <row r="7" spans="1:4" ht="18" customHeight="1" x14ac:dyDescent="0.15">
      <c r="A7" s="8">
        <v>2</v>
      </c>
      <c r="B7" s="26">
        <v>14</v>
      </c>
      <c r="C7" s="6">
        <v>16</v>
      </c>
      <c r="D7" s="5">
        <v>30</v>
      </c>
    </row>
    <row r="8" spans="1:4" ht="18" customHeight="1" x14ac:dyDescent="0.15">
      <c r="A8" s="8">
        <v>3</v>
      </c>
      <c r="B8" s="26">
        <v>16</v>
      </c>
      <c r="C8" s="6">
        <v>8</v>
      </c>
      <c r="D8" s="5">
        <v>24</v>
      </c>
    </row>
    <row r="9" spans="1:4" ht="18" customHeight="1" x14ac:dyDescent="0.15">
      <c r="A9" s="8">
        <v>4</v>
      </c>
      <c r="B9" s="29">
        <v>22</v>
      </c>
      <c r="C9" s="28">
        <v>17</v>
      </c>
      <c r="D9" s="27">
        <v>39</v>
      </c>
    </row>
    <row r="10" spans="1:4" ht="18" customHeight="1" x14ac:dyDescent="0.15">
      <c r="A10" s="8" t="s">
        <v>25</v>
      </c>
      <c r="B10" s="21">
        <v>72</v>
      </c>
      <c r="C10" s="6">
        <v>58</v>
      </c>
      <c r="D10" s="5">
        <v>130</v>
      </c>
    </row>
    <row r="11" spans="1:4" ht="18" customHeight="1" x14ac:dyDescent="0.15">
      <c r="A11" s="8">
        <v>5</v>
      </c>
      <c r="B11" s="26">
        <v>21</v>
      </c>
      <c r="C11" s="6">
        <v>15</v>
      </c>
      <c r="D11" s="5">
        <v>36</v>
      </c>
    </row>
    <row r="12" spans="1:4" ht="18" customHeight="1" x14ac:dyDescent="0.15">
      <c r="A12" s="8">
        <v>6</v>
      </c>
      <c r="B12" s="26">
        <v>25</v>
      </c>
      <c r="C12" s="6">
        <v>18</v>
      </c>
      <c r="D12" s="5">
        <v>43</v>
      </c>
    </row>
    <row r="13" spans="1:4" ht="18" customHeight="1" x14ac:dyDescent="0.15">
      <c r="A13" s="8">
        <v>7</v>
      </c>
      <c r="B13" s="26">
        <v>26</v>
      </c>
      <c r="C13" s="6">
        <v>14</v>
      </c>
      <c r="D13" s="5">
        <v>40</v>
      </c>
    </row>
    <row r="14" spans="1:4" ht="18" customHeight="1" x14ac:dyDescent="0.15">
      <c r="A14" s="8">
        <v>8</v>
      </c>
      <c r="B14" s="26">
        <v>15</v>
      </c>
      <c r="C14" s="6">
        <v>16</v>
      </c>
      <c r="D14" s="5">
        <v>31</v>
      </c>
    </row>
    <row r="15" spans="1:4" ht="18" customHeight="1" x14ac:dyDescent="0.15">
      <c r="A15" s="8">
        <v>9</v>
      </c>
      <c r="B15" s="26">
        <v>17</v>
      </c>
      <c r="C15" s="6">
        <v>17</v>
      </c>
      <c r="D15" s="5">
        <v>34</v>
      </c>
    </row>
    <row r="16" spans="1:4" ht="18" customHeight="1" x14ac:dyDescent="0.15">
      <c r="A16" s="8" t="s">
        <v>24</v>
      </c>
      <c r="B16" s="21">
        <v>104</v>
      </c>
      <c r="C16" s="6">
        <v>80</v>
      </c>
      <c r="D16" s="5">
        <v>184</v>
      </c>
    </row>
    <row r="17" spans="1:4" ht="18" customHeight="1" x14ac:dyDescent="0.15">
      <c r="A17" s="8">
        <v>10</v>
      </c>
      <c r="B17" s="21">
        <v>19</v>
      </c>
      <c r="C17" s="6">
        <v>12</v>
      </c>
      <c r="D17" s="5">
        <v>31</v>
      </c>
    </row>
    <row r="18" spans="1:4" ht="18" customHeight="1" x14ac:dyDescent="0.15">
      <c r="A18" s="8">
        <v>11</v>
      </c>
      <c r="B18" s="21">
        <v>25</v>
      </c>
      <c r="C18" s="6">
        <v>16</v>
      </c>
      <c r="D18" s="5">
        <v>41</v>
      </c>
    </row>
    <row r="19" spans="1:4" ht="18" customHeight="1" x14ac:dyDescent="0.15">
      <c r="A19" s="8">
        <v>12</v>
      </c>
      <c r="B19" s="21">
        <v>20</v>
      </c>
      <c r="C19" s="6">
        <v>12</v>
      </c>
      <c r="D19" s="5">
        <v>32</v>
      </c>
    </row>
    <row r="20" spans="1:4" ht="18" customHeight="1" x14ac:dyDescent="0.15">
      <c r="A20" s="8">
        <v>13</v>
      </c>
      <c r="B20" s="21">
        <v>15</v>
      </c>
      <c r="C20" s="6">
        <v>12</v>
      </c>
      <c r="D20" s="5">
        <v>27</v>
      </c>
    </row>
    <row r="21" spans="1:4" ht="18" customHeight="1" x14ac:dyDescent="0.15">
      <c r="A21" s="8">
        <v>14</v>
      </c>
      <c r="B21" s="21">
        <v>15</v>
      </c>
      <c r="C21" s="6">
        <v>21</v>
      </c>
      <c r="D21" s="5">
        <v>36</v>
      </c>
    </row>
    <row r="22" spans="1:4" ht="18" customHeight="1" x14ac:dyDescent="0.15">
      <c r="A22" s="8" t="s">
        <v>23</v>
      </c>
      <c r="B22" s="21">
        <v>94</v>
      </c>
      <c r="C22" s="6">
        <v>73</v>
      </c>
      <c r="D22" s="5">
        <v>167</v>
      </c>
    </row>
    <row r="23" spans="1:4" ht="18" customHeight="1" x14ac:dyDescent="0.15">
      <c r="A23" s="8" t="s">
        <v>22</v>
      </c>
      <c r="B23" s="21">
        <v>270</v>
      </c>
      <c r="C23" s="6">
        <v>211</v>
      </c>
      <c r="D23" s="5">
        <v>481</v>
      </c>
    </row>
    <row r="24" spans="1:4" ht="18" customHeight="1" x14ac:dyDescent="0.15">
      <c r="A24" s="8">
        <v>15</v>
      </c>
      <c r="B24" s="21">
        <v>13</v>
      </c>
      <c r="C24" s="6">
        <v>17</v>
      </c>
      <c r="D24" s="5">
        <v>30</v>
      </c>
    </row>
    <row r="25" spans="1:4" ht="18" customHeight="1" x14ac:dyDescent="0.15">
      <c r="A25" s="8">
        <v>16</v>
      </c>
      <c r="B25" s="21">
        <v>14</v>
      </c>
      <c r="C25" s="6">
        <v>18</v>
      </c>
      <c r="D25" s="5">
        <v>32</v>
      </c>
    </row>
    <row r="26" spans="1:4" ht="18" customHeight="1" x14ac:dyDescent="0.15">
      <c r="A26" s="8">
        <v>17</v>
      </c>
      <c r="B26" s="21">
        <v>16</v>
      </c>
      <c r="C26" s="6">
        <v>18</v>
      </c>
      <c r="D26" s="5">
        <v>34</v>
      </c>
    </row>
    <row r="27" spans="1:4" ht="18" customHeight="1" x14ac:dyDescent="0.15">
      <c r="A27" s="8">
        <v>18</v>
      </c>
      <c r="B27" s="21">
        <v>20</v>
      </c>
      <c r="C27" s="6">
        <v>14</v>
      </c>
      <c r="D27" s="5">
        <v>34</v>
      </c>
    </row>
    <row r="28" spans="1:4" ht="18" customHeight="1" x14ac:dyDescent="0.15">
      <c r="A28" s="8">
        <v>19</v>
      </c>
      <c r="B28" s="21">
        <v>15</v>
      </c>
      <c r="C28" s="6">
        <v>18</v>
      </c>
      <c r="D28" s="5">
        <v>33</v>
      </c>
    </row>
    <row r="29" spans="1:4" ht="18" customHeight="1" x14ac:dyDescent="0.15">
      <c r="A29" s="8" t="s">
        <v>21</v>
      </c>
      <c r="B29" s="21">
        <v>78</v>
      </c>
      <c r="C29" s="6">
        <v>85</v>
      </c>
      <c r="D29" s="5">
        <v>163</v>
      </c>
    </row>
    <row r="30" spans="1:4" ht="18" customHeight="1" x14ac:dyDescent="0.15">
      <c r="A30" s="8">
        <v>20</v>
      </c>
      <c r="B30" s="21">
        <v>14</v>
      </c>
      <c r="C30" s="6">
        <v>10</v>
      </c>
      <c r="D30" s="5">
        <v>24</v>
      </c>
    </row>
    <row r="31" spans="1:4" ht="18" customHeight="1" x14ac:dyDescent="0.15">
      <c r="A31" s="8">
        <v>21</v>
      </c>
      <c r="B31" s="21">
        <v>19</v>
      </c>
      <c r="C31" s="6">
        <v>12</v>
      </c>
      <c r="D31" s="5">
        <v>31</v>
      </c>
    </row>
    <row r="32" spans="1:4" ht="18" customHeight="1" x14ac:dyDescent="0.15">
      <c r="A32" s="8">
        <v>22</v>
      </c>
      <c r="B32" s="21">
        <v>17</v>
      </c>
      <c r="C32" s="6">
        <v>15</v>
      </c>
      <c r="D32" s="5">
        <v>32</v>
      </c>
    </row>
    <row r="33" spans="1:4" ht="18" customHeight="1" x14ac:dyDescent="0.15">
      <c r="A33" s="8">
        <v>23</v>
      </c>
      <c r="B33" s="21">
        <v>26</v>
      </c>
      <c r="C33" s="6">
        <v>20</v>
      </c>
      <c r="D33" s="5">
        <v>46</v>
      </c>
    </row>
    <row r="34" spans="1:4" ht="18" customHeight="1" x14ac:dyDescent="0.15">
      <c r="A34" s="8">
        <v>24</v>
      </c>
      <c r="B34" s="21">
        <v>20</v>
      </c>
      <c r="C34" s="6">
        <v>12</v>
      </c>
      <c r="D34" s="5">
        <v>32</v>
      </c>
    </row>
    <row r="35" spans="1:4" ht="18" customHeight="1" x14ac:dyDescent="0.15">
      <c r="A35" s="8" t="s">
        <v>20</v>
      </c>
      <c r="B35" s="21">
        <v>96</v>
      </c>
      <c r="C35" s="6">
        <v>69</v>
      </c>
      <c r="D35" s="5">
        <v>165</v>
      </c>
    </row>
    <row r="36" spans="1:4" ht="18" customHeight="1" x14ac:dyDescent="0.15">
      <c r="A36" s="8">
        <v>25</v>
      </c>
      <c r="B36" s="21">
        <v>19</v>
      </c>
      <c r="C36" s="6">
        <v>15</v>
      </c>
      <c r="D36" s="5">
        <v>34</v>
      </c>
    </row>
    <row r="37" spans="1:4" ht="18" customHeight="1" x14ac:dyDescent="0.15">
      <c r="A37" s="8">
        <v>26</v>
      </c>
      <c r="B37" s="21">
        <v>8</v>
      </c>
      <c r="C37" s="6">
        <v>27</v>
      </c>
      <c r="D37" s="5">
        <v>35</v>
      </c>
    </row>
    <row r="38" spans="1:4" ht="18" customHeight="1" x14ac:dyDescent="0.15">
      <c r="A38" s="8">
        <v>27</v>
      </c>
      <c r="B38" s="21">
        <v>17</v>
      </c>
      <c r="C38" s="6">
        <v>29</v>
      </c>
      <c r="D38" s="5">
        <v>46</v>
      </c>
    </row>
    <row r="39" spans="1:4" ht="18" customHeight="1" x14ac:dyDescent="0.15">
      <c r="A39" s="8">
        <v>28</v>
      </c>
      <c r="B39" s="21">
        <v>14</v>
      </c>
      <c r="C39" s="6">
        <v>18</v>
      </c>
      <c r="D39" s="5">
        <v>32</v>
      </c>
    </row>
    <row r="40" spans="1:4" ht="18" customHeight="1" x14ac:dyDescent="0.15">
      <c r="A40" s="8">
        <v>29</v>
      </c>
      <c r="B40" s="21">
        <v>18</v>
      </c>
      <c r="C40" s="6">
        <v>14</v>
      </c>
      <c r="D40" s="5">
        <v>32</v>
      </c>
    </row>
    <row r="41" spans="1:4" ht="18" customHeight="1" x14ac:dyDescent="0.15">
      <c r="A41" s="8" t="s">
        <v>19</v>
      </c>
      <c r="B41" s="21">
        <v>76</v>
      </c>
      <c r="C41" s="6">
        <v>103</v>
      </c>
      <c r="D41" s="5">
        <v>179</v>
      </c>
    </row>
    <row r="42" spans="1:4" ht="18" customHeight="1" x14ac:dyDescent="0.15">
      <c r="A42" s="8">
        <v>30</v>
      </c>
      <c r="B42" s="21">
        <v>27</v>
      </c>
      <c r="C42" s="6">
        <v>25</v>
      </c>
      <c r="D42" s="5">
        <v>52</v>
      </c>
    </row>
    <row r="43" spans="1:4" ht="18" customHeight="1" x14ac:dyDescent="0.15">
      <c r="A43" s="8">
        <v>31</v>
      </c>
      <c r="B43" s="21">
        <v>13</v>
      </c>
      <c r="C43" s="6">
        <v>15</v>
      </c>
      <c r="D43" s="5">
        <v>28</v>
      </c>
    </row>
    <row r="44" spans="1:4" ht="18" customHeight="1" x14ac:dyDescent="0.15">
      <c r="A44" s="8">
        <v>32</v>
      </c>
      <c r="B44" s="21">
        <v>15</v>
      </c>
      <c r="C44" s="6">
        <v>26</v>
      </c>
      <c r="D44" s="5">
        <v>41</v>
      </c>
    </row>
    <row r="45" spans="1:4" ht="18" customHeight="1" x14ac:dyDescent="0.15">
      <c r="A45" s="8">
        <v>33</v>
      </c>
      <c r="B45" s="21">
        <v>15</v>
      </c>
      <c r="C45" s="6">
        <v>17</v>
      </c>
      <c r="D45" s="5">
        <v>32</v>
      </c>
    </row>
    <row r="46" spans="1:4" ht="18" customHeight="1" x14ac:dyDescent="0.15">
      <c r="A46" s="8">
        <v>34</v>
      </c>
      <c r="B46" s="21">
        <v>20</v>
      </c>
      <c r="C46" s="6">
        <v>17</v>
      </c>
      <c r="D46" s="5">
        <v>37</v>
      </c>
    </row>
    <row r="47" spans="1:4" ht="18" customHeight="1" x14ac:dyDescent="0.15">
      <c r="A47" s="8" t="s">
        <v>18</v>
      </c>
      <c r="B47" s="21">
        <v>90</v>
      </c>
      <c r="C47" s="6">
        <v>100</v>
      </c>
      <c r="D47" s="5">
        <v>190</v>
      </c>
    </row>
    <row r="48" spans="1:4" ht="18" customHeight="1" x14ac:dyDescent="0.15">
      <c r="A48" s="8">
        <v>35</v>
      </c>
      <c r="B48" s="21">
        <v>27</v>
      </c>
      <c r="C48" s="6">
        <v>23</v>
      </c>
      <c r="D48" s="5">
        <v>50</v>
      </c>
    </row>
    <row r="49" spans="1:4" ht="18" customHeight="1" x14ac:dyDescent="0.15">
      <c r="A49" s="8">
        <v>36</v>
      </c>
      <c r="B49" s="21">
        <v>31</v>
      </c>
      <c r="C49" s="6">
        <v>19</v>
      </c>
      <c r="D49" s="5">
        <v>50</v>
      </c>
    </row>
    <row r="50" spans="1:4" ht="18" customHeight="1" x14ac:dyDescent="0.15">
      <c r="A50" s="8">
        <v>37</v>
      </c>
      <c r="B50" s="21">
        <v>18</v>
      </c>
      <c r="C50" s="6">
        <v>18</v>
      </c>
      <c r="D50" s="5">
        <v>36</v>
      </c>
    </row>
    <row r="51" spans="1:4" ht="18" customHeight="1" x14ac:dyDescent="0.15">
      <c r="A51" s="8">
        <v>38</v>
      </c>
      <c r="B51" s="21">
        <v>29</v>
      </c>
      <c r="C51" s="6">
        <v>22</v>
      </c>
      <c r="D51" s="5">
        <v>51</v>
      </c>
    </row>
    <row r="52" spans="1:4" ht="18" customHeight="1" x14ac:dyDescent="0.15">
      <c r="A52" s="8">
        <v>39</v>
      </c>
      <c r="B52" s="21">
        <v>27</v>
      </c>
      <c r="C52" s="6">
        <v>24</v>
      </c>
      <c r="D52" s="5">
        <v>51</v>
      </c>
    </row>
    <row r="53" spans="1:4" ht="18" customHeight="1" x14ac:dyDescent="0.15">
      <c r="A53" s="8" t="s">
        <v>17</v>
      </c>
      <c r="B53" s="21">
        <v>132</v>
      </c>
      <c r="C53" s="6">
        <v>106</v>
      </c>
      <c r="D53" s="5">
        <v>238</v>
      </c>
    </row>
    <row r="54" spans="1:4" ht="18" customHeight="1" x14ac:dyDescent="0.15">
      <c r="A54" s="8">
        <v>40</v>
      </c>
      <c r="B54" s="21">
        <v>30</v>
      </c>
      <c r="C54" s="6">
        <v>33</v>
      </c>
      <c r="D54" s="5">
        <v>63</v>
      </c>
    </row>
    <row r="55" spans="1:4" ht="18" customHeight="1" x14ac:dyDescent="0.15">
      <c r="A55" s="8">
        <v>41</v>
      </c>
      <c r="B55" s="21">
        <v>17</v>
      </c>
      <c r="C55" s="6">
        <v>13</v>
      </c>
      <c r="D55" s="5">
        <v>30</v>
      </c>
    </row>
    <row r="56" spans="1:4" ht="18" customHeight="1" x14ac:dyDescent="0.15">
      <c r="A56" s="8">
        <v>42</v>
      </c>
      <c r="B56" s="21">
        <v>22</v>
      </c>
      <c r="C56" s="6">
        <v>25</v>
      </c>
      <c r="D56" s="5">
        <v>47</v>
      </c>
    </row>
    <row r="57" spans="1:4" ht="18" customHeight="1" x14ac:dyDescent="0.15">
      <c r="A57" s="8">
        <v>43</v>
      </c>
      <c r="B57" s="21">
        <v>27</v>
      </c>
      <c r="C57" s="6">
        <v>27</v>
      </c>
      <c r="D57" s="5">
        <v>54</v>
      </c>
    </row>
    <row r="58" spans="1:4" ht="18" customHeight="1" x14ac:dyDescent="0.15">
      <c r="A58" s="8">
        <v>44</v>
      </c>
      <c r="B58" s="21">
        <v>25</v>
      </c>
      <c r="C58" s="6">
        <v>18</v>
      </c>
      <c r="D58" s="5">
        <v>43</v>
      </c>
    </row>
    <row r="59" spans="1:4" ht="18" customHeight="1" x14ac:dyDescent="0.15">
      <c r="A59" s="8" t="s">
        <v>16</v>
      </c>
      <c r="B59" s="21">
        <v>121</v>
      </c>
      <c r="C59" s="6">
        <v>116</v>
      </c>
      <c r="D59" s="5">
        <v>237</v>
      </c>
    </row>
    <row r="60" spans="1:4" ht="18" customHeight="1" x14ac:dyDescent="0.15">
      <c r="A60" s="8">
        <v>45</v>
      </c>
      <c r="B60" s="21">
        <v>24</v>
      </c>
      <c r="C60" s="6">
        <v>26</v>
      </c>
      <c r="D60" s="5">
        <v>50</v>
      </c>
    </row>
    <row r="61" spans="1:4" ht="18" customHeight="1" x14ac:dyDescent="0.15">
      <c r="A61" s="8">
        <v>46</v>
      </c>
      <c r="B61" s="21">
        <v>30</v>
      </c>
      <c r="C61" s="6">
        <v>24</v>
      </c>
      <c r="D61" s="5">
        <v>54</v>
      </c>
    </row>
    <row r="62" spans="1:4" ht="18" customHeight="1" x14ac:dyDescent="0.15">
      <c r="A62" s="8">
        <v>47</v>
      </c>
      <c r="B62" s="21">
        <v>36</v>
      </c>
      <c r="C62" s="6">
        <v>30</v>
      </c>
      <c r="D62" s="5">
        <v>66</v>
      </c>
    </row>
    <row r="63" spans="1:4" ht="18" customHeight="1" x14ac:dyDescent="0.15">
      <c r="A63" s="8">
        <v>48</v>
      </c>
      <c r="B63" s="21">
        <v>36</v>
      </c>
      <c r="C63" s="6">
        <v>25</v>
      </c>
      <c r="D63" s="5">
        <v>61</v>
      </c>
    </row>
    <row r="64" spans="1:4" ht="18" customHeight="1" x14ac:dyDescent="0.15">
      <c r="A64" s="8">
        <v>49</v>
      </c>
      <c r="B64" s="21">
        <v>29</v>
      </c>
      <c r="C64" s="6">
        <v>22</v>
      </c>
      <c r="D64" s="5">
        <v>51</v>
      </c>
    </row>
    <row r="65" spans="1:4" ht="18" customHeight="1" x14ac:dyDescent="0.15">
      <c r="A65" s="8" t="s">
        <v>15</v>
      </c>
      <c r="B65" s="21">
        <v>155</v>
      </c>
      <c r="C65" s="6">
        <v>127</v>
      </c>
      <c r="D65" s="5">
        <v>282</v>
      </c>
    </row>
    <row r="66" spans="1:4" ht="18" customHeight="1" x14ac:dyDescent="0.15">
      <c r="A66" s="8">
        <v>50</v>
      </c>
      <c r="B66" s="21">
        <v>34</v>
      </c>
      <c r="C66" s="6">
        <v>44</v>
      </c>
      <c r="D66" s="5">
        <v>78</v>
      </c>
    </row>
    <row r="67" spans="1:4" ht="18" customHeight="1" x14ac:dyDescent="0.15">
      <c r="A67" s="8">
        <v>51</v>
      </c>
      <c r="B67" s="21">
        <v>38</v>
      </c>
      <c r="C67" s="6">
        <v>30</v>
      </c>
      <c r="D67" s="5">
        <v>68</v>
      </c>
    </row>
    <row r="68" spans="1:4" ht="18" customHeight="1" x14ac:dyDescent="0.15">
      <c r="A68" s="8">
        <v>52</v>
      </c>
      <c r="B68" s="21">
        <v>26</v>
      </c>
      <c r="C68" s="6">
        <v>24</v>
      </c>
      <c r="D68" s="5">
        <v>50</v>
      </c>
    </row>
    <row r="69" spans="1:4" ht="18" customHeight="1" x14ac:dyDescent="0.15">
      <c r="A69" s="8">
        <v>53</v>
      </c>
      <c r="B69" s="21">
        <v>22</v>
      </c>
      <c r="C69" s="6">
        <v>15</v>
      </c>
      <c r="D69" s="5">
        <v>37</v>
      </c>
    </row>
    <row r="70" spans="1:4" ht="18" customHeight="1" x14ac:dyDescent="0.15">
      <c r="A70" s="8">
        <v>54</v>
      </c>
      <c r="B70" s="21">
        <v>15</v>
      </c>
      <c r="C70" s="6">
        <v>22</v>
      </c>
      <c r="D70" s="5">
        <v>37</v>
      </c>
    </row>
    <row r="71" spans="1:4" ht="18" customHeight="1" x14ac:dyDescent="0.15">
      <c r="A71" s="8" t="s">
        <v>14</v>
      </c>
      <c r="B71" s="21">
        <v>135</v>
      </c>
      <c r="C71" s="6">
        <v>135</v>
      </c>
      <c r="D71" s="5">
        <v>270</v>
      </c>
    </row>
    <row r="72" spans="1:4" ht="18" customHeight="1" x14ac:dyDescent="0.15">
      <c r="A72" s="8">
        <v>55</v>
      </c>
      <c r="B72" s="21">
        <v>17</v>
      </c>
      <c r="C72" s="6">
        <v>25</v>
      </c>
      <c r="D72" s="5">
        <v>42</v>
      </c>
    </row>
    <row r="73" spans="1:4" ht="18" customHeight="1" x14ac:dyDescent="0.15">
      <c r="A73" s="8">
        <v>56</v>
      </c>
      <c r="B73" s="21">
        <v>21</v>
      </c>
      <c r="C73" s="6">
        <v>25</v>
      </c>
      <c r="D73" s="5">
        <v>46</v>
      </c>
    </row>
    <row r="74" spans="1:4" ht="18" customHeight="1" x14ac:dyDescent="0.15">
      <c r="A74" s="8">
        <v>57</v>
      </c>
      <c r="B74" s="21">
        <v>16</v>
      </c>
      <c r="C74" s="6">
        <v>21</v>
      </c>
      <c r="D74" s="5">
        <v>37</v>
      </c>
    </row>
    <row r="75" spans="1:4" ht="18" customHeight="1" x14ac:dyDescent="0.15">
      <c r="A75" s="8">
        <v>58</v>
      </c>
      <c r="B75" s="21">
        <v>17</v>
      </c>
      <c r="C75" s="6">
        <v>15</v>
      </c>
      <c r="D75" s="5">
        <v>32</v>
      </c>
    </row>
    <row r="76" spans="1:4" ht="18" customHeight="1" x14ac:dyDescent="0.15">
      <c r="A76" s="8">
        <v>59</v>
      </c>
      <c r="B76" s="21">
        <v>18</v>
      </c>
      <c r="C76" s="6">
        <v>15</v>
      </c>
      <c r="D76" s="5">
        <v>33</v>
      </c>
    </row>
    <row r="77" spans="1:4" ht="18" customHeight="1" x14ac:dyDescent="0.15">
      <c r="A77" s="8" t="s">
        <v>13</v>
      </c>
      <c r="B77" s="21">
        <v>89</v>
      </c>
      <c r="C77" s="6">
        <v>101</v>
      </c>
      <c r="D77" s="5">
        <v>190</v>
      </c>
    </row>
    <row r="78" spans="1:4" ht="18" customHeight="1" x14ac:dyDescent="0.15">
      <c r="A78" s="8">
        <v>60</v>
      </c>
      <c r="B78" s="21">
        <v>17</v>
      </c>
      <c r="C78" s="6">
        <v>20</v>
      </c>
      <c r="D78" s="5">
        <v>37</v>
      </c>
    </row>
    <row r="79" spans="1:4" ht="18" customHeight="1" x14ac:dyDescent="0.15">
      <c r="A79" s="8">
        <v>61</v>
      </c>
      <c r="B79" s="21">
        <v>24</v>
      </c>
      <c r="C79" s="6">
        <v>15</v>
      </c>
      <c r="D79" s="5">
        <v>39</v>
      </c>
    </row>
    <row r="80" spans="1:4" ht="18" customHeight="1" x14ac:dyDescent="0.15">
      <c r="A80" s="8">
        <v>62</v>
      </c>
      <c r="B80" s="21">
        <v>17</v>
      </c>
      <c r="C80" s="6">
        <v>24</v>
      </c>
      <c r="D80" s="5">
        <v>41</v>
      </c>
    </row>
    <row r="81" spans="1:4" ht="18" customHeight="1" x14ac:dyDescent="0.15">
      <c r="A81" s="8">
        <v>63</v>
      </c>
      <c r="B81" s="21">
        <v>18</v>
      </c>
      <c r="C81" s="6">
        <v>15</v>
      </c>
      <c r="D81" s="5">
        <v>33</v>
      </c>
    </row>
    <row r="82" spans="1:4" ht="18" customHeight="1" x14ac:dyDescent="0.15">
      <c r="A82" s="8">
        <v>64</v>
      </c>
      <c r="B82" s="21">
        <v>15</v>
      </c>
      <c r="C82" s="6">
        <v>20</v>
      </c>
      <c r="D82" s="5">
        <v>35</v>
      </c>
    </row>
    <row r="83" spans="1:4" ht="18" customHeight="1" x14ac:dyDescent="0.15">
      <c r="A83" s="8" t="s">
        <v>12</v>
      </c>
      <c r="B83" s="21">
        <v>91</v>
      </c>
      <c r="C83" s="6">
        <v>94</v>
      </c>
      <c r="D83" s="5">
        <v>185</v>
      </c>
    </row>
    <row r="84" spans="1:4" ht="18" customHeight="1" x14ac:dyDescent="0.15">
      <c r="A84" s="8" t="s">
        <v>11</v>
      </c>
      <c r="B84" s="21">
        <v>1063</v>
      </c>
      <c r="C84" s="6">
        <v>1036</v>
      </c>
      <c r="D84" s="5">
        <v>2099</v>
      </c>
    </row>
    <row r="85" spans="1:4" ht="18" customHeight="1" x14ac:dyDescent="0.15">
      <c r="A85" s="8">
        <v>65</v>
      </c>
      <c r="B85" s="21">
        <v>16</v>
      </c>
      <c r="C85" s="6">
        <v>25</v>
      </c>
      <c r="D85" s="5">
        <v>41</v>
      </c>
    </row>
    <row r="86" spans="1:4" ht="18" customHeight="1" x14ac:dyDescent="0.15">
      <c r="A86" s="8">
        <v>66</v>
      </c>
      <c r="B86" s="21">
        <v>16</v>
      </c>
      <c r="C86" s="6">
        <v>17</v>
      </c>
      <c r="D86" s="5">
        <v>33</v>
      </c>
    </row>
    <row r="87" spans="1:4" ht="18" customHeight="1" x14ac:dyDescent="0.15">
      <c r="A87" s="8">
        <v>67</v>
      </c>
      <c r="B87" s="21">
        <v>8</v>
      </c>
      <c r="C87" s="6">
        <v>24</v>
      </c>
      <c r="D87" s="5">
        <v>32</v>
      </c>
    </row>
    <row r="88" spans="1:4" ht="18" customHeight="1" x14ac:dyDescent="0.15">
      <c r="A88" s="8">
        <v>68</v>
      </c>
      <c r="B88" s="21">
        <v>18</v>
      </c>
      <c r="C88" s="6">
        <v>29</v>
      </c>
      <c r="D88" s="5">
        <v>47</v>
      </c>
    </row>
    <row r="89" spans="1:4" ht="18" customHeight="1" x14ac:dyDescent="0.15">
      <c r="A89" s="8">
        <v>69</v>
      </c>
      <c r="B89" s="21">
        <v>27</v>
      </c>
      <c r="C89" s="6">
        <v>18</v>
      </c>
      <c r="D89" s="5">
        <v>45</v>
      </c>
    </row>
    <row r="90" spans="1:4" ht="18" customHeight="1" x14ac:dyDescent="0.15">
      <c r="A90" s="8" t="s">
        <v>10</v>
      </c>
      <c r="B90" s="21">
        <v>85</v>
      </c>
      <c r="C90" s="6">
        <v>113</v>
      </c>
      <c r="D90" s="5">
        <v>198</v>
      </c>
    </row>
    <row r="91" spans="1:4" ht="18" customHeight="1" x14ac:dyDescent="0.15">
      <c r="A91" s="8">
        <v>70</v>
      </c>
      <c r="B91" s="21">
        <v>19</v>
      </c>
      <c r="C91" s="6">
        <v>31</v>
      </c>
      <c r="D91" s="5">
        <v>50</v>
      </c>
    </row>
    <row r="92" spans="1:4" ht="18" customHeight="1" x14ac:dyDescent="0.15">
      <c r="A92" s="8">
        <v>71</v>
      </c>
      <c r="B92" s="21">
        <v>13</v>
      </c>
      <c r="C92" s="6">
        <v>22</v>
      </c>
      <c r="D92" s="5">
        <v>35</v>
      </c>
    </row>
    <row r="93" spans="1:4" ht="18" customHeight="1" x14ac:dyDescent="0.15">
      <c r="A93" s="8">
        <v>72</v>
      </c>
      <c r="B93" s="21">
        <v>34</v>
      </c>
      <c r="C93" s="6">
        <v>25</v>
      </c>
      <c r="D93" s="5">
        <v>59</v>
      </c>
    </row>
    <row r="94" spans="1:4" ht="18" customHeight="1" x14ac:dyDescent="0.15">
      <c r="A94" s="8">
        <v>73</v>
      </c>
      <c r="B94" s="21">
        <v>28</v>
      </c>
      <c r="C94" s="6">
        <v>34</v>
      </c>
      <c r="D94" s="5">
        <v>62</v>
      </c>
    </row>
    <row r="95" spans="1:4" ht="18" customHeight="1" x14ac:dyDescent="0.15">
      <c r="A95" s="8">
        <v>74</v>
      </c>
      <c r="B95" s="21">
        <v>23</v>
      </c>
      <c r="C95" s="6">
        <v>32</v>
      </c>
      <c r="D95" s="5">
        <v>55</v>
      </c>
    </row>
    <row r="96" spans="1:4" ht="18" customHeight="1" x14ac:dyDescent="0.15">
      <c r="A96" s="8" t="s">
        <v>9</v>
      </c>
      <c r="B96" s="21">
        <v>117</v>
      </c>
      <c r="C96" s="6">
        <v>144</v>
      </c>
      <c r="D96" s="5">
        <v>261</v>
      </c>
    </row>
    <row r="97" spans="1:4" ht="18" customHeight="1" x14ac:dyDescent="0.15">
      <c r="A97" s="8">
        <v>75</v>
      </c>
      <c r="B97" s="21">
        <v>33</v>
      </c>
      <c r="C97" s="6">
        <v>26</v>
      </c>
      <c r="D97" s="5">
        <v>59</v>
      </c>
    </row>
    <row r="98" spans="1:4" ht="18" customHeight="1" x14ac:dyDescent="0.15">
      <c r="A98" s="8">
        <v>76</v>
      </c>
      <c r="B98" s="21">
        <v>41</v>
      </c>
      <c r="C98" s="6">
        <v>39</v>
      </c>
      <c r="D98" s="5">
        <v>80</v>
      </c>
    </row>
    <row r="99" spans="1:4" ht="18" customHeight="1" x14ac:dyDescent="0.15">
      <c r="A99" s="8">
        <v>77</v>
      </c>
      <c r="B99" s="21">
        <v>32</v>
      </c>
      <c r="C99" s="6">
        <v>30</v>
      </c>
      <c r="D99" s="5">
        <v>62</v>
      </c>
    </row>
    <row r="100" spans="1:4" ht="18" customHeight="1" x14ac:dyDescent="0.15">
      <c r="A100" s="8">
        <v>78</v>
      </c>
      <c r="B100" s="21">
        <v>27</v>
      </c>
      <c r="C100" s="6">
        <v>37</v>
      </c>
      <c r="D100" s="5">
        <v>64</v>
      </c>
    </row>
    <row r="101" spans="1:4" ht="18" customHeight="1" x14ac:dyDescent="0.15">
      <c r="A101" s="8">
        <v>79</v>
      </c>
      <c r="B101" s="21">
        <v>15</v>
      </c>
      <c r="C101" s="6">
        <v>19</v>
      </c>
      <c r="D101" s="5">
        <v>34</v>
      </c>
    </row>
    <row r="102" spans="1:4" ht="18" customHeight="1" x14ac:dyDescent="0.15">
      <c r="A102" s="8" t="s">
        <v>8</v>
      </c>
      <c r="B102" s="21">
        <v>148</v>
      </c>
      <c r="C102" s="6">
        <v>151</v>
      </c>
      <c r="D102" s="5">
        <v>299</v>
      </c>
    </row>
    <row r="103" spans="1:4" ht="18" customHeight="1" x14ac:dyDescent="0.15">
      <c r="A103" s="8">
        <v>80</v>
      </c>
      <c r="B103" s="21">
        <v>13</v>
      </c>
      <c r="C103" s="6">
        <v>13</v>
      </c>
      <c r="D103" s="5">
        <v>26</v>
      </c>
    </row>
    <row r="104" spans="1:4" ht="18" customHeight="1" x14ac:dyDescent="0.15">
      <c r="A104" s="8">
        <v>81</v>
      </c>
      <c r="B104" s="21">
        <v>16</v>
      </c>
      <c r="C104" s="6">
        <v>22</v>
      </c>
      <c r="D104" s="5">
        <v>38</v>
      </c>
    </row>
    <row r="105" spans="1:4" ht="18" customHeight="1" x14ac:dyDescent="0.15">
      <c r="A105" s="8">
        <v>82</v>
      </c>
      <c r="B105" s="21">
        <v>14</v>
      </c>
      <c r="C105" s="6">
        <v>14</v>
      </c>
      <c r="D105" s="5">
        <v>28</v>
      </c>
    </row>
    <row r="106" spans="1:4" ht="18" customHeight="1" x14ac:dyDescent="0.15">
      <c r="A106" s="8">
        <v>83</v>
      </c>
      <c r="B106" s="21">
        <v>14</v>
      </c>
      <c r="C106" s="6">
        <v>15</v>
      </c>
      <c r="D106" s="5">
        <v>29</v>
      </c>
    </row>
    <row r="107" spans="1:4" ht="18" customHeight="1" x14ac:dyDescent="0.15">
      <c r="A107" s="8">
        <v>84</v>
      </c>
      <c r="B107" s="21">
        <v>13</v>
      </c>
      <c r="C107" s="6">
        <v>15</v>
      </c>
      <c r="D107" s="5">
        <v>28</v>
      </c>
    </row>
    <row r="108" spans="1:4" ht="18" customHeight="1" x14ac:dyDescent="0.15">
      <c r="A108" s="8" t="s">
        <v>7</v>
      </c>
      <c r="B108" s="21">
        <v>70</v>
      </c>
      <c r="C108" s="6">
        <v>79</v>
      </c>
      <c r="D108" s="5">
        <v>149</v>
      </c>
    </row>
    <row r="109" spans="1:4" ht="18" customHeight="1" x14ac:dyDescent="0.15">
      <c r="A109" s="8">
        <v>85</v>
      </c>
      <c r="B109" s="21">
        <v>10</v>
      </c>
      <c r="C109" s="6">
        <v>14</v>
      </c>
      <c r="D109" s="5">
        <v>24</v>
      </c>
    </row>
    <row r="110" spans="1:4" ht="18" customHeight="1" x14ac:dyDescent="0.15">
      <c r="A110" s="8">
        <v>86</v>
      </c>
      <c r="B110" s="21">
        <v>8</v>
      </c>
      <c r="C110" s="6">
        <v>12</v>
      </c>
      <c r="D110" s="5">
        <v>20</v>
      </c>
    </row>
    <row r="111" spans="1:4" ht="18" customHeight="1" x14ac:dyDescent="0.15">
      <c r="A111" s="8">
        <v>87</v>
      </c>
      <c r="B111" s="21">
        <v>9</v>
      </c>
      <c r="C111" s="6">
        <v>8</v>
      </c>
      <c r="D111" s="5">
        <v>17</v>
      </c>
    </row>
    <row r="112" spans="1:4" ht="18" customHeight="1" x14ac:dyDescent="0.15">
      <c r="A112" s="8">
        <v>88</v>
      </c>
      <c r="B112" s="21">
        <v>1</v>
      </c>
      <c r="C112" s="6">
        <v>6</v>
      </c>
      <c r="D112" s="5">
        <v>7</v>
      </c>
    </row>
    <row r="113" spans="1:4" ht="18" customHeight="1" x14ac:dyDescent="0.15">
      <c r="A113" s="8">
        <v>89</v>
      </c>
      <c r="B113" s="21">
        <v>9</v>
      </c>
      <c r="C113" s="6">
        <v>10</v>
      </c>
      <c r="D113" s="5">
        <v>19</v>
      </c>
    </row>
    <row r="114" spans="1:4" ht="18" customHeight="1" x14ac:dyDescent="0.15">
      <c r="A114" s="8" t="s">
        <v>6</v>
      </c>
      <c r="B114" s="21">
        <v>37</v>
      </c>
      <c r="C114" s="6">
        <v>50</v>
      </c>
      <c r="D114" s="5">
        <v>87</v>
      </c>
    </row>
    <row r="115" spans="1:4" ht="18" customHeight="1" x14ac:dyDescent="0.15">
      <c r="A115" s="8">
        <v>90</v>
      </c>
      <c r="B115" s="21">
        <v>6</v>
      </c>
      <c r="C115" s="6">
        <v>9</v>
      </c>
      <c r="D115" s="5">
        <v>15</v>
      </c>
    </row>
    <row r="116" spans="1:4" ht="18" customHeight="1" x14ac:dyDescent="0.15">
      <c r="A116" s="8">
        <v>91</v>
      </c>
      <c r="B116" s="21">
        <v>1</v>
      </c>
      <c r="C116" s="6">
        <v>6</v>
      </c>
      <c r="D116" s="5">
        <v>7</v>
      </c>
    </row>
    <row r="117" spans="1:4" ht="18" customHeight="1" x14ac:dyDescent="0.15">
      <c r="A117" s="8">
        <v>92</v>
      </c>
      <c r="B117" s="21">
        <v>0</v>
      </c>
      <c r="C117" s="6">
        <v>7</v>
      </c>
      <c r="D117" s="5">
        <v>7</v>
      </c>
    </row>
    <row r="118" spans="1:4" ht="18" customHeight="1" x14ac:dyDescent="0.15">
      <c r="A118" s="8">
        <v>93</v>
      </c>
      <c r="B118" s="21">
        <v>0</v>
      </c>
      <c r="C118" s="6">
        <v>6</v>
      </c>
      <c r="D118" s="5">
        <v>6</v>
      </c>
    </row>
    <row r="119" spans="1:4" ht="18" customHeight="1" x14ac:dyDescent="0.15">
      <c r="A119" s="8">
        <v>94</v>
      </c>
      <c r="B119" s="21">
        <v>1</v>
      </c>
      <c r="C119" s="6">
        <v>2</v>
      </c>
      <c r="D119" s="5">
        <v>3</v>
      </c>
    </row>
    <row r="120" spans="1:4" ht="18" customHeight="1" x14ac:dyDescent="0.15">
      <c r="A120" s="8" t="s">
        <v>5</v>
      </c>
      <c r="B120" s="21">
        <v>8</v>
      </c>
      <c r="C120" s="6">
        <v>30</v>
      </c>
      <c r="D120" s="5">
        <v>38</v>
      </c>
    </row>
    <row r="121" spans="1:4" ht="18" customHeight="1" x14ac:dyDescent="0.15">
      <c r="A121" s="8">
        <v>95</v>
      </c>
      <c r="B121" s="21">
        <v>3</v>
      </c>
      <c r="C121" s="6">
        <v>3</v>
      </c>
      <c r="D121" s="5">
        <v>6</v>
      </c>
    </row>
    <row r="122" spans="1:4" ht="18" customHeight="1" x14ac:dyDescent="0.15">
      <c r="A122" s="8">
        <v>96</v>
      </c>
      <c r="B122" s="21">
        <v>1</v>
      </c>
      <c r="C122" s="6">
        <v>1</v>
      </c>
      <c r="D122" s="5">
        <v>2</v>
      </c>
    </row>
    <row r="123" spans="1:4" ht="18" customHeight="1" x14ac:dyDescent="0.15">
      <c r="A123" s="8">
        <v>97</v>
      </c>
      <c r="B123" s="21">
        <v>1</v>
      </c>
      <c r="C123" s="6">
        <v>0</v>
      </c>
      <c r="D123" s="5">
        <v>1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6</v>
      </c>
      <c r="C126" s="6">
        <v>7</v>
      </c>
      <c r="D126" s="5">
        <v>13</v>
      </c>
    </row>
    <row r="127" spans="1:4" ht="18" customHeight="1" x14ac:dyDescent="0.15">
      <c r="A127" s="8">
        <v>100</v>
      </c>
      <c r="B127" s="21">
        <v>1</v>
      </c>
      <c r="C127" s="6">
        <v>1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1</v>
      </c>
      <c r="C129" s="6">
        <v>1</v>
      </c>
      <c r="D129" s="5">
        <v>2</v>
      </c>
    </row>
    <row r="130" spans="1:4" ht="18" customHeight="1" x14ac:dyDescent="0.15">
      <c r="A130" s="8" t="s">
        <v>1</v>
      </c>
      <c r="B130" s="21">
        <v>472</v>
      </c>
      <c r="C130" s="6">
        <v>575</v>
      </c>
      <c r="D130" s="5">
        <v>1047</v>
      </c>
    </row>
    <row r="131" spans="1:4" ht="18" customHeight="1" x14ac:dyDescent="0.15">
      <c r="A131" s="4" t="s">
        <v>0</v>
      </c>
      <c r="B131" s="20">
        <v>1805</v>
      </c>
      <c r="C131" s="2">
        <v>1822</v>
      </c>
      <c r="D131" s="1">
        <v>362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E3FF16-96DE-44AB-B501-860717AE8824}">
  <sheetPr codeName="Sheet8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9</v>
      </c>
      <c r="C5" s="31">
        <v>11</v>
      </c>
      <c r="D5" s="30">
        <v>20</v>
      </c>
    </row>
    <row r="6" spans="1:4" ht="18" customHeight="1" x14ac:dyDescent="0.15">
      <c r="A6" s="8">
        <v>1</v>
      </c>
      <c r="B6" s="26">
        <v>4</v>
      </c>
      <c r="C6" s="6">
        <v>7</v>
      </c>
      <c r="D6" s="5">
        <v>11</v>
      </c>
    </row>
    <row r="7" spans="1:4" ht="18" customHeight="1" x14ac:dyDescent="0.15">
      <c r="A7" s="8">
        <v>2</v>
      </c>
      <c r="B7" s="26">
        <v>8</v>
      </c>
      <c r="C7" s="6">
        <v>7</v>
      </c>
      <c r="D7" s="5">
        <v>15</v>
      </c>
    </row>
    <row r="8" spans="1:4" ht="18" customHeight="1" x14ac:dyDescent="0.15">
      <c r="A8" s="8">
        <v>3</v>
      </c>
      <c r="B8" s="26">
        <v>8</v>
      </c>
      <c r="C8" s="6">
        <v>16</v>
      </c>
      <c r="D8" s="5">
        <v>24</v>
      </c>
    </row>
    <row r="9" spans="1:4" ht="18" customHeight="1" x14ac:dyDescent="0.15">
      <c r="A9" s="8">
        <v>4</v>
      </c>
      <c r="B9" s="29">
        <v>10</v>
      </c>
      <c r="C9" s="28">
        <v>9</v>
      </c>
      <c r="D9" s="27">
        <v>19</v>
      </c>
    </row>
    <row r="10" spans="1:4" ht="18" customHeight="1" x14ac:dyDescent="0.15">
      <c r="A10" s="8" t="s">
        <v>25</v>
      </c>
      <c r="B10" s="21">
        <v>39</v>
      </c>
      <c r="C10" s="6">
        <v>50</v>
      </c>
      <c r="D10" s="5">
        <v>89</v>
      </c>
    </row>
    <row r="11" spans="1:4" ht="18" customHeight="1" x14ac:dyDescent="0.15">
      <c r="A11" s="8">
        <v>5</v>
      </c>
      <c r="B11" s="26">
        <v>11</v>
      </c>
      <c r="C11" s="6">
        <v>14</v>
      </c>
      <c r="D11" s="5">
        <v>25</v>
      </c>
    </row>
    <row r="12" spans="1:4" ht="18" customHeight="1" x14ac:dyDescent="0.15">
      <c r="A12" s="8">
        <v>6</v>
      </c>
      <c r="B12" s="26">
        <v>11</v>
      </c>
      <c r="C12" s="6">
        <v>7</v>
      </c>
      <c r="D12" s="5">
        <v>18</v>
      </c>
    </row>
    <row r="13" spans="1:4" ht="18" customHeight="1" x14ac:dyDescent="0.15">
      <c r="A13" s="8">
        <v>7</v>
      </c>
      <c r="B13" s="26">
        <v>11</v>
      </c>
      <c r="C13" s="6">
        <v>11</v>
      </c>
      <c r="D13" s="5">
        <v>22</v>
      </c>
    </row>
    <row r="14" spans="1:4" ht="18" customHeight="1" x14ac:dyDescent="0.15">
      <c r="A14" s="8">
        <v>8</v>
      </c>
      <c r="B14" s="26">
        <v>10</v>
      </c>
      <c r="C14" s="6">
        <v>13</v>
      </c>
      <c r="D14" s="5">
        <v>23</v>
      </c>
    </row>
    <row r="15" spans="1:4" ht="18" customHeight="1" x14ac:dyDescent="0.15">
      <c r="A15" s="8">
        <v>9</v>
      </c>
      <c r="B15" s="26">
        <v>13</v>
      </c>
      <c r="C15" s="6">
        <v>19</v>
      </c>
      <c r="D15" s="5">
        <v>32</v>
      </c>
    </row>
    <row r="16" spans="1:4" ht="18" customHeight="1" x14ac:dyDescent="0.15">
      <c r="A16" s="8" t="s">
        <v>24</v>
      </c>
      <c r="B16" s="21">
        <v>56</v>
      </c>
      <c r="C16" s="6">
        <v>64</v>
      </c>
      <c r="D16" s="5">
        <v>120</v>
      </c>
    </row>
    <row r="17" spans="1:4" ht="18" customHeight="1" x14ac:dyDescent="0.15">
      <c r="A17" s="8">
        <v>10</v>
      </c>
      <c r="B17" s="21">
        <v>20</v>
      </c>
      <c r="C17" s="6">
        <v>8</v>
      </c>
      <c r="D17" s="5">
        <v>28</v>
      </c>
    </row>
    <row r="18" spans="1:4" ht="18" customHeight="1" x14ac:dyDescent="0.15">
      <c r="A18" s="8">
        <v>11</v>
      </c>
      <c r="B18" s="21">
        <v>13</v>
      </c>
      <c r="C18" s="6">
        <v>14</v>
      </c>
      <c r="D18" s="5">
        <v>27</v>
      </c>
    </row>
    <row r="19" spans="1:4" ht="18" customHeight="1" x14ac:dyDescent="0.15">
      <c r="A19" s="8">
        <v>12</v>
      </c>
      <c r="B19" s="21">
        <v>17</v>
      </c>
      <c r="C19" s="6">
        <v>19</v>
      </c>
      <c r="D19" s="5">
        <v>36</v>
      </c>
    </row>
    <row r="20" spans="1:4" ht="18" customHeight="1" x14ac:dyDescent="0.15">
      <c r="A20" s="8">
        <v>13</v>
      </c>
      <c r="B20" s="21">
        <v>15</v>
      </c>
      <c r="C20" s="6">
        <v>21</v>
      </c>
      <c r="D20" s="5">
        <v>36</v>
      </c>
    </row>
    <row r="21" spans="1:4" ht="18" customHeight="1" x14ac:dyDescent="0.15">
      <c r="A21" s="8">
        <v>14</v>
      </c>
      <c r="B21" s="21">
        <v>21</v>
      </c>
      <c r="C21" s="6">
        <v>12</v>
      </c>
      <c r="D21" s="5">
        <v>33</v>
      </c>
    </row>
    <row r="22" spans="1:4" ht="18" customHeight="1" x14ac:dyDescent="0.15">
      <c r="A22" s="8" t="s">
        <v>23</v>
      </c>
      <c r="B22" s="21">
        <v>86</v>
      </c>
      <c r="C22" s="6">
        <v>74</v>
      </c>
      <c r="D22" s="5">
        <v>160</v>
      </c>
    </row>
    <row r="23" spans="1:4" ht="18" customHeight="1" x14ac:dyDescent="0.15">
      <c r="A23" s="8" t="s">
        <v>22</v>
      </c>
      <c r="B23" s="21">
        <v>181</v>
      </c>
      <c r="C23" s="6">
        <v>188</v>
      </c>
      <c r="D23" s="5">
        <v>369</v>
      </c>
    </row>
    <row r="24" spans="1:4" ht="18" customHeight="1" x14ac:dyDescent="0.15">
      <c r="A24" s="8">
        <v>15</v>
      </c>
      <c r="B24" s="21">
        <v>15</v>
      </c>
      <c r="C24" s="6">
        <v>23</v>
      </c>
      <c r="D24" s="5">
        <v>38</v>
      </c>
    </row>
    <row r="25" spans="1:4" ht="18" customHeight="1" x14ac:dyDescent="0.15">
      <c r="A25" s="8">
        <v>16</v>
      </c>
      <c r="B25" s="21">
        <v>22</v>
      </c>
      <c r="C25" s="6">
        <v>15</v>
      </c>
      <c r="D25" s="5">
        <v>37</v>
      </c>
    </row>
    <row r="26" spans="1:4" ht="18" customHeight="1" x14ac:dyDescent="0.15">
      <c r="A26" s="8">
        <v>17</v>
      </c>
      <c r="B26" s="21">
        <v>23</v>
      </c>
      <c r="C26" s="6">
        <v>12</v>
      </c>
      <c r="D26" s="5">
        <v>35</v>
      </c>
    </row>
    <row r="27" spans="1:4" ht="18" customHeight="1" x14ac:dyDescent="0.15">
      <c r="A27" s="8">
        <v>18</v>
      </c>
      <c r="B27" s="21">
        <v>16</v>
      </c>
      <c r="C27" s="6">
        <v>16</v>
      </c>
      <c r="D27" s="5">
        <v>32</v>
      </c>
    </row>
    <row r="28" spans="1:4" ht="18" customHeight="1" x14ac:dyDescent="0.15">
      <c r="A28" s="8">
        <v>19</v>
      </c>
      <c r="B28" s="21">
        <v>17</v>
      </c>
      <c r="C28" s="6">
        <v>13</v>
      </c>
      <c r="D28" s="5">
        <v>30</v>
      </c>
    </row>
    <row r="29" spans="1:4" ht="18" customHeight="1" x14ac:dyDescent="0.15">
      <c r="A29" s="8" t="s">
        <v>21</v>
      </c>
      <c r="B29" s="21">
        <v>93</v>
      </c>
      <c r="C29" s="6">
        <v>79</v>
      </c>
      <c r="D29" s="5">
        <v>172</v>
      </c>
    </row>
    <row r="30" spans="1:4" ht="18" customHeight="1" x14ac:dyDescent="0.15">
      <c r="A30" s="8">
        <v>20</v>
      </c>
      <c r="B30" s="21">
        <v>20</v>
      </c>
      <c r="C30" s="6">
        <v>15</v>
      </c>
      <c r="D30" s="5">
        <v>35</v>
      </c>
    </row>
    <row r="31" spans="1:4" ht="18" customHeight="1" x14ac:dyDescent="0.15">
      <c r="A31" s="8">
        <v>21</v>
      </c>
      <c r="B31" s="21">
        <v>30</v>
      </c>
      <c r="C31" s="6">
        <v>12</v>
      </c>
      <c r="D31" s="5">
        <v>42</v>
      </c>
    </row>
    <row r="32" spans="1:4" ht="18" customHeight="1" x14ac:dyDescent="0.15">
      <c r="A32" s="8">
        <v>22</v>
      </c>
      <c r="B32" s="21">
        <v>14</v>
      </c>
      <c r="C32" s="6">
        <v>8</v>
      </c>
      <c r="D32" s="5">
        <v>22</v>
      </c>
    </row>
    <row r="33" spans="1:4" ht="18" customHeight="1" x14ac:dyDescent="0.15">
      <c r="A33" s="8">
        <v>23</v>
      </c>
      <c r="B33" s="21">
        <v>10</v>
      </c>
      <c r="C33" s="6">
        <v>12</v>
      </c>
      <c r="D33" s="5">
        <v>22</v>
      </c>
    </row>
    <row r="34" spans="1:4" ht="18" customHeight="1" x14ac:dyDescent="0.15">
      <c r="A34" s="8">
        <v>24</v>
      </c>
      <c r="B34" s="21">
        <v>11</v>
      </c>
      <c r="C34" s="6">
        <v>18</v>
      </c>
      <c r="D34" s="5">
        <v>29</v>
      </c>
    </row>
    <row r="35" spans="1:4" ht="18" customHeight="1" x14ac:dyDescent="0.15">
      <c r="A35" s="8" t="s">
        <v>20</v>
      </c>
      <c r="B35" s="21">
        <v>85</v>
      </c>
      <c r="C35" s="6">
        <v>65</v>
      </c>
      <c r="D35" s="5">
        <v>150</v>
      </c>
    </row>
    <row r="36" spans="1:4" ht="18" customHeight="1" x14ac:dyDescent="0.15">
      <c r="A36" s="8">
        <v>25</v>
      </c>
      <c r="B36" s="21">
        <v>22</v>
      </c>
      <c r="C36" s="6">
        <v>15</v>
      </c>
      <c r="D36" s="5">
        <v>37</v>
      </c>
    </row>
    <row r="37" spans="1:4" ht="18" customHeight="1" x14ac:dyDescent="0.15">
      <c r="A37" s="8">
        <v>26</v>
      </c>
      <c r="B37" s="21">
        <v>8</v>
      </c>
      <c r="C37" s="6">
        <v>11</v>
      </c>
      <c r="D37" s="5">
        <v>19</v>
      </c>
    </row>
    <row r="38" spans="1:4" ht="18" customHeight="1" x14ac:dyDescent="0.15">
      <c r="A38" s="8">
        <v>27</v>
      </c>
      <c r="B38" s="21">
        <v>12</v>
      </c>
      <c r="C38" s="6">
        <v>14</v>
      </c>
      <c r="D38" s="5">
        <v>26</v>
      </c>
    </row>
    <row r="39" spans="1:4" ht="18" customHeight="1" x14ac:dyDescent="0.15">
      <c r="A39" s="8">
        <v>28</v>
      </c>
      <c r="B39" s="21">
        <v>19</v>
      </c>
      <c r="C39" s="6">
        <v>20</v>
      </c>
      <c r="D39" s="5">
        <v>39</v>
      </c>
    </row>
    <row r="40" spans="1:4" ht="18" customHeight="1" x14ac:dyDescent="0.15">
      <c r="A40" s="8">
        <v>29</v>
      </c>
      <c r="B40" s="21">
        <v>13</v>
      </c>
      <c r="C40" s="6">
        <v>15</v>
      </c>
      <c r="D40" s="5">
        <v>28</v>
      </c>
    </row>
    <row r="41" spans="1:4" ht="18" customHeight="1" x14ac:dyDescent="0.15">
      <c r="A41" s="8" t="s">
        <v>19</v>
      </c>
      <c r="B41" s="21">
        <v>74</v>
      </c>
      <c r="C41" s="6">
        <v>75</v>
      </c>
      <c r="D41" s="5">
        <v>149</v>
      </c>
    </row>
    <row r="42" spans="1:4" ht="18" customHeight="1" x14ac:dyDescent="0.15">
      <c r="A42" s="8">
        <v>30</v>
      </c>
      <c r="B42" s="21">
        <v>15</v>
      </c>
      <c r="C42" s="6">
        <v>10</v>
      </c>
      <c r="D42" s="5">
        <v>25</v>
      </c>
    </row>
    <row r="43" spans="1:4" ht="18" customHeight="1" x14ac:dyDescent="0.15">
      <c r="A43" s="8">
        <v>31</v>
      </c>
      <c r="B43" s="21">
        <v>18</v>
      </c>
      <c r="C43" s="6">
        <v>18</v>
      </c>
      <c r="D43" s="5">
        <v>36</v>
      </c>
    </row>
    <row r="44" spans="1:4" ht="18" customHeight="1" x14ac:dyDescent="0.15">
      <c r="A44" s="8">
        <v>32</v>
      </c>
      <c r="B44" s="21">
        <v>16</v>
      </c>
      <c r="C44" s="6">
        <v>11</v>
      </c>
      <c r="D44" s="5">
        <v>27</v>
      </c>
    </row>
    <row r="45" spans="1:4" ht="18" customHeight="1" x14ac:dyDescent="0.15">
      <c r="A45" s="8">
        <v>33</v>
      </c>
      <c r="B45" s="21">
        <v>17</v>
      </c>
      <c r="C45" s="6">
        <v>15</v>
      </c>
      <c r="D45" s="5">
        <v>32</v>
      </c>
    </row>
    <row r="46" spans="1:4" ht="18" customHeight="1" x14ac:dyDescent="0.15">
      <c r="A46" s="8">
        <v>34</v>
      </c>
      <c r="B46" s="21">
        <v>12</v>
      </c>
      <c r="C46" s="6">
        <v>13</v>
      </c>
      <c r="D46" s="5">
        <v>25</v>
      </c>
    </row>
    <row r="47" spans="1:4" ht="18" customHeight="1" x14ac:dyDescent="0.15">
      <c r="A47" s="8" t="s">
        <v>18</v>
      </c>
      <c r="B47" s="21">
        <v>78</v>
      </c>
      <c r="C47" s="6">
        <v>67</v>
      </c>
      <c r="D47" s="5">
        <v>145</v>
      </c>
    </row>
    <row r="48" spans="1:4" ht="18" customHeight="1" x14ac:dyDescent="0.15">
      <c r="A48" s="8">
        <v>35</v>
      </c>
      <c r="B48" s="21">
        <v>17</v>
      </c>
      <c r="C48" s="6">
        <v>17</v>
      </c>
      <c r="D48" s="5">
        <v>34</v>
      </c>
    </row>
    <row r="49" spans="1:4" ht="18" customHeight="1" x14ac:dyDescent="0.15">
      <c r="A49" s="8">
        <v>36</v>
      </c>
      <c r="B49" s="21">
        <v>14</v>
      </c>
      <c r="C49" s="6">
        <v>14</v>
      </c>
      <c r="D49" s="5">
        <v>28</v>
      </c>
    </row>
    <row r="50" spans="1:4" ht="18" customHeight="1" x14ac:dyDescent="0.15">
      <c r="A50" s="8">
        <v>37</v>
      </c>
      <c r="B50" s="21">
        <v>17</v>
      </c>
      <c r="C50" s="6">
        <v>19</v>
      </c>
      <c r="D50" s="5">
        <v>36</v>
      </c>
    </row>
    <row r="51" spans="1:4" ht="18" customHeight="1" x14ac:dyDescent="0.15">
      <c r="A51" s="8">
        <v>38</v>
      </c>
      <c r="B51" s="21">
        <v>21</v>
      </c>
      <c r="C51" s="6">
        <v>20</v>
      </c>
      <c r="D51" s="5">
        <v>41</v>
      </c>
    </row>
    <row r="52" spans="1:4" ht="18" customHeight="1" x14ac:dyDescent="0.15">
      <c r="A52" s="8">
        <v>39</v>
      </c>
      <c r="B52" s="21">
        <v>24</v>
      </c>
      <c r="C52" s="6">
        <v>23</v>
      </c>
      <c r="D52" s="5">
        <v>47</v>
      </c>
    </row>
    <row r="53" spans="1:4" ht="18" customHeight="1" x14ac:dyDescent="0.15">
      <c r="A53" s="8" t="s">
        <v>17</v>
      </c>
      <c r="B53" s="21">
        <v>93</v>
      </c>
      <c r="C53" s="6">
        <v>93</v>
      </c>
      <c r="D53" s="5">
        <v>186</v>
      </c>
    </row>
    <row r="54" spans="1:4" ht="18" customHeight="1" x14ac:dyDescent="0.15">
      <c r="A54" s="8">
        <v>40</v>
      </c>
      <c r="B54" s="21">
        <v>19</v>
      </c>
      <c r="C54" s="6">
        <v>19</v>
      </c>
      <c r="D54" s="5">
        <v>38</v>
      </c>
    </row>
    <row r="55" spans="1:4" ht="18" customHeight="1" x14ac:dyDescent="0.15">
      <c r="A55" s="8">
        <v>41</v>
      </c>
      <c r="B55" s="21">
        <v>16</v>
      </c>
      <c r="C55" s="6">
        <v>17</v>
      </c>
      <c r="D55" s="5">
        <v>33</v>
      </c>
    </row>
    <row r="56" spans="1:4" ht="18" customHeight="1" x14ac:dyDescent="0.15">
      <c r="A56" s="8">
        <v>42</v>
      </c>
      <c r="B56" s="21">
        <v>19</v>
      </c>
      <c r="C56" s="6">
        <v>16</v>
      </c>
      <c r="D56" s="5">
        <v>35</v>
      </c>
    </row>
    <row r="57" spans="1:4" ht="18" customHeight="1" x14ac:dyDescent="0.15">
      <c r="A57" s="8">
        <v>43</v>
      </c>
      <c r="B57" s="21">
        <v>14</v>
      </c>
      <c r="C57" s="6">
        <v>16</v>
      </c>
      <c r="D57" s="5">
        <v>30</v>
      </c>
    </row>
    <row r="58" spans="1:4" ht="18" customHeight="1" x14ac:dyDescent="0.15">
      <c r="A58" s="8">
        <v>44</v>
      </c>
      <c r="B58" s="21">
        <v>26</v>
      </c>
      <c r="C58" s="6">
        <v>19</v>
      </c>
      <c r="D58" s="5">
        <v>45</v>
      </c>
    </row>
    <row r="59" spans="1:4" ht="18" customHeight="1" x14ac:dyDescent="0.15">
      <c r="A59" s="8" t="s">
        <v>16</v>
      </c>
      <c r="B59" s="21">
        <v>94</v>
      </c>
      <c r="C59" s="6">
        <v>87</v>
      </c>
      <c r="D59" s="5">
        <v>181</v>
      </c>
    </row>
    <row r="60" spans="1:4" ht="18" customHeight="1" x14ac:dyDescent="0.15">
      <c r="A60" s="8">
        <v>45</v>
      </c>
      <c r="B60" s="21">
        <v>23</v>
      </c>
      <c r="C60" s="6">
        <v>20</v>
      </c>
      <c r="D60" s="5">
        <v>43</v>
      </c>
    </row>
    <row r="61" spans="1:4" ht="18" customHeight="1" x14ac:dyDescent="0.15">
      <c r="A61" s="8">
        <v>46</v>
      </c>
      <c r="B61" s="21">
        <v>26</v>
      </c>
      <c r="C61" s="6">
        <v>22</v>
      </c>
      <c r="D61" s="5">
        <v>48</v>
      </c>
    </row>
    <row r="62" spans="1:4" ht="18" customHeight="1" x14ac:dyDescent="0.15">
      <c r="A62" s="8">
        <v>47</v>
      </c>
      <c r="B62" s="21">
        <v>28</v>
      </c>
      <c r="C62" s="6">
        <v>23</v>
      </c>
      <c r="D62" s="5">
        <v>51</v>
      </c>
    </row>
    <row r="63" spans="1:4" ht="18" customHeight="1" x14ac:dyDescent="0.15">
      <c r="A63" s="8">
        <v>48</v>
      </c>
      <c r="B63" s="21">
        <v>23</v>
      </c>
      <c r="C63" s="6">
        <v>22</v>
      </c>
      <c r="D63" s="5">
        <v>45</v>
      </c>
    </row>
    <row r="64" spans="1:4" ht="18" customHeight="1" x14ac:dyDescent="0.15">
      <c r="A64" s="8">
        <v>49</v>
      </c>
      <c r="B64" s="21">
        <v>23</v>
      </c>
      <c r="C64" s="6">
        <v>23</v>
      </c>
      <c r="D64" s="5">
        <v>46</v>
      </c>
    </row>
    <row r="65" spans="1:4" ht="18" customHeight="1" x14ac:dyDescent="0.15">
      <c r="A65" s="8" t="s">
        <v>15</v>
      </c>
      <c r="B65" s="21">
        <v>123</v>
      </c>
      <c r="C65" s="6">
        <v>110</v>
      </c>
      <c r="D65" s="5">
        <v>233</v>
      </c>
    </row>
    <row r="66" spans="1:4" ht="18" customHeight="1" x14ac:dyDescent="0.15">
      <c r="A66" s="8">
        <v>50</v>
      </c>
      <c r="B66" s="21">
        <v>23</v>
      </c>
      <c r="C66" s="6">
        <v>30</v>
      </c>
      <c r="D66" s="5">
        <v>53</v>
      </c>
    </row>
    <row r="67" spans="1:4" ht="18" customHeight="1" x14ac:dyDescent="0.15">
      <c r="A67" s="8">
        <v>51</v>
      </c>
      <c r="B67" s="21">
        <v>31</v>
      </c>
      <c r="C67" s="6">
        <v>41</v>
      </c>
      <c r="D67" s="5">
        <v>72</v>
      </c>
    </row>
    <row r="68" spans="1:4" ht="18" customHeight="1" x14ac:dyDescent="0.15">
      <c r="A68" s="8">
        <v>52</v>
      </c>
      <c r="B68" s="21">
        <v>15</v>
      </c>
      <c r="C68" s="6">
        <v>25</v>
      </c>
      <c r="D68" s="5">
        <v>40</v>
      </c>
    </row>
    <row r="69" spans="1:4" ht="18" customHeight="1" x14ac:dyDescent="0.15">
      <c r="A69" s="8">
        <v>53</v>
      </c>
      <c r="B69" s="21">
        <v>35</v>
      </c>
      <c r="C69" s="6">
        <v>21</v>
      </c>
      <c r="D69" s="5">
        <v>56</v>
      </c>
    </row>
    <row r="70" spans="1:4" ht="18" customHeight="1" x14ac:dyDescent="0.15">
      <c r="A70" s="8">
        <v>54</v>
      </c>
      <c r="B70" s="21">
        <v>24</v>
      </c>
      <c r="C70" s="6">
        <v>27</v>
      </c>
      <c r="D70" s="5">
        <v>51</v>
      </c>
    </row>
    <row r="71" spans="1:4" ht="18" customHeight="1" x14ac:dyDescent="0.15">
      <c r="A71" s="8" t="s">
        <v>14</v>
      </c>
      <c r="B71" s="21">
        <v>128</v>
      </c>
      <c r="C71" s="6">
        <v>144</v>
      </c>
      <c r="D71" s="5">
        <v>272</v>
      </c>
    </row>
    <row r="72" spans="1:4" ht="18" customHeight="1" x14ac:dyDescent="0.15">
      <c r="A72" s="8">
        <v>55</v>
      </c>
      <c r="B72" s="21">
        <v>27</v>
      </c>
      <c r="C72" s="6">
        <v>23</v>
      </c>
      <c r="D72" s="5">
        <v>50</v>
      </c>
    </row>
    <row r="73" spans="1:4" ht="18" customHeight="1" x14ac:dyDescent="0.15">
      <c r="A73" s="8">
        <v>56</v>
      </c>
      <c r="B73" s="21">
        <v>35</v>
      </c>
      <c r="C73" s="6">
        <v>26</v>
      </c>
      <c r="D73" s="5">
        <v>61</v>
      </c>
    </row>
    <row r="74" spans="1:4" ht="18" customHeight="1" x14ac:dyDescent="0.15">
      <c r="A74" s="8">
        <v>57</v>
      </c>
      <c r="B74" s="21">
        <v>22</v>
      </c>
      <c r="C74" s="6">
        <v>28</v>
      </c>
      <c r="D74" s="5">
        <v>50</v>
      </c>
    </row>
    <row r="75" spans="1:4" ht="18" customHeight="1" x14ac:dyDescent="0.15">
      <c r="A75" s="8">
        <v>58</v>
      </c>
      <c r="B75" s="21">
        <v>24</v>
      </c>
      <c r="C75" s="6">
        <v>28</v>
      </c>
      <c r="D75" s="5">
        <v>52</v>
      </c>
    </row>
    <row r="76" spans="1:4" ht="18" customHeight="1" x14ac:dyDescent="0.15">
      <c r="A76" s="8">
        <v>59</v>
      </c>
      <c r="B76" s="21">
        <v>31</v>
      </c>
      <c r="C76" s="6">
        <v>20</v>
      </c>
      <c r="D76" s="5">
        <v>51</v>
      </c>
    </row>
    <row r="77" spans="1:4" ht="18" customHeight="1" x14ac:dyDescent="0.15">
      <c r="A77" s="8" t="s">
        <v>13</v>
      </c>
      <c r="B77" s="21">
        <v>139</v>
      </c>
      <c r="C77" s="6">
        <v>125</v>
      </c>
      <c r="D77" s="5">
        <v>264</v>
      </c>
    </row>
    <row r="78" spans="1:4" ht="18" customHeight="1" x14ac:dyDescent="0.15">
      <c r="A78" s="8">
        <v>60</v>
      </c>
      <c r="B78" s="21">
        <v>26</v>
      </c>
      <c r="C78" s="6">
        <v>23</v>
      </c>
      <c r="D78" s="5">
        <v>49</v>
      </c>
    </row>
    <row r="79" spans="1:4" ht="18" customHeight="1" x14ac:dyDescent="0.15">
      <c r="A79" s="8">
        <v>61</v>
      </c>
      <c r="B79" s="21">
        <v>27</v>
      </c>
      <c r="C79" s="6">
        <v>21</v>
      </c>
      <c r="D79" s="5">
        <v>48</v>
      </c>
    </row>
    <row r="80" spans="1:4" ht="18" customHeight="1" x14ac:dyDescent="0.15">
      <c r="A80" s="8">
        <v>62</v>
      </c>
      <c r="B80" s="21">
        <v>24</v>
      </c>
      <c r="C80" s="6">
        <v>43</v>
      </c>
      <c r="D80" s="5">
        <v>67</v>
      </c>
    </row>
    <row r="81" spans="1:4" ht="18" customHeight="1" x14ac:dyDescent="0.15">
      <c r="A81" s="8">
        <v>63</v>
      </c>
      <c r="B81" s="21">
        <v>21</v>
      </c>
      <c r="C81" s="6">
        <v>27</v>
      </c>
      <c r="D81" s="5">
        <v>48</v>
      </c>
    </row>
    <row r="82" spans="1:4" ht="18" customHeight="1" x14ac:dyDescent="0.15">
      <c r="A82" s="8">
        <v>64</v>
      </c>
      <c r="B82" s="21">
        <v>25</v>
      </c>
      <c r="C82" s="6">
        <v>28</v>
      </c>
      <c r="D82" s="5">
        <v>53</v>
      </c>
    </row>
    <row r="83" spans="1:4" ht="18" customHeight="1" x14ac:dyDescent="0.15">
      <c r="A83" s="8" t="s">
        <v>12</v>
      </c>
      <c r="B83" s="21">
        <v>123</v>
      </c>
      <c r="C83" s="6">
        <v>142</v>
      </c>
      <c r="D83" s="5">
        <v>265</v>
      </c>
    </row>
    <row r="84" spans="1:4" ht="18" customHeight="1" x14ac:dyDescent="0.15">
      <c r="A84" s="8" t="s">
        <v>11</v>
      </c>
      <c r="B84" s="21">
        <v>1030</v>
      </c>
      <c r="C84" s="6">
        <v>987</v>
      </c>
      <c r="D84" s="5">
        <v>2017</v>
      </c>
    </row>
    <row r="85" spans="1:4" ht="18" customHeight="1" x14ac:dyDescent="0.15">
      <c r="A85" s="8">
        <v>65</v>
      </c>
      <c r="B85" s="21">
        <v>20</v>
      </c>
      <c r="C85" s="6">
        <v>16</v>
      </c>
      <c r="D85" s="5">
        <v>36</v>
      </c>
    </row>
    <row r="86" spans="1:4" ht="18" customHeight="1" x14ac:dyDescent="0.15">
      <c r="A86" s="8">
        <v>66</v>
      </c>
      <c r="B86" s="21">
        <v>30</v>
      </c>
      <c r="C86" s="6">
        <v>20</v>
      </c>
      <c r="D86" s="5">
        <v>50</v>
      </c>
    </row>
    <row r="87" spans="1:4" ht="18" customHeight="1" x14ac:dyDescent="0.15">
      <c r="A87" s="8">
        <v>67</v>
      </c>
      <c r="B87" s="21">
        <v>21</v>
      </c>
      <c r="C87" s="6">
        <v>21</v>
      </c>
      <c r="D87" s="5">
        <v>42</v>
      </c>
    </row>
    <row r="88" spans="1:4" ht="18" customHeight="1" x14ac:dyDescent="0.15">
      <c r="A88" s="8">
        <v>68</v>
      </c>
      <c r="B88" s="21">
        <v>17</v>
      </c>
      <c r="C88" s="6">
        <v>36</v>
      </c>
      <c r="D88" s="5">
        <v>53</v>
      </c>
    </row>
    <row r="89" spans="1:4" ht="18" customHeight="1" x14ac:dyDescent="0.15">
      <c r="A89" s="8">
        <v>69</v>
      </c>
      <c r="B89" s="21">
        <v>32</v>
      </c>
      <c r="C89" s="6">
        <v>25</v>
      </c>
      <c r="D89" s="5">
        <v>57</v>
      </c>
    </row>
    <row r="90" spans="1:4" ht="18" customHeight="1" x14ac:dyDescent="0.15">
      <c r="A90" s="8" t="s">
        <v>10</v>
      </c>
      <c r="B90" s="21">
        <v>120</v>
      </c>
      <c r="C90" s="6">
        <v>118</v>
      </c>
      <c r="D90" s="5">
        <v>238</v>
      </c>
    </row>
    <row r="91" spans="1:4" ht="18" customHeight="1" x14ac:dyDescent="0.15">
      <c r="A91" s="8">
        <v>70</v>
      </c>
      <c r="B91" s="21">
        <v>24</v>
      </c>
      <c r="C91" s="6">
        <v>32</v>
      </c>
      <c r="D91" s="5">
        <v>56</v>
      </c>
    </row>
    <row r="92" spans="1:4" ht="18" customHeight="1" x14ac:dyDescent="0.15">
      <c r="A92" s="8">
        <v>71</v>
      </c>
      <c r="B92" s="21">
        <v>31</v>
      </c>
      <c r="C92" s="6">
        <v>25</v>
      </c>
      <c r="D92" s="5">
        <v>56</v>
      </c>
    </row>
    <row r="93" spans="1:4" ht="18" customHeight="1" x14ac:dyDescent="0.15">
      <c r="A93" s="8">
        <v>72</v>
      </c>
      <c r="B93" s="21">
        <v>13</v>
      </c>
      <c r="C93" s="6">
        <v>34</v>
      </c>
      <c r="D93" s="5">
        <v>47</v>
      </c>
    </row>
    <row r="94" spans="1:4" ht="18" customHeight="1" x14ac:dyDescent="0.15">
      <c r="A94" s="8">
        <v>73</v>
      </c>
      <c r="B94" s="21">
        <v>35</v>
      </c>
      <c r="C94" s="6">
        <v>27</v>
      </c>
      <c r="D94" s="5">
        <v>62</v>
      </c>
    </row>
    <row r="95" spans="1:4" ht="18" customHeight="1" x14ac:dyDescent="0.15">
      <c r="A95" s="8">
        <v>74</v>
      </c>
      <c r="B95" s="21">
        <v>31</v>
      </c>
      <c r="C95" s="6">
        <v>25</v>
      </c>
      <c r="D95" s="5">
        <v>56</v>
      </c>
    </row>
    <row r="96" spans="1:4" ht="18" customHeight="1" x14ac:dyDescent="0.15">
      <c r="A96" s="8" t="s">
        <v>9</v>
      </c>
      <c r="B96" s="21">
        <v>134</v>
      </c>
      <c r="C96" s="6">
        <v>143</v>
      </c>
      <c r="D96" s="5">
        <v>277</v>
      </c>
    </row>
    <row r="97" spans="1:4" ht="18" customHeight="1" x14ac:dyDescent="0.15">
      <c r="A97" s="8">
        <v>75</v>
      </c>
      <c r="B97" s="21">
        <v>30</v>
      </c>
      <c r="C97" s="6">
        <v>32</v>
      </c>
      <c r="D97" s="5">
        <v>62</v>
      </c>
    </row>
    <row r="98" spans="1:4" ht="18" customHeight="1" x14ac:dyDescent="0.15">
      <c r="A98" s="8">
        <v>76</v>
      </c>
      <c r="B98" s="21">
        <v>28</v>
      </c>
      <c r="C98" s="6">
        <v>41</v>
      </c>
      <c r="D98" s="5">
        <v>69</v>
      </c>
    </row>
    <row r="99" spans="1:4" ht="18" customHeight="1" x14ac:dyDescent="0.15">
      <c r="A99" s="8">
        <v>77</v>
      </c>
      <c r="B99" s="21">
        <v>32</v>
      </c>
      <c r="C99" s="6">
        <v>34</v>
      </c>
      <c r="D99" s="5">
        <v>66</v>
      </c>
    </row>
    <row r="100" spans="1:4" ht="18" customHeight="1" x14ac:dyDescent="0.15">
      <c r="A100" s="8">
        <v>78</v>
      </c>
      <c r="B100" s="21">
        <v>36</v>
      </c>
      <c r="C100" s="6">
        <v>34</v>
      </c>
      <c r="D100" s="5">
        <v>70</v>
      </c>
    </row>
    <row r="101" spans="1:4" ht="18" customHeight="1" x14ac:dyDescent="0.15">
      <c r="A101" s="8">
        <v>79</v>
      </c>
      <c r="B101" s="21">
        <v>21</v>
      </c>
      <c r="C101" s="6">
        <v>17</v>
      </c>
      <c r="D101" s="5">
        <v>38</v>
      </c>
    </row>
    <row r="102" spans="1:4" ht="18" customHeight="1" x14ac:dyDescent="0.15">
      <c r="A102" s="8" t="s">
        <v>8</v>
      </c>
      <c r="B102" s="21">
        <v>147</v>
      </c>
      <c r="C102" s="6">
        <v>158</v>
      </c>
      <c r="D102" s="5">
        <v>305</v>
      </c>
    </row>
    <row r="103" spans="1:4" ht="18" customHeight="1" x14ac:dyDescent="0.15">
      <c r="A103" s="8">
        <v>80</v>
      </c>
      <c r="B103" s="21">
        <v>16</v>
      </c>
      <c r="C103" s="6">
        <v>22</v>
      </c>
      <c r="D103" s="5">
        <v>38</v>
      </c>
    </row>
    <row r="104" spans="1:4" ht="18" customHeight="1" x14ac:dyDescent="0.15">
      <c r="A104" s="8">
        <v>81</v>
      </c>
      <c r="B104" s="21">
        <v>22</v>
      </c>
      <c r="C104" s="6">
        <v>26</v>
      </c>
      <c r="D104" s="5">
        <v>48</v>
      </c>
    </row>
    <row r="105" spans="1:4" ht="18" customHeight="1" x14ac:dyDescent="0.15">
      <c r="A105" s="8">
        <v>82</v>
      </c>
      <c r="B105" s="21">
        <v>13</v>
      </c>
      <c r="C105" s="6">
        <v>24</v>
      </c>
      <c r="D105" s="5">
        <v>37</v>
      </c>
    </row>
    <row r="106" spans="1:4" ht="18" customHeight="1" x14ac:dyDescent="0.15">
      <c r="A106" s="8">
        <v>83</v>
      </c>
      <c r="B106" s="21">
        <v>13</v>
      </c>
      <c r="C106" s="6">
        <v>32</v>
      </c>
      <c r="D106" s="5">
        <v>45</v>
      </c>
    </row>
    <row r="107" spans="1:4" ht="18" customHeight="1" x14ac:dyDescent="0.15">
      <c r="A107" s="8">
        <v>84</v>
      </c>
      <c r="B107" s="21">
        <v>14</v>
      </c>
      <c r="C107" s="6">
        <v>24</v>
      </c>
      <c r="D107" s="5">
        <v>38</v>
      </c>
    </row>
    <row r="108" spans="1:4" ht="18" customHeight="1" x14ac:dyDescent="0.15">
      <c r="A108" s="8" t="s">
        <v>7</v>
      </c>
      <c r="B108" s="21">
        <v>78</v>
      </c>
      <c r="C108" s="6">
        <v>128</v>
      </c>
      <c r="D108" s="5">
        <v>206</v>
      </c>
    </row>
    <row r="109" spans="1:4" ht="18" customHeight="1" x14ac:dyDescent="0.15">
      <c r="A109" s="8">
        <v>85</v>
      </c>
      <c r="B109" s="21">
        <v>13</v>
      </c>
      <c r="C109" s="6">
        <v>13</v>
      </c>
      <c r="D109" s="5">
        <v>26</v>
      </c>
    </row>
    <row r="110" spans="1:4" ht="18" customHeight="1" x14ac:dyDescent="0.15">
      <c r="A110" s="8">
        <v>86</v>
      </c>
      <c r="B110" s="21">
        <v>13</v>
      </c>
      <c r="C110" s="6">
        <v>14</v>
      </c>
      <c r="D110" s="5">
        <v>27</v>
      </c>
    </row>
    <row r="111" spans="1:4" ht="18" customHeight="1" x14ac:dyDescent="0.15">
      <c r="A111" s="8">
        <v>87</v>
      </c>
      <c r="B111" s="21">
        <v>10</v>
      </c>
      <c r="C111" s="6">
        <v>17</v>
      </c>
      <c r="D111" s="5">
        <v>27</v>
      </c>
    </row>
    <row r="112" spans="1:4" ht="18" customHeight="1" x14ac:dyDescent="0.15">
      <c r="A112" s="8">
        <v>88</v>
      </c>
      <c r="B112" s="21">
        <v>8</v>
      </c>
      <c r="C112" s="6">
        <v>10</v>
      </c>
      <c r="D112" s="5">
        <v>18</v>
      </c>
    </row>
    <row r="113" spans="1:4" ht="18" customHeight="1" x14ac:dyDescent="0.15">
      <c r="A113" s="8">
        <v>89</v>
      </c>
      <c r="B113" s="21">
        <v>9</v>
      </c>
      <c r="C113" s="6">
        <v>14</v>
      </c>
      <c r="D113" s="5">
        <v>23</v>
      </c>
    </row>
    <row r="114" spans="1:4" ht="18" customHeight="1" x14ac:dyDescent="0.15">
      <c r="A114" s="8" t="s">
        <v>6</v>
      </c>
      <c r="B114" s="21">
        <v>53</v>
      </c>
      <c r="C114" s="6">
        <v>68</v>
      </c>
      <c r="D114" s="5">
        <v>121</v>
      </c>
    </row>
    <row r="115" spans="1:4" ht="18" customHeight="1" x14ac:dyDescent="0.15">
      <c r="A115" s="8">
        <v>90</v>
      </c>
      <c r="B115" s="21">
        <v>5</v>
      </c>
      <c r="C115" s="6">
        <v>9</v>
      </c>
      <c r="D115" s="5">
        <v>14</v>
      </c>
    </row>
    <row r="116" spans="1:4" ht="18" customHeight="1" x14ac:dyDescent="0.15">
      <c r="A116" s="8">
        <v>91</v>
      </c>
      <c r="B116" s="21">
        <v>2</v>
      </c>
      <c r="C116" s="6">
        <v>8</v>
      </c>
      <c r="D116" s="5">
        <v>10</v>
      </c>
    </row>
    <row r="117" spans="1:4" ht="18" customHeight="1" x14ac:dyDescent="0.15">
      <c r="A117" s="8">
        <v>92</v>
      </c>
      <c r="B117" s="21">
        <v>4</v>
      </c>
      <c r="C117" s="6">
        <v>16</v>
      </c>
      <c r="D117" s="5">
        <v>20</v>
      </c>
    </row>
    <row r="118" spans="1:4" ht="18" customHeight="1" x14ac:dyDescent="0.15">
      <c r="A118" s="8">
        <v>93</v>
      </c>
      <c r="B118" s="21">
        <v>1</v>
      </c>
      <c r="C118" s="6">
        <v>8</v>
      </c>
      <c r="D118" s="5">
        <v>9</v>
      </c>
    </row>
    <row r="119" spans="1:4" ht="18" customHeight="1" x14ac:dyDescent="0.15">
      <c r="A119" s="8">
        <v>94</v>
      </c>
      <c r="B119" s="21">
        <v>2</v>
      </c>
      <c r="C119" s="6">
        <v>10</v>
      </c>
      <c r="D119" s="5">
        <v>12</v>
      </c>
    </row>
    <row r="120" spans="1:4" ht="18" customHeight="1" x14ac:dyDescent="0.15">
      <c r="A120" s="8" t="s">
        <v>5</v>
      </c>
      <c r="B120" s="21">
        <v>14</v>
      </c>
      <c r="C120" s="6">
        <v>51</v>
      </c>
      <c r="D120" s="5">
        <v>65</v>
      </c>
    </row>
    <row r="121" spans="1:4" ht="18" customHeight="1" x14ac:dyDescent="0.15">
      <c r="A121" s="8">
        <v>95</v>
      </c>
      <c r="B121" s="21">
        <v>2</v>
      </c>
      <c r="C121" s="6">
        <v>5</v>
      </c>
      <c r="D121" s="5">
        <v>7</v>
      </c>
    </row>
    <row r="122" spans="1:4" ht="18" customHeight="1" x14ac:dyDescent="0.15">
      <c r="A122" s="8">
        <v>96</v>
      </c>
      <c r="B122" s="21">
        <v>4</v>
      </c>
      <c r="C122" s="6">
        <v>2</v>
      </c>
      <c r="D122" s="5">
        <v>6</v>
      </c>
    </row>
    <row r="123" spans="1:4" ht="18" customHeight="1" x14ac:dyDescent="0.15">
      <c r="A123" s="8">
        <v>97</v>
      </c>
      <c r="B123" s="21">
        <v>1</v>
      </c>
      <c r="C123" s="6">
        <v>3</v>
      </c>
      <c r="D123" s="5">
        <v>4</v>
      </c>
    </row>
    <row r="124" spans="1:4" ht="18" customHeight="1" x14ac:dyDescent="0.15">
      <c r="A124" s="8">
        <v>98</v>
      </c>
      <c r="B124" s="21">
        <v>1</v>
      </c>
      <c r="C124" s="6">
        <v>6</v>
      </c>
      <c r="D124" s="5">
        <v>7</v>
      </c>
    </row>
    <row r="125" spans="1:4" ht="18" customHeight="1" x14ac:dyDescent="0.15">
      <c r="A125" s="8">
        <v>99</v>
      </c>
      <c r="B125" s="21">
        <v>1</v>
      </c>
      <c r="C125" s="6">
        <v>0</v>
      </c>
      <c r="D125" s="5">
        <v>1</v>
      </c>
    </row>
    <row r="126" spans="1:4" ht="18" customHeight="1" x14ac:dyDescent="0.15">
      <c r="A126" s="8" t="s">
        <v>4</v>
      </c>
      <c r="B126" s="21">
        <v>9</v>
      </c>
      <c r="C126" s="6">
        <v>16</v>
      </c>
      <c r="D126" s="5">
        <v>25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555</v>
      </c>
      <c r="C130" s="6">
        <v>686</v>
      </c>
      <c r="D130" s="5">
        <v>1241</v>
      </c>
    </row>
    <row r="131" spans="1:4" ht="18" customHeight="1" x14ac:dyDescent="0.15">
      <c r="A131" s="4" t="s">
        <v>0</v>
      </c>
      <c r="B131" s="20">
        <v>1766</v>
      </c>
      <c r="C131" s="2">
        <v>1861</v>
      </c>
      <c r="D131" s="1">
        <v>362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76BA65-F160-4C02-A0C5-F29759005A00}">
  <sheetPr codeName="Sheet1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8</v>
      </c>
      <c r="C5" s="11">
        <v>5</v>
      </c>
      <c r="D5" s="10">
        <v>13</v>
      </c>
    </row>
    <row r="6" spans="1:4" ht="18" customHeight="1" x14ac:dyDescent="0.15">
      <c r="A6" s="8">
        <v>1</v>
      </c>
      <c r="B6" s="21">
        <v>5</v>
      </c>
      <c r="C6" s="6">
        <v>9</v>
      </c>
      <c r="D6" s="5">
        <v>14</v>
      </c>
    </row>
    <row r="7" spans="1:4" ht="18" customHeight="1" x14ac:dyDescent="0.15">
      <c r="A7" s="8">
        <v>2</v>
      </c>
      <c r="B7" s="21">
        <v>10</v>
      </c>
      <c r="C7" s="6">
        <v>13</v>
      </c>
      <c r="D7" s="5">
        <v>23</v>
      </c>
    </row>
    <row r="8" spans="1:4" ht="18" customHeight="1" x14ac:dyDescent="0.15">
      <c r="A8" s="8">
        <v>3</v>
      </c>
      <c r="B8" s="21">
        <v>8</v>
      </c>
      <c r="C8" s="6">
        <v>11</v>
      </c>
      <c r="D8" s="5">
        <v>19</v>
      </c>
    </row>
    <row r="9" spans="1:4" ht="18" customHeight="1" x14ac:dyDescent="0.15">
      <c r="A9" s="8">
        <v>4</v>
      </c>
      <c r="B9" s="21">
        <v>14</v>
      </c>
      <c r="C9" s="6">
        <v>7</v>
      </c>
      <c r="D9" s="5">
        <v>21</v>
      </c>
    </row>
    <row r="10" spans="1:4" ht="18" customHeight="1" x14ac:dyDescent="0.15">
      <c r="A10" s="8" t="s">
        <v>25</v>
      </c>
      <c r="B10" s="21">
        <v>45</v>
      </c>
      <c r="C10" s="6">
        <v>45</v>
      </c>
      <c r="D10" s="5">
        <v>90</v>
      </c>
    </row>
    <row r="11" spans="1:4" ht="18" customHeight="1" x14ac:dyDescent="0.15">
      <c r="A11" s="8">
        <v>5</v>
      </c>
      <c r="B11" s="21">
        <v>15</v>
      </c>
      <c r="C11" s="6">
        <v>8</v>
      </c>
      <c r="D11" s="5">
        <v>23</v>
      </c>
    </row>
    <row r="12" spans="1:4" ht="18" customHeight="1" x14ac:dyDescent="0.15">
      <c r="A12" s="8">
        <v>6</v>
      </c>
      <c r="B12" s="21">
        <v>14</v>
      </c>
      <c r="C12" s="6">
        <v>12</v>
      </c>
      <c r="D12" s="5">
        <v>26</v>
      </c>
    </row>
    <row r="13" spans="1:4" ht="18" customHeight="1" x14ac:dyDescent="0.15">
      <c r="A13" s="8">
        <v>7</v>
      </c>
      <c r="B13" s="21">
        <v>9</v>
      </c>
      <c r="C13" s="6">
        <v>9</v>
      </c>
      <c r="D13" s="5">
        <v>18</v>
      </c>
    </row>
    <row r="14" spans="1:4" ht="18" customHeight="1" x14ac:dyDescent="0.15">
      <c r="A14" s="8">
        <v>8</v>
      </c>
      <c r="B14" s="21">
        <v>18</v>
      </c>
      <c r="C14" s="6">
        <v>14</v>
      </c>
      <c r="D14" s="5">
        <v>32</v>
      </c>
    </row>
    <row r="15" spans="1:4" ht="18" customHeight="1" x14ac:dyDescent="0.15">
      <c r="A15" s="8">
        <v>9</v>
      </c>
      <c r="B15" s="21">
        <v>13</v>
      </c>
      <c r="C15" s="6">
        <v>14</v>
      </c>
      <c r="D15" s="5">
        <v>27</v>
      </c>
    </row>
    <row r="16" spans="1:4" ht="18" customHeight="1" x14ac:dyDescent="0.15">
      <c r="A16" s="8" t="s">
        <v>24</v>
      </c>
      <c r="B16" s="21">
        <v>69</v>
      </c>
      <c r="C16" s="6">
        <v>57</v>
      </c>
      <c r="D16" s="5">
        <v>126</v>
      </c>
    </row>
    <row r="17" spans="1:4" ht="18" customHeight="1" x14ac:dyDescent="0.15">
      <c r="A17" s="8">
        <v>10</v>
      </c>
      <c r="B17" s="21">
        <v>12</v>
      </c>
      <c r="C17" s="6">
        <v>16</v>
      </c>
      <c r="D17" s="5">
        <v>28</v>
      </c>
    </row>
    <row r="18" spans="1:4" ht="18" customHeight="1" x14ac:dyDescent="0.15">
      <c r="A18" s="8">
        <v>11</v>
      </c>
      <c r="B18" s="21">
        <v>20</v>
      </c>
      <c r="C18" s="6">
        <v>19</v>
      </c>
      <c r="D18" s="5">
        <v>39</v>
      </c>
    </row>
    <row r="19" spans="1:4" ht="18" customHeight="1" x14ac:dyDescent="0.15">
      <c r="A19" s="8">
        <v>12</v>
      </c>
      <c r="B19" s="21">
        <v>14</v>
      </c>
      <c r="C19" s="6">
        <v>10</v>
      </c>
      <c r="D19" s="5">
        <v>24</v>
      </c>
    </row>
    <row r="20" spans="1:4" ht="18" customHeight="1" x14ac:dyDescent="0.15">
      <c r="A20" s="8">
        <v>13</v>
      </c>
      <c r="B20" s="21">
        <v>18</v>
      </c>
      <c r="C20" s="6">
        <v>5</v>
      </c>
      <c r="D20" s="5">
        <v>23</v>
      </c>
    </row>
    <row r="21" spans="1:4" ht="18" customHeight="1" x14ac:dyDescent="0.15">
      <c r="A21" s="8">
        <v>14</v>
      </c>
      <c r="B21" s="21">
        <v>23</v>
      </c>
      <c r="C21" s="6">
        <v>16</v>
      </c>
      <c r="D21" s="5">
        <v>39</v>
      </c>
    </row>
    <row r="22" spans="1:4" ht="18" customHeight="1" x14ac:dyDescent="0.15">
      <c r="A22" s="8" t="s">
        <v>23</v>
      </c>
      <c r="B22" s="21">
        <v>87</v>
      </c>
      <c r="C22" s="6">
        <v>66</v>
      </c>
      <c r="D22" s="5">
        <v>153</v>
      </c>
    </row>
    <row r="23" spans="1:4" ht="18" customHeight="1" x14ac:dyDescent="0.15">
      <c r="A23" s="8" t="s">
        <v>22</v>
      </c>
      <c r="B23" s="21">
        <v>201</v>
      </c>
      <c r="C23" s="6">
        <v>168</v>
      </c>
      <c r="D23" s="5">
        <v>369</v>
      </c>
    </row>
    <row r="24" spans="1:4" ht="18" customHeight="1" x14ac:dyDescent="0.15">
      <c r="A24" s="8">
        <v>15</v>
      </c>
      <c r="B24" s="21">
        <v>12</v>
      </c>
      <c r="C24" s="6">
        <v>13</v>
      </c>
      <c r="D24" s="5">
        <v>25</v>
      </c>
    </row>
    <row r="25" spans="1:4" ht="18" customHeight="1" x14ac:dyDescent="0.15">
      <c r="A25" s="8">
        <v>16</v>
      </c>
      <c r="B25" s="21">
        <v>23</v>
      </c>
      <c r="C25" s="6">
        <v>10</v>
      </c>
      <c r="D25" s="5">
        <v>33</v>
      </c>
    </row>
    <row r="26" spans="1:4" ht="18" customHeight="1" x14ac:dyDescent="0.15">
      <c r="A26" s="8">
        <v>17</v>
      </c>
      <c r="B26" s="21">
        <v>19</v>
      </c>
      <c r="C26" s="6">
        <v>12</v>
      </c>
      <c r="D26" s="5">
        <v>31</v>
      </c>
    </row>
    <row r="27" spans="1:4" ht="18" customHeight="1" x14ac:dyDescent="0.15">
      <c r="A27" s="8">
        <v>18</v>
      </c>
      <c r="B27" s="21">
        <v>17</v>
      </c>
      <c r="C27" s="6">
        <v>10</v>
      </c>
      <c r="D27" s="5">
        <v>27</v>
      </c>
    </row>
    <row r="28" spans="1:4" ht="18" customHeight="1" x14ac:dyDescent="0.15">
      <c r="A28" s="8">
        <v>19</v>
      </c>
      <c r="B28" s="21">
        <v>13</v>
      </c>
      <c r="C28" s="6">
        <v>10</v>
      </c>
      <c r="D28" s="5">
        <v>23</v>
      </c>
    </row>
    <row r="29" spans="1:4" ht="18" customHeight="1" x14ac:dyDescent="0.15">
      <c r="A29" s="8" t="s">
        <v>21</v>
      </c>
      <c r="B29" s="21">
        <v>84</v>
      </c>
      <c r="C29" s="6">
        <v>55</v>
      </c>
      <c r="D29" s="5">
        <v>139</v>
      </c>
    </row>
    <row r="30" spans="1:4" ht="18" customHeight="1" x14ac:dyDescent="0.15">
      <c r="A30" s="8">
        <v>20</v>
      </c>
      <c r="B30" s="21">
        <v>9</v>
      </c>
      <c r="C30" s="6">
        <v>11</v>
      </c>
      <c r="D30" s="5">
        <v>20</v>
      </c>
    </row>
    <row r="31" spans="1:4" ht="18" customHeight="1" x14ac:dyDescent="0.15">
      <c r="A31" s="8">
        <v>21</v>
      </c>
      <c r="B31" s="21">
        <v>17</v>
      </c>
      <c r="C31" s="6">
        <v>18</v>
      </c>
      <c r="D31" s="5">
        <v>35</v>
      </c>
    </row>
    <row r="32" spans="1:4" ht="18" customHeight="1" x14ac:dyDescent="0.15">
      <c r="A32" s="8">
        <v>22</v>
      </c>
      <c r="B32" s="21">
        <v>12</v>
      </c>
      <c r="C32" s="6">
        <v>19</v>
      </c>
      <c r="D32" s="5">
        <v>31</v>
      </c>
    </row>
    <row r="33" spans="1:4" ht="18" customHeight="1" x14ac:dyDescent="0.15">
      <c r="A33" s="8">
        <v>23</v>
      </c>
      <c r="B33" s="21">
        <v>11</v>
      </c>
      <c r="C33" s="6">
        <v>16</v>
      </c>
      <c r="D33" s="5">
        <v>27</v>
      </c>
    </row>
    <row r="34" spans="1:4" ht="18" customHeight="1" x14ac:dyDescent="0.15">
      <c r="A34" s="8">
        <v>24</v>
      </c>
      <c r="B34" s="21">
        <v>14</v>
      </c>
      <c r="C34" s="6">
        <v>13</v>
      </c>
      <c r="D34" s="5">
        <v>27</v>
      </c>
    </row>
    <row r="35" spans="1:4" ht="18" customHeight="1" x14ac:dyDescent="0.15">
      <c r="A35" s="8" t="s">
        <v>20</v>
      </c>
      <c r="B35" s="21">
        <v>63</v>
      </c>
      <c r="C35" s="6">
        <v>77</v>
      </c>
      <c r="D35" s="5">
        <v>140</v>
      </c>
    </row>
    <row r="36" spans="1:4" ht="18" customHeight="1" x14ac:dyDescent="0.15">
      <c r="A36" s="8">
        <v>25</v>
      </c>
      <c r="B36" s="21">
        <v>12</v>
      </c>
      <c r="C36" s="6">
        <v>10</v>
      </c>
      <c r="D36" s="5">
        <v>22</v>
      </c>
    </row>
    <row r="37" spans="1:4" ht="18" customHeight="1" x14ac:dyDescent="0.15">
      <c r="A37" s="8">
        <v>26</v>
      </c>
      <c r="B37" s="21">
        <v>11</v>
      </c>
      <c r="C37" s="6">
        <v>12</v>
      </c>
      <c r="D37" s="5">
        <v>23</v>
      </c>
    </row>
    <row r="38" spans="1:4" ht="18" customHeight="1" x14ac:dyDescent="0.15">
      <c r="A38" s="8">
        <v>27</v>
      </c>
      <c r="B38" s="21">
        <v>18</v>
      </c>
      <c r="C38" s="6">
        <v>20</v>
      </c>
      <c r="D38" s="5">
        <v>38</v>
      </c>
    </row>
    <row r="39" spans="1:4" ht="18" customHeight="1" x14ac:dyDescent="0.15">
      <c r="A39" s="8">
        <v>28</v>
      </c>
      <c r="B39" s="21">
        <v>21</v>
      </c>
      <c r="C39" s="6">
        <v>21</v>
      </c>
      <c r="D39" s="5">
        <v>42</v>
      </c>
    </row>
    <row r="40" spans="1:4" ht="18" customHeight="1" x14ac:dyDescent="0.15">
      <c r="A40" s="8">
        <v>29</v>
      </c>
      <c r="B40" s="21">
        <v>7</v>
      </c>
      <c r="C40" s="6">
        <v>10</v>
      </c>
      <c r="D40" s="5">
        <v>17</v>
      </c>
    </row>
    <row r="41" spans="1:4" ht="18" customHeight="1" x14ac:dyDescent="0.15">
      <c r="A41" s="8" t="s">
        <v>19</v>
      </c>
      <c r="B41" s="21">
        <v>69</v>
      </c>
      <c r="C41" s="6">
        <v>73</v>
      </c>
      <c r="D41" s="5">
        <v>142</v>
      </c>
    </row>
    <row r="42" spans="1:4" ht="18" customHeight="1" x14ac:dyDescent="0.15">
      <c r="A42" s="8">
        <v>30</v>
      </c>
      <c r="B42" s="21">
        <v>25</v>
      </c>
      <c r="C42" s="6">
        <v>14</v>
      </c>
      <c r="D42" s="5">
        <v>39</v>
      </c>
    </row>
    <row r="43" spans="1:4" ht="18" customHeight="1" x14ac:dyDescent="0.15">
      <c r="A43" s="8">
        <v>31</v>
      </c>
      <c r="B43" s="21">
        <v>17</v>
      </c>
      <c r="C43" s="6">
        <v>9</v>
      </c>
      <c r="D43" s="5">
        <v>26</v>
      </c>
    </row>
    <row r="44" spans="1:4" ht="18" customHeight="1" x14ac:dyDescent="0.15">
      <c r="A44" s="8">
        <v>32</v>
      </c>
      <c r="B44" s="21">
        <v>18</v>
      </c>
      <c r="C44" s="6">
        <v>13</v>
      </c>
      <c r="D44" s="5">
        <v>31</v>
      </c>
    </row>
    <row r="45" spans="1:4" ht="18" customHeight="1" x14ac:dyDescent="0.15">
      <c r="A45" s="8">
        <v>33</v>
      </c>
      <c r="B45" s="21">
        <v>14</v>
      </c>
      <c r="C45" s="6">
        <v>19</v>
      </c>
      <c r="D45" s="5">
        <v>33</v>
      </c>
    </row>
    <row r="46" spans="1:4" ht="18" customHeight="1" x14ac:dyDescent="0.15">
      <c r="A46" s="8">
        <v>34</v>
      </c>
      <c r="B46" s="21">
        <v>15</v>
      </c>
      <c r="C46" s="6">
        <v>10</v>
      </c>
      <c r="D46" s="5">
        <v>25</v>
      </c>
    </row>
    <row r="47" spans="1:4" ht="18" customHeight="1" x14ac:dyDescent="0.15">
      <c r="A47" s="8" t="s">
        <v>18</v>
      </c>
      <c r="B47" s="21">
        <v>89</v>
      </c>
      <c r="C47" s="6">
        <v>65</v>
      </c>
      <c r="D47" s="5">
        <v>154</v>
      </c>
    </row>
    <row r="48" spans="1:4" ht="18" customHeight="1" x14ac:dyDescent="0.15">
      <c r="A48" s="8">
        <v>35</v>
      </c>
      <c r="B48" s="21">
        <v>18</v>
      </c>
      <c r="C48" s="6">
        <v>17</v>
      </c>
      <c r="D48" s="5">
        <v>35</v>
      </c>
    </row>
    <row r="49" spans="1:4" ht="18" customHeight="1" x14ac:dyDescent="0.15">
      <c r="A49" s="8">
        <v>36</v>
      </c>
      <c r="B49" s="21">
        <v>28</v>
      </c>
      <c r="C49" s="6">
        <v>20</v>
      </c>
      <c r="D49" s="5">
        <v>48</v>
      </c>
    </row>
    <row r="50" spans="1:4" ht="18" customHeight="1" x14ac:dyDescent="0.15">
      <c r="A50" s="8">
        <v>37</v>
      </c>
      <c r="B50" s="21">
        <v>24</v>
      </c>
      <c r="C50" s="6">
        <v>29</v>
      </c>
      <c r="D50" s="5">
        <v>53</v>
      </c>
    </row>
    <row r="51" spans="1:4" ht="18" customHeight="1" x14ac:dyDescent="0.15">
      <c r="A51" s="8">
        <v>38</v>
      </c>
      <c r="B51" s="21">
        <v>23</v>
      </c>
      <c r="C51" s="6">
        <v>11</v>
      </c>
      <c r="D51" s="5">
        <v>34</v>
      </c>
    </row>
    <row r="52" spans="1:4" ht="18" customHeight="1" x14ac:dyDescent="0.15">
      <c r="A52" s="8">
        <v>39</v>
      </c>
      <c r="B52" s="21">
        <v>31</v>
      </c>
      <c r="C52" s="6">
        <v>15</v>
      </c>
      <c r="D52" s="5">
        <v>46</v>
      </c>
    </row>
    <row r="53" spans="1:4" ht="18" customHeight="1" x14ac:dyDescent="0.15">
      <c r="A53" s="8" t="s">
        <v>17</v>
      </c>
      <c r="B53" s="21">
        <v>124</v>
      </c>
      <c r="C53" s="6">
        <v>92</v>
      </c>
      <c r="D53" s="5">
        <v>216</v>
      </c>
    </row>
    <row r="54" spans="1:4" ht="18" customHeight="1" x14ac:dyDescent="0.15">
      <c r="A54" s="8">
        <v>40</v>
      </c>
      <c r="B54" s="21">
        <v>31</v>
      </c>
      <c r="C54" s="6">
        <v>16</v>
      </c>
      <c r="D54" s="5">
        <v>47</v>
      </c>
    </row>
    <row r="55" spans="1:4" ht="18" customHeight="1" x14ac:dyDescent="0.15">
      <c r="A55" s="8">
        <v>41</v>
      </c>
      <c r="B55" s="21">
        <v>20</v>
      </c>
      <c r="C55" s="6">
        <v>22</v>
      </c>
      <c r="D55" s="5">
        <v>42</v>
      </c>
    </row>
    <row r="56" spans="1:4" ht="18" customHeight="1" x14ac:dyDescent="0.15">
      <c r="A56" s="8">
        <v>42</v>
      </c>
      <c r="B56" s="21">
        <v>22</v>
      </c>
      <c r="C56" s="6">
        <v>17</v>
      </c>
      <c r="D56" s="5">
        <v>39</v>
      </c>
    </row>
    <row r="57" spans="1:4" ht="18" customHeight="1" x14ac:dyDescent="0.15">
      <c r="A57" s="8">
        <v>43</v>
      </c>
      <c r="B57" s="21">
        <v>41</v>
      </c>
      <c r="C57" s="6">
        <v>27</v>
      </c>
      <c r="D57" s="5">
        <v>68</v>
      </c>
    </row>
    <row r="58" spans="1:4" ht="18" customHeight="1" x14ac:dyDescent="0.15">
      <c r="A58" s="8">
        <v>44</v>
      </c>
      <c r="B58" s="21">
        <v>22</v>
      </c>
      <c r="C58" s="6">
        <v>35</v>
      </c>
      <c r="D58" s="5">
        <v>57</v>
      </c>
    </row>
    <row r="59" spans="1:4" ht="18" customHeight="1" x14ac:dyDescent="0.15">
      <c r="A59" s="8" t="s">
        <v>16</v>
      </c>
      <c r="B59" s="21">
        <v>136</v>
      </c>
      <c r="C59" s="6">
        <v>117</v>
      </c>
      <c r="D59" s="5">
        <v>253</v>
      </c>
    </row>
    <row r="60" spans="1:4" ht="18" customHeight="1" x14ac:dyDescent="0.15">
      <c r="A60" s="8">
        <v>45</v>
      </c>
      <c r="B60" s="21">
        <v>30</v>
      </c>
      <c r="C60" s="6">
        <v>23</v>
      </c>
      <c r="D60" s="5">
        <v>53</v>
      </c>
    </row>
    <row r="61" spans="1:4" ht="18" customHeight="1" x14ac:dyDescent="0.15">
      <c r="A61" s="8">
        <v>46</v>
      </c>
      <c r="B61" s="21">
        <v>23</v>
      </c>
      <c r="C61" s="6">
        <v>24</v>
      </c>
      <c r="D61" s="5">
        <v>47</v>
      </c>
    </row>
    <row r="62" spans="1:4" ht="18" customHeight="1" x14ac:dyDescent="0.15">
      <c r="A62" s="8">
        <v>47</v>
      </c>
      <c r="B62" s="21">
        <v>21</v>
      </c>
      <c r="C62" s="6">
        <v>28</v>
      </c>
      <c r="D62" s="5">
        <v>49</v>
      </c>
    </row>
    <row r="63" spans="1:4" ht="18" customHeight="1" x14ac:dyDescent="0.15">
      <c r="A63" s="8">
        <v>48</v>
      </c>
      <c r="B63" s="21">
        <v>24</v>
      </c>
      <c r="C63" s="6">
        <v>26</v>
      </c>
      <c r="D63" s="5">
        <v>50</v>
      </c>
    </row>
    <row r="64" spans="1:4" ht="18" customHeight="1" x14ac:dyDescent="0.15">
      <c r="A64" s="8">
        <v>49</v>
      </c>
      <c r="B64" s="21">
        <v>30</v>
      </c>
      <c r="C64" s="6">
        <v>26</v>
      </c>
      <c r="D64" s="5">
        <v>56</v>
      </c>
    </row>
    <row r="65" spans="1:4" ht="18" customHeight="1" x14ac:dyDescent="0.15">
      <c r="A65" s="8" t="s">
        <v>15</v>
      </c>
      <c r="B65" s="21">
        <v>128</v>
      </c>
      <c r="C65" s="6">
        <v>127</v>
      </c>
      <c r="D65" s="5">
        <v>255</v>
      </c>
    </row>
    <row r="66" spans="1:4" ht="18" customHeight="1" x14ac:dyDescent="0.15">
      <c r="A66" s="8">
        <v>50</v>
      </c>
      <c r="B66" s="21">
        <v>33</v>
      </c>
      <c r="C66" s="6">
        <v>31</v>
      </c>
      <c r="D66" s="5">
        <v>64</v>
      </c>
    </row>
    <row r="67" spans="1:4" ht="18" customHeight="1" x14ac:dyDescent="0.15">
      <c r="A67" s="8">
        <v>51</v>
      </c>
      <c r="B67" s="21">
        <v>27</v>
      </c>
      <c r="C67" s="6">
        <v>38</v>
      </c>
      <c r="D67" s="5">
        <v>65</v>
      </c>
    </row>
    <row r="68" spans="1:4" ht="18" customHeight="1" x14ac:dyDescent="0.15">
      <c r="A68" s="8">
        <v>52</v>
      </c>
      <c r="B68" s="21">
        <v>32</v>
      </c>
      <c r="C68" s="6">
        <v>31</v>
      </c>
      <c r="D68" s="5">
        <v>63</v>
      </c>
    </row>
    <row r="69" spans="1:4" ht="18" customHeight="1" x14ac:dyDescent="0.15">
      <c r="A69" s="8">
        <v>53</v>
      </c>
      <c r="B69" s="21">
        <v>28</v>
      </c>
      <c r="C69" s="6">
        <v>25</v>
      </c>
      <c r="D69" s="5">
        <v>53</v>
      </c>
    </row>
    <row r="70" spans="1:4" ht="18" customHeight="1" x14ac:dyDescent="0.15">
      <c r="A70" s="8">
        <v>54</v>
      </c>
      <c r="B70" s="21">
        <v>26</v>
      </c>
      <c r="C70" s="6">
        <v>29</v>
      </c>
      <c r="D70" s="5">
        <v>55</v>
      </c>
    </row>
    <row r="71" spans="1:4" ht="18" customHeight="1" x14ac:dyDescent="0.15">
      <c r="A71" s="8" t="s">
        <v>14</v>
      </c>
      <c r="B71" s="21">
        <v>146</v>
      </c>
      <c r="C71" s="6">
        <v>154</v>
      </c>
      <c r="D71" s="5">
        <v>300</v>
      </c>
    </row>
    <row r="72" spans="1:4" ht="18" customHeight="1" x14ac:dyDescent="0.15">
      <c r="A72" s="8">
        <v>55</v>
      </c>
      <c r="B72" s="21">
        <v>26</v>
      </c>
      <c r="C72" s="6">
        <v>33</v>
      </c>
      <c r="D72" s="5">
        <v>59</v>
      </c>
    </row>
    <row r="73" spans="1:4" ht="18" customHeight="1" x14ac:dyDescent="0.15">
      <c r="A73" s="8">
        <v>56</v>
      </c>
      <c r="B73" s="21">
        <v>23</v>
      </c>
      <c r="C73" s="6">
        <v>26</v>
      </c>
      <c r="D73" s="5">
        <v>49</v>
      </c>
    </row>
    <row r="74" spans="1:4" ht="18" customHeight="1" x14ac:dyDescent="0.15">
      <c r="A74" s="8">
        <v>57</v>
      </c>
      <c r="B74" s="21">
        <v>26</v>
      </c>
      <c r="C74" s="6">
        <v>30</v>
      </c>
      <c r="D74" s="5">
        <v>56</v>
      </c>
    </row>
    <row r="75" spans="1:4" ht="18" customHeight="1" x14ac:dyDescent="0.15">
      <c r="A75" s="8">
        <v>58</v>
      </c>
      <c r="B75" s="21">
        <v>36</v>
      </c>
      <c r="C75" s="6">
        <v>23</v>
      </c>
      <c r="D75" s="5">
        <v>59</v>
      </c>
    </row>
    <row r="76" spans="1:4" ht="18" customHeight="1" x14ac:dyDescent="0.15">
      <c r="A76" s="8">
        <v>59</v>
      </c>
      <c r="B76" s="21">
        <v>27</v>
      </c>
      <c r="C76" s="6">
        <v>27</v>
      </c>
      <c r="D76" s="5">
        <v>54</v>
      </c>
    </row>
    <row r="77" spans="1:4" ht="18" customHeight="1" x14ac:dyDescent="0.15">
      <c r="A77" s="8" t="s">
        <v>13</v>
      </c>
      <c r="B77" s="21">
        <v>138</v>
      </c>
      <c r="C77" s="6">
        <v>139</v>
      </c>
      <c r="D77" s="5">
        <v>277</v>
      </c>
    </row>
    <row r="78" spans="1:4" ht="18" customHeight="1" x14ac:dyDescent="0.15">
      <c r="A78" s="8">
        <v>60</v>
      </c>
      <c r="B78" s="21">
        <v>23</v>
      </c>
      <c r="C78" s="6">
        <v>40</v>
      </c>
      <c r="D78" s="5">
        <v>63</v>
      </c>
    </row>
    <row r="79" spans="1:4" ht="18" customHeight="1" x14ac:dyDescent="0.15">
      <c r="A79" s="8">
        <v>61</v>
      </c>
      <c r="B79" s="21">
        <v>27</v>
      </c>
      <c r="C79" s="6">
        <v>15</v>
      </c>
      <c r="D79" s="5">
        <v>42</v>
      </c>
    </row>
    <row r="80" spans="1:4" ht="18" customHeight="1" x14ac:dyDescent="0.15">
      <c r="A80" s="8">
        <v>62</v>
      </c>
      <c r="B80" s="21">
        <v>34</v>
      </c>
      <c r="C80" s="6">
        <v>19</v>
      </c>
      <c r="D80" s="5">
        <v>53</v>
      </c>
    </row>
    <row r="81" spans="1:4" ht="18" customHeight="1" x14ac:dyDescent="0.15">
      <c r="A81" s="8">
        <v>63</v>
      </c>
      <c r="B81" s="21">
        <v>27</v>
      </c>
      <c r="C81" s="6">
        <v>15</v>
      </c>
      <c r="D81" s="5">
        <v>42</v>
      </c>
    </row>
    <row r="82" spans="1:4" ht="18" customHeight="1" x14ac:dyDescent="0.15">
      <c r="A82" s="8">
        <v>64</v>
      </c>
      <c r="B82" s="21">
        <v>24</v>
      </c>
      <c r="C82" s="6">
        <v>35</v>
      </c>
      <c r="D82" s="5">
        <v>59</v>
      </c>
    </row>
    <row r="83" spans="1:4" ht="18" customHeight="1" x14ac:dyDescent="0.15">
      <c r="A83" s="8" t="s">
        <v>12</v>
      </c>
      <c r="B83" s="21">
        <v>135</v>
      </c>
      <c r="C83" s="6">
        <v>124</v>
      </c>
      <c r="D83" s="5">
        <v>259</v>
      </c>
    </row>
    <row r="84" spans="1:4" ht="18" customHeight="1" x14ac:dyDescent="0.15">
      <c r="A84" s="8" t="s">
        <v>11</v>
      </c>
      <c r="B84" s="21">
        <v>1112</v>
      </c>
      <c r="C84" s="6">
        <v>1023</v>
      </c>
      <c r="D84" s="5">
        <v>2135</v>
      </c>
    </row>
    <row r="85" spans="1:4" ht="18" customHeight="1" x14ac:dyDescent="0.15">
      <c r="A85" s="8">
        <v>65</v>
      </c>
      <c r="B85" s="21">
        <v>31</v>
      </c>
      <c r="C85" s="6">
        <v>31</v>
      </c>
      <c r="D85" s="5">
        <v>62</v>
      </c>
    </row>
    <row r="86" spans="1:4" ht="18" customHeight="1" x14ac:dyDescent="0.15">
      <c r="A86" s="8">
        <v>66</v>
      </c>
      <c r="B86" s="21">
        <v>25</v>
      </c>
      <c r="C86" s="6">
        <v>28</v>
      </c>
      <c r="D86" s="5">
        <v>53</v>
      </c>
    </row>
    <row r="87" spans="1:4" ht="18" customHeight="1" x14ac:dyDescent="0.15">
      <c r="A87" s="8">
        <v>67</v>
      </c>
      <c r="B87" s="21">
        <v>33</v>
      </c>
      <c r="C87" s="6">
        <v>16</v>
      </c>
      <c r="D87" s="5">
        <v>49</v>
      </c>
    </row>
    <row r="88" spans="1:4" ht="18" customHeight="1" x14ac:dyDescent="0.15">
      <c r="A88" s="8">
        <v>68</v>
      </c>
      <c r="B88" s="21">
        <v>28</v>
      </c>
      <c r="C88" s="6">
        <v>28</v>
      </c>
      <c r="D88" s="5">
        <v>56</v>
      </c>
    </row>
    <row r="89" spans="1:4" ht="18" customHeight="1" x14ac:dyDescent="0.15">
      <c r="A89" s="8">
        <v>69</v>
      </c>
      <c r="B89" s="21">
        <v>28</v>
      </c>
      <c r="C89" s="6">
        <v>40</v>
      </c>
      <c r="D89" s="5">
        <v>68</v>
      </c>
    </row>
    <row r="90" spans="1:4" ht="18" customHeight="1" x14ac:dyDescent="0.15">
      <c r="A90" s="8" t="s">
        <v>10</v>
      </c>
      <c r="B90" s="21">
        <v>145</v>
      </c>
      <c r="C90" s="6">
        <v>143</v>
      </c>
      <c r="D90" s="5">
        <v>288</v>
      </c>
    </row>
    <row r="91" spans="1:4" ht="18" customHeight="1" x14ac:dyDescent="0.15">
      <c r="A91" s="8">
        <v>70</v>
      </c>
      <c r="B91" s="21">
        <v>24</v>
      </c>
      <c r="C91" s="6">
        <v>25</v>
      </c>
      <c r="D91" s="5">
        <v>49</v>
      </c>
    </row>
    <row r="92" spans="1:4" ht="18" customHeight="1" x14ac:dyDescent="0.15">
      <c r="A92" s="8">
        <v>71</v>
      </c>
      <c r="B92" s="21">
        <v>30</v>
      </c>
      <c r="C92" s="6">
        <v>26</v>
      </c>
      <c r="D92" s="5">
        <v>56</v>
      </c>
    </row>
    <row r="93" spans="1:4" ht="18" customHeight="1" x14ac:dyDescent="0.15">
      <c r="A93" s="8">
        <v>72</v>
      </c>
      <c r="B93" s="21">
        <v>30</v>
      </c>
      <c r="C93" s="6">
        <v>27</v>
      </c>
      <c r="D93" s="5">
        <v>57</v>
      </c>
    </row>
    <row r="94" spans="1:4" ht="18" customHeight="1" x14ac:dyDescent="0.15">
      <c r="A94" s="8">
        <v>73</v>
      </c>
      <c r="B94" s="21">
        <v>33</v>
      </c>
      <c r="C94" s="6">
        <v>29</v>
      </c>
      <c r="D94" s="5">
        <v>62</v>
      </c>
    </row>
    <row r="95" spans="1:4" ht="18" customHeight="1" x14ac:dyDescent="0.15">
      <c r="A95" s="8">
        <v>74</v>
      </c>
      <c r="B95" s="21">
        <v>30</v>
      </c>
      <c r="C95" s="6">
        <v>28</v>
      </c>
      <c r="D95" s="5">
        <v>58</v>
      </c>
    </row>
    <row r="96" spans="1:4" ht="18" customHeight="1" x14ac:dyDescent="0.15">
      <c r="A96" s="8" t="s">
        <v>9</v>
      </c>
      <c r="B96" s="21">
        <v>147</v>
      </c>
      <c r="C96" s="6">
        <v>135</v>
      </c>
      <c r="D96" s="5">
        <v>282</v>
      </c>
    </row>
    <row r="97" spans="1:4" ht="18" customHeight="1" x14ac:dyDescent="0.15">
      <c r="A97" s="8">
        <v>75</v>
      </c>
      <c r="B97" s="21">
        <v>40</v>
      </c>
      <c r="C97" s="6">
        <v>34</v>
      </c>
      <c r="D97" s="5">
        <v>74</v>
      </c>
    </row>
    <row r="98" spans="1:4" ht="18" customHeight="1" x14ac:dyDescent="0.15">
      <c r="A98" s="8">
        <v>76</v>
      </c>
      <c r="B98" s="21">
        <v>27</v>
      </c>
      <c r="C98" s="6">
        <v>33</v>
      </c>
      <c r="D98" s="5">
        <v>60</v>
      </c>
    </row>
    <row r="99" spans="1:4" ht="18" customHeight="1" x14ac:dyDescent="0.15">
      <c r="A99" s="8">
        <v>77</v>
      </c>
      <c r="B99" s="21">
        <v>32</v>
      </c>
      <c r="C99" s="6">
        <v>45</v>
      </c>
      <c r="D99" s="5">
        <v>77</v>
      </c>
    </row>
    <row r="100" spans="1:4" ht="18" customHeight="1" x14ac:dyDescent="0.15">
      <c r="A100" s="8">
        <v>78</v>
      </c>
      <c r="B100" s="21">
        <v>27</v>
      </c>
      <c r="C100" s="6">
        <v>39</v>
      </c>
      <c r="D100" s="5">
        <v>66</v>
      </c>
    </row>
    <row r="101" spans="1:4" ht="18" customHeight="1" x14ac:dyDescent="0.15">
      <c r="A101" s="8">
        <v>79</v>
      </c>
      <c r="B101" s="21">
        <v>18</v>
      </c>
      <c r="C101" s="6">
        <v>22</v>
      </c>
      <c r="D101" s="5">
        <v>40</v>
      </c>
    </row>
    <row r="102" spans="1:4" ht="18" customHeight="1" x14ac:dyDescent="0.15">
      <c r="A102" s="8" t="s">
        <v>8</v>
      </c>
      <c r="B102" s="21">
        <v>144</v>
      </c>
      <c r="C102" s="6">
        <v>173</v>
      </c>
      <c r="D102" s="5">
        <v>317</v>
      </c>
    </row>
    <row r="103" spans="1:4" ht="18" customHeight="1" x14ac:dyDescent="0.15">
      <c r="A103" s="8">
        <v>80</v>
      </c>
      <c r="B103" s="21">
        <v>14</v>
      </c>
      <c r="C103" s="6">
        <v>24</v>
      </c>
      <c r="D103" s="5">
        <v>38</v>
      </c>
    </row>
    <row r="104" spans="1:4" ht="18" customHeight="1" x14ac:dyDescent="0.15">
      <c r="A104" s="8">
        <v>81</v>
      </c>
      <c r="B104" s="21">
        <v>23</v>
      </c>
      <c r="C104" s="6">
        <v>27</v>
      </c>
      <c r="D104" s="5">
        <v>50</v>
      </c>
    </row>
    <row r="105" spans="1:4" ht="18" customHeight="1" x14ac:dyDescent="0.15">
      <c r="A105" s="8">
        <v>82</v>
      </c>
      <c r="B105" s="21">
        <v>18</v>
      </c>
      <c r="C105" s="6">
        <v>36</v>
      </c>
      <c r="D105" s="5">
        <v>54</v>
      </c>
    </row>
    <row r="106" spans="1:4" ht="18" customHeight="1" x14ac:dyDescent="0.15">
      <c r="A106" s="8">
        <v>83</v>
      </c>
      <c r="B106" s="21">
        <v>17</v>
      </c>
      <c r="C106" s="6">
        <v>28</v>
      </c>
      <c r="D106" s="5">
        <v>45</v>
      </c>
    </row>
    <row r="107" spans="1:4" ht="18" customHeight="1" x14ac:dyDescent="0.15">
      <c r="A107" s="8">
        <v>84</v>
      </c>
      <c r="B107" s="21">
        <v>11</v>
      </c>
      <c r="C107" s="6">
        <v>29</v>
      </c>
      <c r="D107" s="5">
        <v>40</v>
      </c>
    </row>
    <row r="108" spans="1:4" ht="18" customHeight="1" x14ac:dyDescent="0.15">
      <c r="A108" s="8" t="s">
        <v>7</v>
      </c>
      <c r="B108" s="21">
        <v>83</v>
      </c>
      <c r="C108" s="6">
        <v>144</v>
      </c>
      <c r="D108" s="5">
        <v>227</v>
      </c>
    </row>
    <row r="109" spans="1:4" ht="18" customHeight="1" x14ac:dyDescent="0.15">
      <c r="A109" s="8">
        <v>85</v>
      </c>
      <c r="B109" s="21">
        <v>11</v>
      </c>
      <c r="C109" s="6">
        <v>18</v>
      </c>
      <c r="D109" s="5">
        <v>29</v>
      </c>
    </row>
    <row r="110" spans="1:4" ht="18" customHeight="1" x14ac:dyDescent="0.15">
      <c r="A110" s="8">
        <v>86</v>
      </c>
      <c r="B110" s="21">
        <v>14</v>
      </c>
      <c r="C110" s="6">
        <v>31</v>
      </c>
      <c r="D110" s="5">
        <v>45</v>
      </c>
    </row>
    <row r="111" spans="1:4" ht="18" customHeight="1" x14ac:dyDescent="0.15">
      <c r="A111" s="8">
        <v>87</v>
      </c>
      <c r="B111" s="21">
        <v>12</v>
      </c>
      <c r="C111" s="6">
        <v>20</v>
      </c>
      <c r="D111" s="5">
        <v>32</v>
      </c>
    </row>
    <row r="112" spans="1:4" ht="18" customHeight="1" x14ac:dyDescent="0.15">
      <c r="A112" s="8">
        <v>88</v>
      </c>
      <c r="B112" s="21">
        <v>16</v>
      </c>
      <c r="C112" s="6">
        <v>23</v>
      </c>
      <c r="D112" s="5">
        <v>39</v>
      </c>
    </row>
    <row r="113" spans="1:4" ht="18" customHeight="1" x14ac:dyDescent="0.15">
      <c r="A113" s="8">
        <v>89</v>
      </c>
      <c r="B113" s="21">
        <v>11</v>
      </c>
      <c r="C113" s="6">
        <v>23</v>
      </c>
      <c r="D113" s="5">
        <v>34</v>
      </c>
    </row>
    <row r="114" spans="1:4" ht="18" customHeight="1" x14ac:dyDescent="0.15">
      <c r="A114" s="8" t="s">
        <v>6</v>
      </c>
      <c r="B114" s="21">
        <v>64</v>
      </c>
      <c r="C114" s="6">
        <v>115</v>
      </c>
      <c r="D114" s="5">
        <v>179</v>
      </c>
    </row>
    <row r="115" spans="1:4" ht="18" customHeight="1" x14ac:dyDescent="0.15">
      <c r="A115" s="8">
        <v>90</v>
      </c>
      <c r="B115" s="21">
        <v>8</v>
      </c>
      <c r="C115" s="6">
        <v>19</v>
      </c>
      <c r="D115" s="5">
        <v>27</v>
      </c>
    </row>
    <row r="116" spans="1:4" ht="18" customHeight="1" x14ac:dyDescent="0.15">
      <c r="A116" s="8">
        <v>91</v>
      </c>
      <c r="B116" s="21">
        <v>9</v>
      </c>
      <c r="C116" s="6">
        <v>20</v>
      </c>
      <c r="D116" s="5">
        <v>29</v>
      </c>
    </row>
    <row r="117" spans="1:4" ht="18" customHeight="1" x14ac:dyDescent="0.15">
      <c r="A117" s="8">
        <v>92</v>
      </c>
      <c r="B117" s="21">
        <v>4</v>
      </c>
      <c r="C117" s="6">
        <v>12</v>
      </c>
      <c r="D117" s="5">
        <v>16</v>
      </c>
    </row>
    <row r="118" spans="1:4" ht="18" customHeight="1" x14ac:dyDescent="0.15">
      <c r="A118" s="8">
        <v>93</v>
      </c>
      <c r="B118" s="21">
        <v>7</v>
      </c>
      <c r="C118" s="6">
        <v>18</v>
      </c>
      <c r="D118" s="5">
        <v>25</v>
      </c>
    </row>
    <row r="119" spans="1:4" ht="18" customHeight="1" x14ac:dyDescent="0.15">
      <c r="A119" s="8">
        <v>94</v>
      </c>
      <c r="B119" s="21">
        <v>7</v>
      </c>
      <c r="C119" s="6">
        <v>11</v>
      </c>
      <c r="D119" s="5">
        <v>18</v>
      </c>
    </row>
    <row r="120" spans="1:4" ht="18" customHeight="1" x14ac:dyDescent="0.15">
      <c r="A120" s="8" t="s">
        <v>5</v>
      </c>
      <c r="B120" s="21">
        <v>35</v>
      </c>
      <c r="C120" s="6">
        <v>80</v>
      </c>
      <c r="D120" s="5">
        <v>115</v>
      </c>
    </row>
    <row r="121" spans="1:4" ht="18" customHeight="1" x14ac:dyDescent="0.15">
      <c r="A121" s="8">
        <v>95</v>
      </c>
      <c r="B121" s="21">
        <v>1</v>
      </c>
      <c r="C121" s="6">
        <v>12</v>
      </c>
      <c r="D121" s="5">
        <v>13</v>
      </c>
    </row>
    <row r="122" spans="1:4" ht="18" customHeight="1" x14ac:dyDescent="0.15">
      <c r="A122" s="8">
        <v>96</v>
      </c>
      <c r="B122" s="21">
        <v>3</v>
      </c>
      <c r="C122" s="6">
        <v>6</v>
      </c>
      <c r="D122" s="5">
        <v>9</v>
      </c>
    </row>
    <row r="123" spans="1:4" ht="18" customHeight="1" x14ac:dyDescent="0.15">
      <c r="A123" s="8">
        <v>97</v>
      </c>
      <c r="B123" s="21">
        <v>1</v>
      </c>
      <c r="C123" s="6">
        <v>6</v>
      </c>
      <c r="D123" s="5">
        <v>7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5</v>
      </c>
      <c r="C126" s="6">
        <v>27</v>
      </c>
      <c r="D126" s="5">
        <v>32</v>
      </c>
    </row>
    <row r="127" spans="1:4" ht="18" customHeight="1" x14ac:dyDescent="0.15">
      <c r="A127" s="8">
        <v>100</v>
      </c>
      <c r="B127" s="21">
        <v>0</v>
      </c>
      <c r="C127" s="6">
        <v>4</v>
      </c>
      <c r="D127" s="5">
        <v>4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623</v>
      </c>
      <c r="C130" s="6">
        <v>821</v>
      </c>
      <c r="D130" s="5">
        <v>1444</v>
      </c>
    </row>
    <row r="131" spans="1:4" ht="18" customHeight="1" x14ac:dyDescent="0.15">
      <c r="A131" s="4" t="s">
        <v>0</v>
      </c>
      <c r="B131" s="20">
        <v>1936</v>
      </c>
      <c r="C131" s="2">
        <v>2012</v>
      </c>
      <c r="D131" s="1">
        <v>39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9F095F-8979-42E3-BE93-F5BC4BEAD819}">
  <sheetPr codeName="Sheet9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2</v>
      </c>
      <c r="D5" s="30">
        <v>3</v>
      </c>
    </row>
    <row r="6" spans="1:4" ht="18" customHeight="1" x14ac:dyDescent="0.15">
      <c r="A6" s="8">
        <v>1</v>
      </c>
      <c r="B6" s="26">
        <v>0</v>
      </c>
      <c r="C6" s="6">
        <v>1</v>
      </c>
      <c r="D6" s="5">
        <v>1</v>
      </c>
    </row>
    <row r="7" spans="1:4" ht="18" customHeight="1" x14ac:dyDescent="0.15">
      <c r="A7" s="8">
        <v>2</v>
      </c>
      <c r="B7" s="26">
        <v>2</v>
      </c>
      <c r="C7" s="6">
        <v>2</v>
      </c>
      <c r="D7" s="5">
        <v>4</v>
      </c>
    </row>
    <row r="8" spans="1:4" ht="18" customHeight="1" x14ac:dyDescent="0.15">
      <c r="A8" s="8">
        <v>3</v>
      </c>
      <c r="B8" s="26">
        <v>2</v>
      </c>
      <c r="C8" s="6">
        <v>3</v>
      </c>
      <c r="D8" s="5">
        <v>5</v>
      </c>
    </row>
    <row r="9" spans="1:4" ht="18" customHeight="1" x14ac:dyDescent="0.15">
      <c r="A9" s="8">
        <v>4</v>
      </c>
      <c r="B9" s="29">
        <v>1</v>
      </c>
      <c r="C9" s="28">
        <v>4</v>
      </c>
      <c r="D9" s="27">
        <v>5</v>
      </c>
    </row>
    <row r="10" spans="1:4" ht="18" customHeight="1" x14ac:dyDescent="0.15">
      <c r="A10" s="8" t="s">
        <v>25</v>
      </c>
      <c r="B10" s="21">
        <v>6</v>
      </c>
      <c r="C10" s="6">
        <v>12</v>
      </c>
      <c r="D10" s="5">
        <v>18</v>
      </c>
    </row>
    <row r="11" spans="1:4" ht="18" customHeight="1" x14ac:dyDescent="0.15">
      <c r="A11" s="8">
        <v>5</v>
      </c>
      <c r="B11" s="26">
        <v>4</v>
      </c>
      <c r="C11" s="6">
        <v>4</v>
      </c>
      <c r="D11" s="5">
        <v>8</v>
      </c>
    </row>
    <row r="12" spans="1:4" ht="18" customHeight="1" x14ac:dyDescent="0.15">
      <c r="A12" s="8">
        <v>6</v>
      </c>
      <c r="B12" s="26">
        <v>1</v>
      </c>
      <c r="C12" s="6">
        <v>2</v>
      </c>
      <c r="D12" s="5">
        <v>3</v>
      </c>
    </row>
    <row r="13" spans="1:4" ht="18" customHeight="1" x14ac:dyDescent="0.15">
      <c r="A13" s="8">
        <v>7</v>
      </c>
      <c r="B13" s="26">
        <v>2</v>
      </c>
      <c r="C13" s="6">
        <v>3</v>
      </c>
      <c r="D13" s="5">
        <v>5</v>
      </c>
    </row>
    <row r="14" spans="1:4" ht="18" customHeight="1" x14ac:dyDescent="0.15">
      <c r="A14" s="8">
        <v>8</v>
      </c>
      <c r="B14" s="26">
        <v>6</v>
      </c>
      <c r="C14" s="6">
        <v>2</v>
      </c>
      <c r="D14" s="5">
        <v>8</v>
      </c>
    </row>
    <row r="15" spans="1:4" ht="18" customHeight="1" x14ac:dyDescent="0.15">
      <c r="A15" s="8">
        <v>9</v>
      </c>
      <c r="B15" s="26">
        <v>3</v>
      </c>
      <c r="C15" s="6">
        <v>4</v>
      </c>
      <c r="D15" s="5">
        <v>7</v>
      </c>
    </row>
    <row r="16" spans="1:4" ht="18" customHeight="1" x14ac:dyDescent="0.15">
      <c r="A16" s="8" t="s">
        <v>24</v>
      </c>
      <c r="B16" s="21">
        <v>16</v>
      </c>
      <c r="C16" s="6">
        <v>15</v>
      </c>
      <c r="D16" s="5">
        <v>31</v>
      </c>
    </row>
    <row r="17" spans="1:4" ht="18" customHeight="1" x14ac:dyDescent="0.15">
      <c r="A17" s="8">
        <v>10</v>
      </c>
      <c r="B17" s="21">
        <v>3</v>
      </c>
      <c r="C17" s="6">
        <v>5</v>
      </c>
      <c r="D17" s="5">
        <v>8</v>
      </c>
    </row>
    <row r="18" spans="1:4" ht="18" customHeight="1" x14ac:dyDescent="0.15">
      <c r="A18" s="8">
        <v>11</v>
      </c>
      <c r="B18" s="21">
        <v>8</v>
      </c>
      <c r="C18" s="6">
        <v>7</v>
      </c>
      <c r="D18" s="5">
        <v>15</v>
      </c>
    </row>
    <row r="19" spans="1:4" ht="18" customHeight="1" x14ac:dyDescent="0.15">
      <c r="A19" s="8">
        <v>12</v>
      </c>
      <c r="B19" s="21">
        <v>3</v>
      </c>
      <c r="C19" s="6">
        <v>3</v>
      </c>
      <c r="D19" s="5">
        <v>6</v>
      </c>
    </row>
    <row r="20" spans="1:4" ht="18" customHeight="1" x14ac:dyDescent="0.15">
      <c r="A20" s="8">
        <v>13</v>
      </c>
      <c r="B20" s="21">
        <v>7</v>
      </c>
      <c r="C20" s="6">
        <v>5</v>
      </c>
      <c r="D20" s="5">
        <v>12</v>
      </c>
    </row>
    <row r="21" spans="1:4" ht="18" customHeight="1" x14ac:dyDescent="0.15">
      <c r="A21" s="8">
        <v>14</v>
      </c>
      <c r="B21" s="21">
        <v>7</v>
      </c>
      <c r="C21" s="6">
        <v>5</v>
      </c>
      <c r="D21" s="5">
        <v>12</v>
      </c>
    </row>
    <row r="22" spans="1:4" ht="18" customHeight="1" x14ac:dyDescent="0.15">
      <c r="A22" s="8" t="s">
        <v>23</v>
      </c>
      <c r="B22" s="21">
        <v>28</v>
      </c>
      <c r="C22" s="6">
        <v>25</v>
      </c>
      <c r="D22" s="5">
        <v>53</v>
      </c>
    </row>
    <row r="23" spans="1:4" ht="18" customHeight="1" x14ac:dyDescent="0.15">
      <c r="A23" s="8" t="s">
        <v>22</v>
      </c>
      <c r="B23" s="21">
        <v>50</v>
      </c>
      <c r="C23" s="6">
        <v>52</v>
      </c>
      <c r="D23" s="5">
        <v>102</v>
      </c>
    </row>
    <row r="24" spans="1:4" ht="18" customHeight="1" x14ac:dyDescent="0.15">
      <c r="A24" s="8">
        <v>15</v>
      </c>
      <c r="B24" s="21">
        <v>4</v>
      </c>
      <c r="C24" s="6">
        <v>7</v>
      </c>
      <c r="D24" s="5">
        <v>11</v>
      </c>
    </row>
    <row r="25" spans="1:4" ht="18" customHeight="1" x14ac:dyDescent="0.15">
      <c r="A25" s="8">
        <v>16</v>
      </c>
      <c r="B25" s="21">
        <v>9</v>
      </c>
      <c r="C25" s="6">
        <v>6</v>
      </c>
      <c r="D25" s="5">
        <v>15</v>
      </c>
    </row>
    <row r="26" spans="1:4" ht="18" customHeight="1" x14ac:dyDescent="0.15">
      <c r="A26" s="8">
        <v>17</v>
      </c>
      <c r="B26" s="21">
        <v>2</v>
      </c>
      <c r="C26" s="6">
        <v>8</v>
      </c>
      <c r="D26" s="5">
        <v>10</v>
      </c>
    </row>
    <row r="27" spans="1:4" ht="18" customHeight="1" x14ac:dyDescent="0.15">
      <c r="A27" s="8">
        <v>18</v>
      </c>
      <c r="B27" s="21">
        <v>6</v>
      </c>
      <c r="C27" s="6">
        <v>4</v>
      </c>
      <c r="D27" s="5">
        <v>10</v>
      </c>
    </row>
    <row r="28" spans="1:4" ht="18" customHeight="1" x14ac:dyDescent="0.15">
      <c r="A28" s="8">
        <v>19</v>
      </c>
      <c r="B28" s="21">
        <v>10</v>
      </c>
      <c r="C28" s="6">
        <v>2</v>
      </c>
      <c r="D28" s="5">
        <v>12</v>
      </c>
    </row>
    <row r="29" spans="1:4" ht="18" customHeight="1" x14ac:dyDescent="0.15">
      <c r="A29" s="8" t="s">
        <v>21</v>
      </c>
      <c r="B29" s="21">
        <v>31</v>
      </c>
      <c r="C29" s="6">
        <v>27</v>
      </c>
      <c r="D29" s="5">
        <v>58</v>
      </c>
    </row>
    <row r="30" spans="1:4" ht="18" customHeight="1" x14ac:dyDescent="0.15">
      <c r="A30" s="8">
        <v>20</v>
      </c>
      <c r="B30" s="21">
        <v>7</v>
      </c>
      <c r="C30" s="6">
        <v>2</v>
      </c>
      <c r="D30" s="5">
        <v>9</v>
      </c>
    </row>
    <row r="31" spans="1:4" ht="18" customHeight="1" x14ac:dyDescent="0.15">
      <c r="A31" s="8">
        <v>21</v>
      </c>
      <c r="B31" s="21">
        <v>5</v>
      </c>
      <c r="C31" s="6">
        <v>8</v>
      </c>
      <c r="D31" s="5">
        <v>13</v>
      </c>
    </row>
    <row r="32" spans="1:4" ht="18" customHeight="1" x14ac:dyDescent="0.15">
      <c r="A32" s="8">
        <v>22</v>
      </c>
      <c r="B32" s="21">
        <v>3</v>
      </c>
      <c r="C32" s="6">
        <v>4</v>
      </c>
      <c r="D32" s="5">
        <v>7</v>
      </c>
    </row>
    <row r="33" spans="1:4" ht="18" customHeight="1" x14ac:dyDescent="0.15">
      <c r="A33" s="8">
        <v>23</v>
      </c>
      <c r="B33" s="21">
        <v>1</v>
      </c>
      <c r="C33" s="6">
        <v>5</v>
      </c>
      <c r="D33" s="5">
        <v>6</v>
      </c>
    </row>
    <row r="34" spans="1:4" ht="18" customHeight="1" x14ac:dyDescent="0.15">
      <c r="A34" s="8">
        <v>24</v>
      </c>
      <c r="B34" s="21">
        <v>4</v>
      </c>
      <c r="C34" s="6">
        <v>2</v>
      </c>
      <c r="D34" s="5">
        <v>6</v>
      </c>
    </row>
    <row r="35" spans="1:4" ht="18" customHeight="1" x14ac:dyDescent="0.15">
      <c r="A35" s="8" t="s">
        <v>20</v>
      </c>
      <c r="B35" s="21">
        <v>20</v>
      </c>
      <c r="C35" s="6">
        <v>21</v>
      </c>
      <c r="D35" s="5">
        <v>41</v>
      </c>
    </row>
    <row r="36" spans="1:4" ht="18" customHeight="1" x14ac:dyDescent="0.15">
      <c r="A36" s="8">
        <v>25</v>
      </c>
      <c r="B36" s="21">
        <v>5</v>
      </c>
      <c r="C36" s="6">
        <v>1</v>
      </c>
      <c r="D36" s="5">
        <v>6</v>
      </c>
    </row>
    <row r="37" spans="1:4" ht="18" customHeight="1" x14ac:dyDescent="0.15">
      <c r="A37" s="8">
        <v>26</v>
      </c>
      <c r="B37" s="21">
        <v>3</v>
      </c>
      <c r="C37" s="6">
        <v>3</v>
      </c>
      <c r="D37" s="5">
        <v>6</v>
      </c>
    </row>
    <row r="38" spans="1:4" ht="18" customHeight="1" x14ac:dyDescent="0.15">
      <c r="A38" s="8">
        <v>27</v>
      </c>
      <c r="B38" s="21">
        <v>2</v>
      </c>
      <c r="C38" s="6">
        <v>2</v>
      </c>
      <c r="D38" s="5">
        <v>4</v>
      </c>
    </row>
    <row r="39" spans="1:4" ht="18" customHeight="1" x14ac:dyDescent="0.15">
      <c r="A39" s="8">
        <v>28</v>
      </c>
      <c r="B39" s="21">
        <v>5</v>
      </c>
      <c r="C39" s="6">
        <v>4</v>
      </c>
      <c r="D39" s="5">
        <v>9</v>
      </c>
    </row>
    <row r="40" spans="1:4" ht="18" customHeight="1" x14ac:dyDescent="0.15">
      <c r="A40" s="8">
        <v>29</v>
      </c>
      <c r="B40" s="21">
        <v>6</v>
      </c>
      <c r="C40" s="6">
        <v>0</v>
      </c>
      <c r="D40" s="5">
        <v>6</v>
      </c>
    </row>
    <row r="41" spans="1:4" ht="18" customHeight="1" x14ac:dyDescent="0.15">
      <c r="A41" s="8" t="s">
        <v>19</v>
      </c>
      <c r="B41" s="21">
        <v>21</v>
      </c>
      <c r="C41" s="6">
        <v>10</v>
      </c>
      <c r="D41" s="5">
        <v>31</v>
      </c>
    </row>
    <row r="42" spans="1:4" ht="18" customHeight="1" x14ac:dyDescent="0.15">
      <c r="A42" s="8">
        <v>30</v>
      </c>
      <c r="B42" s="21">
        <v>4</v>
      </c>
      <c r="C42" s="6">
        <v>3</v>
      </c>
      <c r="D42" s="5">
        <v>7</v>
      </c>
    </row>
    <row r="43" spans="1:4" ht="18" customHeight="1" x14ac:dyDescent="0.15">
      <c r="A43" s="8">
        <v>31</v>
      </c>
      <c r="B43" s="21">
        <v>4</v>
      </c>
      <c r="C43" s="6">
        <v>4</v>
      </c>
      <c r="D43" s="5">
        <v>8</v>
      </c>
    </row>
    <row r="44" spans="1:4" ht="18" customHeight="1" x14ac:dyDescent="0.15">
      <c r="A44" s="8">
        <v>32</v>
      </c>
      <c r="B44" s="21">
        <v>7</v>
      </c>
      <c r="C44" s="6">
        <v>3</v>
      </c>
      <c r="D44" s="5">
        <v>10</v>
      </c>
    </row>
    <row r="45" spans="1:4" ht="18" customHeight="1" x14ac:dyDescent="0.15">
      <c r="A45" s="8">
        <v>33</v>
      </c>
      <c r="B45" s="21">
        <v>5</v>
      </c>
      <c r="C45" s="6">
        <v>3</v>
      </c>
      <c r="D45" s="5">
        <v>8</v>
      </c>
    </row>
    <row r="46" spans="1:4" ht="18" customHeight="1" x14ac:dyDescent="0.15">
      <c r="A46" s="8">
        <v>34</v>
      </c>
      <c r="B46" s="21">
        <v>2</v>
      </c>
      <c r="C46" s="6">
        <v>3</v>
      </c>
      <c r="D46" s="5">
        <v>5</v>
      </c>
    </row>
    <row r="47" spans="1:4" ht="18" customHeight="1" x14ac:dyDescent="0.15">
      <c r="A47" s="8" t="s">
        <v>18</v>
      </c>
      <c r="B47" s="21">
        <v>22</v>
      </c>
      <c r="C47" s="6">
        <v>16</v>
      </c>
      <c r="D47" s="5">
        <v>38</v>
      </c>
    </row>
    <row r="48" spans="1:4" ht="18" customHeight="1" x14ac:dyDescent="0.15">
      <c r="A48" s="8">
        <v>35</v>
      </c>
      <c r="B48" s="21">
        <v>8</v>
      </c>
      <c r="C48" s="6">
        <v>4</v>
      </c>
      <c r="D48" s="5">
        <v>12</v>
      </c>
    </row>
    <row r="49" spans="1:4" ht="18" customHeight="1" x14ac:dyDescent="0.15">
      <c r="A49" s="8">
        <v>36</v>
      </c>
      <c r="B49" s="21">
        <v>7</v>
      </c>
      <c r="C49" s="6">
        <v>6</v>
      </c>
      <c r="D49" s="5">
        <v>13</v>
      </c>
    </row>
    <row r="50" spans="1:4" ht="18" customHeight="1" x14ac:dyDescent="0.15">
      <c r="A50" s="8">
        <v>37</v>
      </c>
      <c r="B50" s="21">
        <v>5</v>
      </c>
      <c r="C50" s="6">
        <v>4</v>
      </c>
      <c r="D50" s="5">
        <v>9</v>
      </c>
    </row>
    <row r="51" spans="1:4" ht="18" customHeight="1" x14ac:dyDescent="0.15">
      <c r="A51" s="8">
        <v>38</v>
      </c>
      <c r="B51" s="21">
        <v>6</v>
      </c>
      <c r="C51" s="6">
        <v>4</v>
      </c>
      <c r="D51" s="5">
        <v>10</v>
      </c>
    </row>
    <row r="52" spans="1:4" ht="18" customHeight="1" x14ac:dyDescent="0.15">
      <c r="A52" s="8">
        <v>39</v>
      </c>
      <c r="B52" s="21">
        <v>0</v>
      </c>
      <c r="C52" s="6">
        <v>5</v>
      </c>
      <c r="D52" s="5">
        <v>5</v>
      </c>
    </row>
    <row r="53" spans="1:4" ht="18" customHeight="1" x14ac:dyDescent="0.15">
      <c r="A53" s="8" t="s">
        <v>17</v>
      </c>
      <c r="B53" s="21">
        <v>26</v>
      </c>
      <c r="C53" s="6">
        <v>23</v>
      </c>
      <c r="D53" s="5">
        <v>49</v>
      </c>
    </row>
    <row r="54" spans="1:4" ht="18" customHeight="1" x14ac:dyDescent="0.15">
      <c r="A54" s="8">
        <v>40</v>
      </c>
      <c r="B54" s="21">
        <v>6</v>
      </c>
      <c r="C54" s="6">
        <v>5</v>
      </c>
      <c r="D54" s="5">
        <v>11</v>
      </c>
    </row>
    <row r="55" spans="1:4" ht="18" customHeight="1" x14ac:dyDescent="0.15">
      <c r="A55" s="8">
        <v>41</v>
      </c>
      <c r="B55" s="21">
        <v>4</v>
      </c>
      <c r="C55" s="6">
        <v>5</v>
      </c>
      <c r="D55" s="5">
        <v>9</v>
      </c>
    </row>
    <row r="56" spans="1:4" ht="18" customHeight="1" x14ac:dyDescent="0.15">
      <c r="A56" s="8">
        <v>42</v>
      </c>
      <c r="B56" s="21">
        <v>7</v>
      </c>
      <c r="C56" s="6">
        <v>7</v>
      </c>
      <c r="D56" s="5">
        <v>14</v>
      </c>
    </row>
    <row r="57" spans="1:4" ht="18" customHeight="1" x14ac:dyDescent="0.15">
      <c r="A57" s="8">
        <v>43</v>
      </c>
      <c r="B57" s="21">
        <v>7</v>
      </c>
      <c r="C57" s="6">
        <v>2</v>
      </c>
      <c r="D57" s="5">
        <v>9</v>
      </c>
    </row>
    <row r="58" spans="1:4" ht="18" customHeight="1" x14ac:dyDescent="0.15">
      <c r="A58" s="8">
        <v>44</v>
      </c>
      <c r="B58" s="21">
        <v>6</v>
      </c>
      <c r="C58" s="6">
        <v>7</v>
      </c>
      <c r="D58" s="5">
        <v>13</v>
      </c>
    </row>
    <row r="59" spans="1:4" ht="18" customHeight="1" x14ac:dyDescent="0.15">
      <c r="A59" s="8" t="s">
        <v>16</v>
      </c>
      <c r="B59" s="21">
        <v>30</v>
      </c>
      <c r="C59" s="6">
        <v>26</v>
      </c>
      <c r="D59" s="5">
        <v>56</v>
      </c>
    </row>
    <row r="60" spans="1:4" ht="18" customHeight="1" x14ac:dyDescent="0.15">
      <c r="A60" s="8">
        <v>45</v>
      </c>
      <c r="B60" s="21">
        <v>6</v>
      </c>
      <c r="C60" s="6">
        <v>11</v>
      </c>
      <c r="D60" s="5">
        <v>17</v>
      </c>
    </row>
    <row r="61" spans="1:4" ht="18" customHeight="1" x14ac:dyDescent="0.15">
      <c r="A61" s="8">
        <v>46</v>
      </c>
      <c r="B61" s="21">
        <v>7</v>
      </c>
      <c r="C61" s="6">
        <v>10</v>
      </c>
      <c r="D61" s="5">
        <v>17</v>
      </c>
    </row>
    <row r="62" spans="1:4" ht="18" customHeight="1" x14ac:dyDescent="0.15">
      <c r="A62" s="8">
        <v>47</v>
      </c>
      <c r="B62" s="21">
        <v>15</v>
      </c>
      <c r="C62" s="6">
        <v>5</v>
      </c>
      <c r="D62" s="5">
        <v>20</v>
      </c>
    </row>
    <row r="63" spans="1:4" ht="18" customHeight="1" x14ac:dyDescent="0.15">
      <c r="A63" s="8">
        <v>48</v>
      </c>
      <c r="B63" s="21">
        <v>7</v>
      </c>
      <c r="C63" s="6">
        <v>2</v>
      </c>
      <c r="D63" s="5">
        <v>9</v>
      </c>
    </row>
    <row r="64" spans="1:4" ht="18" customHeight="1" x14ac:dyDescent="0.15">
      <c r="A64" s="8">
        <v>49</v>
      </c>
      <c r="B64" s="21">
        <v>7</v>
      </c>
      <c r="C64" s="6">
        <v>8</v>
      </c>
      <c r="D64" s="5">
        <v>15</v>
      </c>
    </row>
    <row r="65" spans="1:4" ht="18" customHeight="1" x14ac:dyDescent="0.15">
      <c r="A65" s="8" t="s">
        <v>15</v>
      </c>
      <c r="B65" s="21">
        <v>42</v>
      </c>
      <c r="C65" s="6">
        <v>36</v>
      </c>
      <c r="D65" s="5">
        <v>78</v>
      </c>
    </row>
    <row r="66" spans="1:4" ht="18" customHeight="1" x14ac:dyDescent="0.15">
      <c r="A66" s="8">
        <v>50</v>
      </c>
      <c r="B66" s="21">
        <v>9</v>
      </c>
      <c r="C66" s="6">
        <v>6</v>
      </c>
      <c r="D66" s="5">
        <v>15</v>
      </c>
    </row>
    <row r="67" spans="1:4" ht="18" customHeight="1" x14ac:dyDescent="0.15">
      <c r="A67" s="8">
        <v>51</v>
      </c>
      <c r="B67" s="21">
        <v>12</v>
      </c>
      <c r="C67" s="6">
        <v>5</v>
      </c>
      <c r="D67" s="5">
        <v>17</v>
      </c>
    </row>
    <row r="68" spans="1:4" ht="18" customHeight="1" x14ac:dyDescent="0.15">
      <c r="A68" s="8">
        <v>52</v>
      </c>
      <c r="B68" s="21">
        <v>13</v>
      </c>
      <c r="C68" s="6">
        <v>11</v>
      </c>
      <c r="D68" s="5">
        <v>24</v>
      </c>
    </row>
    <row r="69" spans="1:4" ht="18" customHeight="1" x14ac:dyDescent="0.15">
      <c r="A69" s="8">
        <v>53</v>
      </c>
      <c r="B69" s="21">
        <v>6</v>
      </c>
      <c r="C69" s="6">
        <v>6</v>
      </c>
      <c r="D69" s="5">
        <v>12</v>
      </c>
    </row>
    <row r="70" spans="1:4" ht="18" customHeight="1" x14ac:dyDescent="0.15">
      <c r="A70" s="8">
        <v>54</v>
      </c>
      <c r="B70" s="21">
        <v>6</v>
      </c>
      <c r="C70" s="6">
        <v>2</v>
      </c>
      <c r="D70" s="5">
        <v>8</v>
      </c>
    </row>
    <row r="71" spans="1:4" ht="18" customHeight="1" x14ac:dyDescent="0.15">
      <c r="A71" s="8" t="s">
        <v>14</v>
      </c>
      <c r="B71" s="21">
        <v>46</v>
      </c>
      <c r="C71" s="6">
        <v>30</v>
      </c>
      <c r="D71" s="5">
        <v>76</v>
      </c>
    </row>
    <row r="72" spans="1:4" ht="18" customHeight="1" x14ac:dyDescent="0.15">
      <c r="A72" s="8">
        <v>55</v>
      </c>
      <c r="B72" s="21">
        <v>5</v>
      </c>
      <c r="C72" s="6">
        <v>8</v>
      </c>
      <c r="D72" s="5">
        <v>13</v>
      </c>
    </row>
    <row r="73" spans="1:4" ht="18" customHeight="1" x14ac:dyDescent="0.15">
      <c r="A73" s="8">
        <v>56</v>
      </c>
      <c r="B73" s="21">
        <v>8</v>
      </c>
      <c r="C73" s="6">
        <v>8</v>
      </c>
      <c r="D73" s="5">
        <v>16</v>
      </c>
    </row>
    <row r="74" spans="1:4" ht="18" customHeight="1" x14ac:dyDescent="0.15">
      <c r="A74" s="8">
        <v>57</v>
      </c>
      <c r="B74" s="21">
        <v>8</v>
      </c>
      <c r="C74" s="6">
        <v>12</v>
      </c>
      <c r="D74" s="5">
        <v>20</v>
      </c>
    </row>
    <row r="75" spans="1:4" ht="18" customHeight="1" x14ac:dyDescent="0.15">
      <c r="A75" s="8">
        <v>58</v>
      </c>
      <c r="B75" s="21">
        <v>8</v>
      </c>
      <c r="C75" s="6">
        <v>11</v>
      </c>
      <c r="D75" s="5">
        <v>19</v>
      </c>
    </row>
    <row r="76" spans="1:4" ht="18" customHeight="1" x14ac:dyDescent="0.15">
      <c r="A76" s="8">
        <v>59</v>
      </c>
      <c r="B76" s="21">
        <v>6</v>
      </c>
      <c r="C76" s="6">
        <v>14</v>
      </c>
      <c r="D76" s="5">
        <v>20</v>
      </c>
    </row>
    <row r="77" spans="1:4" ht="18" customHeight="1" x14ac:dyDescent="0.15">
      <c r="A77" s="8" t="s">
        <v>13</v>
      </c>
      <c r="B77" s="21">
        <v>35</v>
      </c>
      <c r="C77" s="6">
        <v>53</v>
      </c>
      <c r="D77" s="5">
        <v>88</v>
      </c>
    </row>
    <row r="78" spans="1:4" ht="18" customHeight="1" x14ac:dyDescent="0.15">
      <c r="A78" s="8">
        <v>60</v>
      </c>
      <c r="B78" s="21">
        <v>11</v>
      </c>
      <c r="C78" s="6">
        <v>11</v>
      </c>
      <c r="D78" s="5">
        <v>22</v>
      </c>
    </row>
    <row r="79" spans="1:4" ht="18" customHeight="1" x14ac:dyDescent="0.15">
      <c r="A79" s="8">
        <v>61</v>
      </c>
      <c r="B79" s="21">
        <v>6</v>
      </c>
      <c r="C79" s="6">
        <v>7</v>
      </c>
      <c r="D79" s="5">
        <v>13</v>
      </c>
    </row>
    <row r="80" spans="1:4" ht="18" customHeight="1" x14ac:dyDescent="0.15">
      <c r="A80" s="8">
        <v>62</v>
      </c>
      <c r="B80" s="21">
        <v>8</v>
      </c>
      <c r="C80" s="6">
        <v>11</v>
      </c>
      <c r="D80" s="5">
        <v>19</v>
      </c>
    </row>
    <row r="81" spans="1:4" ht="18" customHeight="1" x14ac:dyDescent="0.15">
      <c r="A81" s="8">
        <v>63</v>
      </c>
      <c r="B81" s="21">
        <v>8</v>
      </c>
      <c r="C81" s="6">
        <v>8</v>
      </c>
      <c r="D81" s="5">
        <v>16</v>
      </c>
    </row>
    <row r="82" spans="1:4" ht="18" customHeight="1" x14ac:dyDescent="0.15">
      <c r="A82" s="8">
        <v>64</v>
      </c>
      <c r="B82" s="21">
        <v>9</v>
      </c>
      <c r="C82" s="6">
        <v>8</v>
      </c>
      <c r="D82" s="5">
        <v>17</v>
      </c>
    </row>
    <row r="83" spans="1:4" ht="18" customHeight="1" x14ac:dyDescent="0.15">
      <c r="A83" s="8" t="s">
        <v>12</v>
      </c>
      <c r="B83" s="21">
        <v>42</v>
      </c>
      <c r="C83" s="6">
        <v>45</v>
      </c>
      <c r="D83" s="5">
        <v>87</v>
      </c>
    </row>
    <row r="84" spans="1:4" ht="18" customHeight="1" x14ac:dyDescent="0.15">
      <c r="A84" s="8" t="s">
        <v>11</v>
      </c>
      <c r="B84" s="21">
        <v>315</v>
      </c>
      <c r="C84" s="6">
        <v>287</v>
      </c>
      <c r="D84" s="5">
        <v>602</v>
      </c>
    </row>
    <row r="85" spans="1:4" ht="18" customHeight="1" x14ac:dyDescent="0.15">
      <c r="A85" s="8">
        <v>65</v>
      </c>
      <c r="B85" s="21">
        <v>9</v>
      </c>
      <c r="C85" s="6">
        <v>4</v>
      </c>
      <c r="D85" s="5">
        <v>13</v>
      </c>
    </row>
    <row r="86" spans="1:4" ht="18" customHeight="1" x14ac:dyDescent="0.15">
      <c r="A86" s="8">
        <v>66</v>
      </c>
      <c r="B86" s="21">
        <v>11</v>
      </c>
      <c r="C86" s="6">
        <v>7</v>
      </c>
      <c r="D86" s="5">
        <v>18</v>
      </c>
    </row>
    <row r="87" spans="1:4" ht="18" customHeight="1" x14ac:dyDescent="0.15">
      <c r="A87" s="8">
        <v>67</v>
      </c>
      <c r="B87" s="21">
        <v>9</v>
      </c>
      <c r="C87" s="6">
        <v>11</v>
      </c>
      <c r="D87" s="5">
        <v>20</v>
      </c>
    </row>
    <row r="88" spans="1:4" ht="18" customHeight="1" x14ac:dyDescent="0.15">
      <c r="A88" s="8">
        <v>68</v>
      </c>
      <c r="B88" s="21">
        <v>5</v>
      </c>
      <c r="C88" s="6">
        <v>5</v>
      </c>
      <c r="D88" s="5">
        <v>10</v>
      </c>
    </row>
    <row r="89" spans="1:4" ht="18" customHeight="1" x14ac:dyDescent="0.15">
      <c r="A89" s="8">
        <v>69</v>
      </c>
      <c r="B89" s="21">
        <v>5</v>
      </c>
      <c r="C89" s="6">
        <v>6</v>
      </c>
      <c r="D89" s="5">
        <v>11</v>
      </c>
    </row>
    <row r="90" spans="1:4" ht="18" customHeight="1" x14ac:dyDescent="0.15">
      <c r="A90" s="8" t="s">
        <v>10</v>
      </c>
      <c r="B90" s="21">
        <v>39</v>
      </c>
      <c r="C90" s="6">
        <v>33</v>
      </c>
      <c r="D90" s="5">
        <v>72</v>
      </c>
    </row>
    <row r="91" spans="1:4" ht="18" customHeight="1" x14ac:dyDescent="0.15">
      <c r="A91" s="8">
        <v>70</v>
      </c>
      <c r="B91" s="21">
        <v>7</v>
      </c>
      <c r="C91" s="6">
        <v>8</v>
      </c>
      <c r="D91" s="5">
        <v>15</v>
      </c>
    </row>
    <row r="92" spans="1:4" ht="18" customHeight="1" x14ac:dyDescent="0.15">
      <c r="A92" s="8">
        <v>71</v>
      </c>
      <c r="B92" s="21">
        <v>17</v>
      </c>
      <c r="C92" s="6">
        <v>12</v>
      </c>
      <c r="D92" s="5">
        <v>29</v>
      </c>
    </row>
    <row r="93" spans="1:4" ht="18" customHeight="1" x14ac:dyDescent="0.15">
      <c r="A93" s="8">
        <v>72</v>
      </c>
      <c r="B93" s="21">
        <v>12</v>
      </c>
      <c r="C93" s="6">
        <v>17</v>
      </c>
      <c r="D93" s="5">
        <v>29</v>
      </c>
    </row>
    <row r="94" spans="1:4" ht="18" customHeight="1" x14ac:dyDescent="0.15">
      <c r="A94" s="8">
        <v>73</v>
      </c>
      <c r="B94" s="21">
        <v>6</v>
      </c>
      <c r="C94" s="6">
        <v>16</v>
      </c>
      <c r="D94" s="5">
        <v>22</v>
      </c>
    </row>
    <row r="95" spans="1:4" ht="18" customHeight="1" x14ac:dyDescent="0.15">
      <c r="A95" s="8">
        <v>74</v>
      </c>
      <c r="B95" s="21">
        <v>9</v>
      </c>
      <c r="C95" s="6">
        <v>10</v>
      </c>
      <c r="D95" s="5">
        <v>19</v>
      </c>
    </row>
    <row r="96" spans="1:4" ht="18" customHeight="1" x14ac:dyDescent="0.15">
      <c r="A96" s="8" t="s">
        <v>9</v>
      </c>
      <c r="B96" s="21">
        <v>51</v>
      </c>
      <c r="C96" s="6">
        <v>63</v>
      </c>
      <c r="D96" s="5">
        <v>114</v>
      </c>
    </row>
    <row r="97" spans="1:4" ht="18" customHeight="1" x14ac:dyDescent="0.15">
      <c r="A97" s="8">
        <v>75</v>
      </c>
      <c r="B97" s="21">
        <v>14</v>
      </c>
      <c r="C97" s="6">
        <v>12</v>
      </c>
      <c r="D97" s="5">
        <v>26</v>
      </c>
    </row>
    <row r="98" spans="1:4" ht="18" customHeight="1" x14ac:dyDescent="0.15">
      <c r="A98" s="8">
        <v>76</v>
      </c>
      <c r="B98" s="21">
        <v>14</v>
      </c>
      <c r="C98" s="6">
        <v>15</v>
      </c>
      <c r="D98" s="5">
        <v>29</v>
      </c>
    </row>
    <row r="99" spans="1:4" ht="18" customHeight="1" x14ac:dyDescent="0.15">
      <c r="A99" s="8">
        <v>77</v>
      </c>
      <c r="B99" s="21">
        <v>22</v>
      </c>
      <c r="C99" s="6">
        <v>13</v>
      </c>
      <c r="D99" s="5">
        <v>35</v>
      </c>
    </row>
    <row r="100" spans="1:4" ht="18" customHeight="1" x14ac:dyDescent="0.15">
      <c r="A100" s="8">
        <v>78</v>
      </c>
      <c r="B100" s="21">
        <v>14</v>
      </c>
      <c r="C100" s="6">
        <v>12</v>
      </c>
      <c r="D100" s="5">
        <v>26</v>
      </c>
    </row>
    <row r="101" spans="1:4" ht="18" customHeight="1" x14ac:dyDescent="0.15">
      <c r="A101" s="8">
        <v>79</v>
      </c>
      <c r="B101" s="21">
        <v>10</v>
      </c>
      <c r="C101" s="6">
        <v>5</v>
      </c>
      <c r="D101" s="5">
        <v>15</v>
      </c>
    </row>
    <row r="102" spans="1:4" ht="18" customHeight="1" x14ac:dyDescent="0.15">
      <c r="A102" s="8" t="s">
        <v>8</v>
      </c>
      <c r="B102" s="21">
        <v>74</v>
      </c>
      <c r="C102" s="6">
        <v>57</v>
      </c>
      <c r="D102" s="5">
        <v>131</v>
      </c>
    </row>
    <row r="103" spans="1:4" ht="18" customHeight="1" x14ac:dyDescent="0.15">
      <c r="A103" s="8">
        <v>80</v>
      </c>
      <c r="B103" s="21">
        <v>3</v>
      </c>
      <c r="C103" s="6">
        <v>5</v>
      </c>
      <c r="D103" s="5">
        <v>8</v>
      </c>
    </row>
    <row r="104" spans="1:4" ht="18" customHeight="1" x14ac:dyDescent="0.15">
      <c r="A104" s="8">
        <v>81</v>
      </c>
      <c r="B104" s="21">
        <v>8</v>
      </c>
      <c r="C104" s="6">
        <v>5</v>
      </c>
      <c r="D104" s="5">
        <v>13</v>
      </c>
    </row>
    <row r="105" spans="1:4" ht="18" customHeight="1" x14ac:dyDescent="0.15">
      <c r="A105" s="8">
        <v>82</v>
      </c>
      <c r="B105" s="21">
        <v>2</v>
      </c>
      <c r="C105" s="6">
        <v>7</v>
      </c>
      <c r="D105" s="5">
        <v>9</v>
      </c>
    </row>
    <row r="106" spans="1:4" ht="18" customHeight="1" x14ac:dyDescent="0.15">
      <c r="A106" s="8">
        <v>83</v>
      </c>
      <c r="B106" s="21">
        <v>5</v>
      </c>
      <c r="C106" s="6">
        <v>11</v>
      </c>
      <c r="D106" s="5">
        <v>16</v>
      </c>
    </row>
    <row r="107" spans="1:4" ht="18" customHeight="1" x14ac:dyDescent="0.15">
      <c r="A107" s="8">
        <v>84</v>
      </c>
      <c r="B107" s="21">
        <v>5</v>
      </c>
      <c r="C107" s="6">
        <v>7</v>
      </c>
      <c r="D107" s="5">
        <v>12</v>
      </c>
    </row>
    <row r="108" spans="1:4" ht="18" customHeight="1" x14ac:dyDescent="0.15">
      <c r="A108" s="8" t="s">
        <v>7</v>
      </c>
      <c r="B108" s="21">
        <v>23</v>
      </c>
      <c r="C108" s="6">
        <v>35</v>
      </c>
      <c r="D108" s="5">
        <v>58</v>
      </c>
    </row>
    <row r="109" spans="1:4" ht="18" customHeight="1" x14ac:dyDescent="0.15">
      <c r="A109" s="8">
        <v>85</v>
      </c>
      <c r="B109" s="21">
        <v>4</v>
      </c>
      <c r="C109" s="6">
        <v>7</v>
      </c>
      <c r="D109" s="5">
        <v>11</v>
      </c>
    </row>
    <row r="110" spans="1:4" ht="18" customHeight="1" x14ac:dyDescent="0.15">
      <c r="A110" s="8">
        <v>86</v>
      </c>
      <c r="B110" s="21">
        <v>5</v>
      </c>
      <c r="C110" s="6">
        <v>7</v>
      </c>
      <c r="D110" s="5">
        <v>12</v>
      </c>
    </row>
    <row r="111" spans="1:4" ht="18" customHeight="1" x14ac:dyDescent="0.15">
      <c r="A111" s="8">
        <v>87</v>
      </c>
      <c r="B111" s="21">
        <v>3</v>
      </c>
      <c r="C111" s="6">
        <v>5</v>
      </c>
      <c r="D111" s="5">
        <v>8</v>
      </c>
    </row>
    <row r="112" spans="1:4" ht="18" customHeight="1" x14ac:dyDescent="0.15">
      <c r="A112" s="8">
        <v>88</v>
      </c>
      <c r="B112" s="21">
        <v>1</v>
      </c>
      <c r="C112" s="6">
        <v>12</v>
      </c>
      <c r="D112" s="5">
        <v>13</v>
      </c>
    </row>
    <row r="113" spans="1:4" ht="18" customHeight="1" x14ac:dyDescent="0.15">
      <c r="A113" s="8">
        <v>89</v>
      </c>
      <c r="B113" s="21">
        <v>7</v>
      </c>
      <c r="C113" s="6">
        <v>8</v>
      </c>
      <c r="D113" s="5">
        <v>15</v>
      </c>
    </row>
    <row r="114" spans="1:4" ht="18" customHeight="1" x14ac:dyDescent="0.15">
      <c r="A114" s="8" t="s">
        <v>6</v>
      </c>
      <c r="B114" s="21">
        <v>20</v>
      </c>
      <c r="C114" s="6">
        <v>39</v>
      </c>
      <c r="D114" s="5">
        <v>59</v>
      </c>
    </row>
    <row r="115" spans="1:4" ht="18" customHeight="1" x14ac:dyDescent="0.15">
      <c r="A115" s="8">
        <v>90</v>
      </c>
      <c r="B115" s="21">
        <v>5</v>
      </c>
      <c r="C115" s="6">
        <v>6</v>
      </c>
      <c r="D115" s="5">
        <v>11</v>
      </c>
    </row>
    <row r="116" spans="1:4" ht="18" customHeight="1" x14ac:dyDescent="0.15">
      <c r="A116" s="8">
        <v>91</v>
      </c>
      <c r="B116" s="21">
        <v>1</v>
      </c>
      <c r="C116" s="6">
        <v>7</v>
      </c>
      <c r="D116" s="5">
        <v>8</v>
      </c>
    </row>
    <row r="117" spans="1:4" ht="18" customHeight="1" x14ac:dyDescent="0.15">
      <c r="A117" s="8">
        <v>92</v>
      </c>
      <c r="B117" s="21">
        <v>1</v>
      </c>
      <c r="C117" s="6">
        <v>8</v>
      </c>
      <c r="D117" s="5">
        <v>9</v>
      </c>
    </row>
    <row r="118" spans="1:4" ht="18" customHeight="1" x14ac:dyDescent="0.15">
      <c r="A118" s="8">
        <v>93</v>
      </c>
      <c r="B118" s="21">
        <v>2</v>
      </c>
      <c r="C118" s="6">
        <v>5</v>
      </c>
      <c r="D118" s="5">
        <v>7</v>
      </c>
    </row>
    <row r="119" spans="1:4" ht="18" customHeight="1" x14ac:dyDescent="0.15">
      <c r="A119" s="8">
        <v>94</v>
      </c>
      <c r="B119" s="21">
        <v>2</v>
      </c>
      <c r="C119" s="6">
        <v>0</v>
      </c>
      <c r="D119" s="5">
        <v>2</v>
      </c>
    </row>
    <row r="120" spans="1:4" ht="18" customHeight="1" x14ac:dyDescent="0.15">
      <c r="A120" s="8" t="s">
        <v>5</v>
      </c>
      <c r="B120" s="21">
        <v>11</v>
      </c>
      <c r="C120" s="6">
        <v>26</v>
      </c>
      <c r="D120" s="5">
        <v>37</v>
      </c>
    </row>
    <row r="121" spans="1:4" ht="18" customHeight="1" x14ac:dyDescent="0.15">
      <c r="A121" s="8">
        <v>95</v>
      </c>
      <c r="B121" s="21">
        <v>0</v>
      </c>
      <c r="C121" s="6">
        <v>3</v>
      </c>
      <c r="D121" s="5">
        <v>3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5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12</v>
      </c>
      <c r="D126" s="5">
        <v>12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218</v>
      </c>
      <c r="C130" s="6">
        <v>265</v>
      </c>
      <c r="D130" s="5">
        <v>483</v>
      </c>
    </row>
    <row r="131" spans="1:4" ht="18" customHeight="1" x14ac:dyDescent="0.15">
      <c r="A131" s="4" t="s">
        <v>0</v>
      </c>
      <c r="B131" s="20">
        <v>583</v>
      </c>
      <c r="C131" s="2">
        <v>604</v>
      </c>
      <c r="D131" s="1">
        <v>118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B693E8-FAEC-485A-AF85-A6810092B6E2}">
  <sheetPr codeName="Sheet9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5</v>
      </c>
      <c r="C5" s="31">
        <v>15</v>
      </c>
      <c r="D5" s="30">
        <v>30</v>
      </c>
    </row>
    <row r="6" spans="1:4" ht="18" customHeight="1" x14ac:dyDescent="0.15">
      <c r="A6" s="8">
        <v>1</v>
      </c>
      <c r="B6" s="26">
        <v>19</v>
      </c>
      <c r="C6" s="6">
        <v>26</v>
      </c>
      <c r="D6" s="5">
        <v>45</v>
      </c>
    </row>
    <row r="7" spans="1:4" ht="18" customHeight="1" x14ac:dyDescent="0.15">
      <c r="A7" s="8">
        <v>2</v>
      </c>
      <c r="B7" s="26">
        <v>18</v>
      </c>
      <c r="C7" s="6">
        <v>15</v>
      </c>
      <c r="D7" s="5">
        <v>33</v>
      </c>
    </row>
    <row r="8" spans="1:4" ht="18" customHeight="1" x14ac:dyDescent="0.15">
      <c r="A8" s="8">
        <v>3</v>
      </c>
      <c r="B8" s="26">
        <v>15</v>
      </c>
      <c r="C8" s="6">
        <v>23</v>
      </c>
      <c r="D8" s="5">
        <v>38</v>
      </c>
    </row>
    <row r="9" spans="1:4" ht="18" customHeight="1" x14ac:dyDescent="0.15">
      <c r="A9" s="8">
        <v>4</v>
      </c>
      <c r="B9" s="29">
        <v>16</v>
      </c>
      <c r="C9" s="28">
        <v>31</v>
      </c>
      <c r="D9" s="27">
        <v>47</v>
      </c>
    </row>
    <row r="10" spans="1:4" ht="18" customHeight="1" x14ac:dyDescent="0.15">
      <c r="A10" s="8" t="s">
        <v>25</v>
      </c>
      <c r="B10" s="21">
        <v>83</v>
      </c>
      <c r="C10" s="6">
        <v>110</v>
      </c>
      <c r="D10" s="5">
        <v>193</v>
      </c>
    </row>
    <row r="11" spans="1:4" ht="18" customHeight="1" x14ac:dyDescent="0.15">
      <c r="A11" s="8">
        <v>5</v>
      </c>
      <c r="B11" s="26">
        <v>26</v>
      </c>
      <c r="C11" s="6">
        <v>16</v>
      </c>
      <c r="D11" s="5">
        <v>42</v>
      </c>
    </row>
    <row r="12" spans="1:4" ht="18" customHeight="1" x14ac:dyDescent="0.15">
      <c r="A12" s="8">
        <v>6</v>
      </c>
      <c r="B12" s="26">
        <v>17</v>
      </c>
      <c r="C12" s="6">
        <v>23</v>
      </c>
      <c r="D12" s="5">
        <v>40</v>
      </c>
    </row>
    <row r="13" spans="1:4" ht="18" customHeight="1" x14ac:dyDescent="0.15">
      <c r="A13" s="8">
        <v>7</v>
      </c>
      <c r="B13" s="26">
        <v>26</v>
      </c>
      <c r="C13" s="6">
        <v>22</v>
      </c>
      <c r="D13" s="5">
        <v>48</v>
      </c>
    </row>
    <row r="14" spans="1:4" ht="18" customHeight="1" x14ac:dyDescent="0.15">
      <c r="A14" s="8">
        <v>8</v>
      </c>
      <c r="B14" s="26">
        <v>18</v>
      </c>
      <c r="C14" s="6">
        <v>17</v>
      </c>
      <c r="D14" s="5">
        <v>35</v>
      </c>
    </row>
    <row r="15" spans="1:4" ht="18" customHeight="1" x14ac:dyDescent="0.15">
      <c r="A15" s="8">
        <v>9</v>
      </c>
      <c r="B15" s="26">
        <v>28</v>
      </c>
      <c r="C15" s="6">
        <v>18</v>
      </c>
      <c r="D15" s="5">
        <v>46</v>
      </c>
    </row>
    <row r="16" spans="1:4" ht="18" customHeight="1" x14ac:dyDescent="0.15">
      <c r="A16" s="8" t="s">
        <v>24</v>
      </c>
      <c r="B16" s="21">
        <v>115</v>
      </c>
      <c r="C16" s="6">
        <v>96</v>
      </c>
      <c r="D16" s="5">
        <v>211</v>
      </c>
    </row>
    <row r="17" spans="1:4" ht="18" customHeight="1" x14ac:dyDescent="0.15">
      <c r="A17" s="8">
        <v>10</v>
      </c>
      <c r="B17" s="21">
        <v>25</v>
      </c>
      <c r="C17" s="6">
        <v>9</v>
      </c>
      <c r="D17" s="5">
        <v>34</v>
      </c>
    </row>
    <row r="18" spans="1:4" ht="18" customHeight="1" x14ac:dyDescent="0.15">
      <c r="A18" s="8">
        <v>11</v>
      </c>
      <c r="B18" s="21">
        <v>18</v>
      </c>
      <c r="C18" s="6">
        <v>19</v>
      </c>
      <c r="D18" s="5">
        <v>37</v>
      </c>
    </row>
    <row r="19" spans="1:4" ht="18" customHeight="1" x14ac:dyDescent="0.15">
      <c r="A19" s="8">
        <v>12</v>
      </c>
      <c r="B19" s="21">
        <v>25</v>
      </c>
      <c r="C19" s="6">
        <v>19</v>
      </c>
      <c r="D19" s="5">
        <v>44</v>
      </c>
    </row>
    <row r="20" spans="1:4" ht="18" customHeight="1" x14ac:dyDescent="0.15">
      <c r="A20" s="8">
        <v>13</v>
      </c>
      <c r="B20" s="21">
        <v>19</v>
      </c>
      <c r="C20" s="6">
        <v>13</v>
      </c>
      <c r="D20" s="5">
        <v>32</v>
      </c>
    </row>
    <row r="21" spans="1:4" ht="18" customHeight="1" x14ac:dyDescent="0.15">
      <c r="A21" s="8">
        <v>14</v>
      </c>
      <c r="B21" s="21">
        <v>21</v>
      </c>
      <c r="C21" s="6">
        <v>35</v>
      </c>
      <c r="D21" s="5">
        <v>56</v>
      </c>
    </row>
    <row r="22" spans="1:4" ht="18" customHeight="1" x14ac:dyDescent="0.15">
      <c r="A22" s="8" t="s">
        <v>23</v>
      </c>
      <c r="B22" s="21">
        <v>108</v>
      </c>
      <c r="C22" s="6">
        <v>95</v>
      </c>
      <c r="D22" s="5">
        <v>203</v>
      </c>
    </row>
    <row r="23" spans="1:4" ht="18" customHeight="1" x14ac:dyDescent="0.15">
      <c r="A23" s="8" t="s">
        <v>22</v>
      </c>
      <c r="B23" s="21">
        <v>306</v>
      </c>
      <c r="C23" s="6">
        <v>301</v>
      </c>
      <c r="D23" s="5">
        <v>607</v>
      </c>
    </row>
    <row r="24" spans="1:4" ht="18" customHeight="1" x14ac:dyDescent="0.15">
      <c r="A24" s="8">
        <v>15</v>
      </c>
      <c r="B24" s="21">
        <v>21</v>
      </c>
      <c r="C24" s="6">
        <v>17</v>
      </c>
      <c r="D24" s="5">
        <v>38</v>
      </c>
    </row>
    <row r="25" spans="1:4" ht="18" customHeight="1" x14ac:dyDescent="0.15">
      <c r="A25" s="8">
        <v>16</v>
      </c>
      <c r="B25" s="21">
        <v>27</v>
      </c>
      <c r="C25" s="6">
        <v>12</v>
      </c>
      <c r="D25" s="5">
        <v>39</v>
      </c>
    </row>
    <row r="26" spans="1:4" ht="18" customHeight="1" x14ac:dyDescent="0.15">
      <c r="A26" s="8">
        <v>17</v>
      </c>
      <c r="B26" s="21">
        <v>25</v>
      </c>
      <c r="C26" s="6">
        <v>20</v>
      </c>
      <c r="D26" s="5">
        <v>45</v>
      </c>
    </row>
    <row r="27" spans="1:4" ht="18" customHeight="1" x14ac:dyDescent="0.15">
      <c r="A27" s="8">
        <v>18</v>
      </c>
      <c r="B27" s="21">
        <v>17</v>
      </c>
      <c r="C27" s="6">
        <v>19</v>
      </c>
      <c r="D27" s="5">
        <v>36</v>
      </c>
    </row>
    <row r="28" spans="1:4" ht="18" customHeight="1" x14ac:dyDescent="0.15">
      <c r="A28" s="8">
        <v>19</v>
      </c>
      <c r="B28" s="21">
        <v>20</v>
      </c>
      <c r="C28" s="6">
        <v>17</v>
      </c>
      <c r="D28" s="5">
        <v>37</v>
      </c>
    </row>
    <row r="29" spans="1:4" ht="18" customHeight="1" x14ac:dyDescent="0.15">
      <c r="A29" s="8" t="s">
        <v>21</v>
      </c>
      <c r="B29" s="21">
        <v>110</v>
      </c>
      <c r="C29" s="6">
        <v>85</v>
      </c>
      <c r="D29" s="5">
        <v>195</v>
      </c>
    </row>
    <row r="30" spans="1:4" ht="18" customHeight="1" x14ac:dyDescent="0.15">
      <c r="A30" s="8">
        <v>20</v>
      </c>
      <c r="B30" s="21">
        <v>23</v>
      </c>
      <c r="C30" s="6">
        <v>15</v>
      </c>
      <c r="D30" s="5">
        <v>38</v>
      </c>
    </row>
    <row r="31" spans="1:4" ht="18" customHeight="1" x14ac:dyDescent="0.15">
      <c r="A31" s="8">
        <v>21</v>
      </c>
      <c r="B31" s="21">
        <v>20</v>
      </c>
      <c r="C31" s="6">
        <v>24</v>
      </c>
      <c r="D31" s="5">
        <v>44</v>
      </c>
    </row>
    <row r="32" spans="1:4" ht="18" customHeight="1" x14ac:dyDescent="0.15">
      <c r="A32" s="8">
        <v>22</v>
      </c>
      <c r="B32" s="21">
        <v>23</v>
      </c>
      <c r="C32" s="6">
        <v>21</v>
      </c>
      <c r="D32" s="5">
        <v>44</v>
      </c>
    </row>
    <row r="33" spans="1:4" ht="18" customHeight="1" x14ac:dyDescent="0.15">
      <c r="A33" s="8">
        <v>23</v>
      </c>
      <c r="B33" s="21">
        <v>20</v>
      </c>
      <c r="C33" s="6">
        <v>22</v>
      </c>
      <c r="D33" s="5">
        <v>42</v>
      </c>
    </row>
    <row r="34" spans="1:4" ht="18" customHeight="1" x14ac:dyDescent="0.15">
      <c r="A34" s="8">
        <v>24</v>
      </c>
      <c r="B34" s="21">
        <v>27</v>
      </c>
      <c r="C34" s="6">
        <v>20</v>
      </c>
      <c r="D34" s="5">
        <v>47</v>
      </c>
    </row>
    <row r="35" spans="1:4" ht="18" customHeight="1" x14ac:dyDescent="0.15">
      <c r="A35" s="8" t="s">
        <v>20</v>
      </c>
      <c r="B35" s="21">
        <v>113</v>
      </c>
      <c r="C35" s="6">
        <v>102</v>
      </c>
      <c r="D35" s="5">
        <v>215</v>
      </c>
    </row>
    <row r="36" spans="1:4" ht="18" customHeight="1" x14ac:dyDescent="0.15">
      <c r="A36" s="8">
        <v>25</v>
      </c>
      <c r="B36" s="21">
        <v>32</v>
      </c>
      <c r="C36" s="6">
        <v>22</v>
      </c>
      <c r="D36" s="5">
        <v>54</v>
      </c>
    </row>
    <row r="37" spans="1:4" ht="18" customHeight="1" x14ac:dyDescent="0.15">
      <c r="A37" s="8">
        <v>26</v>
      </c>
      <c r="B37" s="21">
        <v>21</v>
      </c>
      <c r="C37" s="6">
        <v>28</v>
      </c>
      <c r="D37" s="5">
        <v>49</v>
      </c>
    </row>
    <row r="38" spans="1:4" ht="18" customHeight="1" x14ac:dyDescent="0.15">
      <c r="A38" s="8">
        <v>27</v>
      </c>
      <c r="B38" s="21">
        <v>14</v>
      </c>
      <c r="C38" s="6">
        <v>17</v>
      </c>
      <c r="D38" s="5">
        <v>31</v>
      </c>
    </row>
    <row r="39" spans="1:4" ht="18" customHeight="1" x14ac:dyDescent="0.15">
      <c r="A39" s="8">
        <v>28</v>
      </c>
      <c r="B39" s="21">
        <v>25</v>
      </c>
      <c r="C39" s="6">
        <v>22</v>
      </c>
      <c r="D39" s="5">
        <v>47</v>
      </c>
    </row>
    <row r="40" spans="1:4" ht="18" customHeight="1" x14ac:dyDescent="0.15">
      <c r="A40" s="8">
        <v>29</v>
      </c>
      <c r="B40" s="21">
        <v>26</v>
      </c>
      <c r="C40" s="6">
        <v>21</v>
      </c>
      <c r="D40" s="5">
        <v>47</v>
      </c>
    </row>
    <row r="41" spans="1:4" ht="18" customHeight="1" x14ac:dyDescent="0.15">
      <c r="A41" s="8" t="s">
        <v>19</v>
      </c>
      <c r="B41" s="21">
        <v>118</v>
      </c>
      <c r="C41" s="6">
        <v>110</v>
      </c>
      <c r="D41" s="5">
        <v>228</v>
      </c>
    </row>
    <row r="42" spans="1:4" ht="18" customHeight="1" x14ac:dyDescent="0.15">
      <c r="A42" s="8">
        <v>30</v>
      </c>
      <c r="B42" s="21">
        <v>24</v>
      </c>
      <c r="C42" s="6">
        <v>28</v>
      </c>
      <c r="D42" s="5">
        <v>52</v>
      </c>
    </row>
    <row r="43" spans="1:4" ht="18" customHeight="1" x14ac:dyDescent="0.15">
      <c r="A43" s="8">
        <v>31</v>
      </c>
      <c r="B43" s="21">
        <v>21</v>
      </c>
      <c r="C43" s="6">
        <v>21</v>
      </c>
      <c r="D43" s="5">
        <v>42</v>
      </c>
    </row>
    <row r="44" spans="1:4" ht="18" customHeight="1" x14ac:dyDescent="0.15">
      <c r="A44" s="8">
        <v>32</v>
      </c>
      <c r="B44" s="21">
        <v>29</v>
      </c>
      <c r="C44" s="6">
        <v>16</v>
      </c>
      <c r="D44" s="5">
        <v>45</v>
      </c>
    </row>
    <row r="45" spans="1:4" ht="18" customHeight="1" x14ac:dyDescent="0.15">
      <c r="A45" s="8">
        <v>33</v>
      </c>
      <c r="B45" s="21">
        <v>29</v>
      </c>
      <c r="C45" s="6">
        <v>19</v>
      </c>
      <c r="D45" s="5">
        <v>48</v>
      </c>
    </row>
    <row r="46" spans="1:4" ht="18" customHeight="1" x14ac:dyDescent="0.15">
      <c r="A46" s="8">
        <v>34</v>
      </c>
      <c r="B46" s="21">
        <v>29</v>
      </c>
      <c r="C46" s="6">
        <v>31</v>
      </c>
      <c r="D46" s="5">
        <v>60</v>
      </c>
    </row>
    <row r="47" spans="1:4" ht="18" customHeight="1" x14ac:dyDescent="0.15">
      <c r="A47" s="8" t="s">
        <v>18</v>
      </c>
      <c r="B47" s="21">
        <v>132</v>
      </c>
      <c r="C47" s="6">
        <v>115</v>
      </c>
      <c r="D47" s="5">
        <v>247</v>
      </c>
    </row>
    <row r="48" spans="1:4" ht="18" customHeight="1" x14ac:dyDescent="0.15">
      <c r="A48" s="8">
        <v>35</v>
      </c>
      <c r="B48" s="21">
        <v>24</v>
      </c>
      <c r="C48" s="6">
        <v>28</v>
      </c>
      <c r="D48" s="5">
        <v>52</v>
      </c>
    </row>
    <row r="49" spans="1:4" ht="18" customHeight="1" x14ac:dyDescent="0.15">
      <c r="A49" s="8">
        <v>36</v>
      </c>
      <c r="B49" s="21">
        <v>30</v>
      </c>
      <c r="C49" s="6">
        <v>29</v>
      </c>
      <c r="D49" s="5">
        <v>59</v>
      </c>
    </row>
    <row r="50" spans="1:4" ht="18" customHeight="1" x14ac:dyDescent="0.15">
      <c r="A50" s="8">
        <v>37</v>
      </c>
      <c r="B50" s="21">
        <v>28</v>
      </c>
      <c r="C50" s="6">
        <v>29</v>
      </c>
      <c r="D50" s="5">
        <v>57</v>
      </c>
    </row>
    <row r="51" spans="1:4" ht="18" customHeight="1" x14ac:dyDescent="0.15">
      <c r="A51" s="8">
        <v>38</v>
      </c>
      <c r="B51" s="21">
        <v>18</v>
      </c>
      <c r="C51" s="6">
        <v>26</v>
      </c>
      <c r="D51" s="5">
        <v>44</v>
      </c>
    </row>
    <row r="52" spans="1:4" ht="18" customHeight="1" x14ac:dyDescent="0.15">
      <c r="A52" s="8">
        <v>39</v>
      </c>
      <c r="B52" s="21">
        <v>16</v>
      </c>
      <c r="C52" s="6">
        <v>25</v>
      </c>
      <c r="D52" s="5">
        <v>41</v>
      </c>
    </row>
    <row r="53" spans="1:4" ht="18" customHeight="1" x14ac:dyDescent="0.15">
      <c r="A53" s="8" t="s">
        <v>17</v>
      </c>
      <c r="B53" s="21">
        <v>116</v>
      </c>
      <c r="C53" s="6">
        <v>137</v>
      </c>
      <c r="D53" s="5">
        <v>253</v>
      </c>
    </row>
    <row r="54" spans="1:4" ht="18" customHeight="1" x14ac:dyDescent="0.15">
      <c r="A54" s="8">
        <v>40</v>
      </c>
      <c r="B54" s="21">
        <v>29</v>
      </c>
      <c r="C54" s="6">
        <v>25</v>
      </c>
      <c r="D54" s="5">
        <v>54</v>
      </c>
    </row>
    <row r="55" spans="1:4" ht="18" customHeight="1" x14ac:dyDescent="0.15">
      <c r="A55" s="8">
        <v>41</v>
      </c>
      <c r="B55" s="21">
        <v>33</v>
      </c>
      <c r="C55" s="6">
        <v>35</v>
      </c>
      <c r="D55" s="5">
        <v>68</v>
      </c>
    </row>
    <row r="56" spans="1:4" ht="18" customHeight="1" x14ac:dyDescent="0.15">
      <c r="A56" s="8">
        <v>42</v>
      </c>
      <c r="B56" s="21">
        <v>29</v>
      </c>
      <c r="C56" s="6">
        <v>23</v>
      </c>
      <c r="D56" s="5">
        <v>52</v>
      </c>
    </row>
    <row r="57" spans="1:4" ht="18" customHeight="1" x14ac:dyDescent="0.15">
      <c r="A57" s="8">
        <v>43</v>
      </c>
      <c r="B57" s="21">
        <v>34</v>
      </c>
      <c r="C57" s="6">
        <v>23</v>
      </c>
      <c r="D57" s="5">
        <v>57</v>
      </c>
    </row>
    <row r="58" spans="1:4" ht="18" customHeight="1" x14ac:dyDescent="0.15">
      <c r="A58" s="8">
        <v>44</v>
      </c>
      <c r="B58" s="21">
        <v>30</v>
      </c>
      <c r="C58" s="6">
        <v>29</v>
      </c>
      <c r="D58" s="5">
        <v>59</v>
      </c>
    </row>
    <row r="59" spans="1:4" ht="18" customHeight="1" x14ac:dyDescent="0.15">
      <c r="A59" s="8" t="s">
        <v>16</v>
      </c>
      <c r="B59" s="21">
        <v>155</v>
      </c>
      <c r="C59" s="6">
        <v>135</v>
      </c>
      <c r="D59" s="5">
        <v>290</v>
      </c>
    </row>
    <row r="60" spans="1:4" ht="18" customHeight="1" x14ac:dyDescent="0.15">
      <c r="A60" s="8">
        <v>45</v>
      </c>
      <c r="B60" s="21">
        <v>25</v>
      </c>
      <c r="C60" s="6">
        <v>24</v>
      </c>
      <c r="D60" s="5">
        <v>49</v>
      </c>
    </row>
    <row r="61" spans="1:4" ht="18" customHeight="1" x14ac:dyDescent="0.15">
      <c r="A61" s="8">
        <v>46</v>
      </c>
      <c r="B61" s="21">
        <v>28</v>
      </c>
      <c r="C61" s="6">
        <v>24</v>
      </c>
      <c r="D61" s="5">
        <v>52</v>
      </c>
    </row>
    <row r="62" spans="1:4" ht="18" customHeight="1" x14ac:dyDescent="0.15">
      <c r="A62" s="8">
        <v>47</v>
      </c>
      <c r="B62" s="21">
        <v>38</v>
      </c>
      <c r="C62" s="6">
        <v>37</v>
      </c>
      <c r="D62" s="5">
        <v>75</v>
      </c>
    </row>
    <row r="63" spans="1:4" ht="18" customHeight="1" x14ac:dyDescent="0.15">
      <c r="A63" s="8">
        <v>48</v>
      </c>
      <c r="B63" s="21">
        <v>34</v>
      </c>
      <c r="C63" s="6">
        <v>37</v>
      </c>
      <c r="D63" s="5">
        <v>71</v>
      </c>
    </row>
    <row r="64" spans="1:4" ht="18" customHeight="1" x14ac:dyDescent="0.15">
      <c r="A64" s="8">
        <v>49</v>
      </c>
      <c r="B64" s="21">
        <v>48</v>
      </c>
      <c r="C64" s="6">
        <v>30</v>
      </c>
      <c r="D64" s="5">
        <v>78</v>
      </c>
    </row>
    <row r="65" spans="1:4" ht="18" customHeight="1" x14ac:dyDescent="0.15">
      <c r="A65" s="8" t="s">
        <v>15</v>
      </c>
      <c r="B65" s="21">
        <v>173</v>
      </c>
      <c r="C65" s="6">
        <v>152</v>
      </c>
      <c r="D65" s="5">
        <v>325</v>
      </c>
    </row>
    <row r="66" spans="1:4" ht="18" customHeight="1" x14ac:dyDescent="0.15">
      <c r="A66" s="8">
        <v>50</v>
      </c>
      <c r="B66" s="21">
        <v>34</v>
      </c>
      <c r="C66" s="6">
        <v>34</v>
      </c>
      <c r="D66" s="5">
        <v>68</v>
      </c>
    </row>
    <row r="67" spans="1:4" ht="18" customHeight="1" x14ac:dyDescent="0.15">
      <c r="A67" s="8">
        <v>51</v>
      </c>
      <c r="B67" s="21">
        <v>27</v>
      </c>
      <c r="C67" s="6">
        <v>34</v>
      </c>
      <c r="D67" s="5">
        <v>61</v>
      </c>
    </row>
    <row r="68" spans="1:4" ht="18" customHeight="1" x14ac:dyDescent="0.15">
      <c r="A68" s="8">
        <v>52</v>
      </c>
      <c r="B68" s="21">
        <v>41</v>
      </c>
      <c r="C68" s="6">
        <v>35</v>
      </c>
      <c r="D68" s="5">
        <v>76</v>
      </c>
    </row>
    <row r="69" spans="1:4" ht="18" customHeight="1" x14ac:dyDescent="0.15">
      <c r="A69" s="8">
        <v>53</v>
      </c>
      <c r="B69" s="21">
        <v>41</v>
      </c>
      <c r="C69" s="6">
        <v>34</v>
      </c>
      <c r="D69" s="5">
        <v>75</v>
      </c>
    </row>
    <row r="70" spans="1:4" ht="18" customHeight="1" x14ac:dyDescent="0.15">
      <c r="A70" s="8">
        <v>54</v>
      </c>
      <c r="B70" s="21">
        <v>35</v>
      </c>
      <c r="C70" s="6">
        <v>42</v>
      </c>
      <c r="D70" s="5">
        <v>77</v>
      </c>
    </row>
    <row r="71" spans="1:4" ht="18" customHeight="1" x14ac:dyDescent="0.15">
      <c r="A71" s="8" t="s">
        <v>14</v>
      </c>
      <c r="B71" s="21">
        <v>178</v>
      </c>
      <c r="C71" s="6">
        <v>179</v>
      </c>
      <c r="D71" s="5">
        <v>357</v>
      </c>
    </row>
    <row r="72" spans="1:4" ht="18" customHeight="1" x14ac:dyDescent="0.15">
      <c r="A72" s="8">
        <v>55</v>
      </c>
      <c r="B72" s="21">
        <v>31</v>
      </c>
      <c r="C72" s="6">
        <v>26</v>
      </c>
      <c r="D72" s="5">
        <v>57</v>
      </c>
    </row>
    <row r="73" spans="1:4" ht="18" customHeight="1" x14ac:dyDescent="0.15">
      <c r="A73" s="8">
        <v>56</v>
      </c>
      <c r="B73" s="21">
        <v>44</v>
      </c>
      <c r="C73" s="6">
        <v>47</v>
      </c>
      <c r="D73" s="5">
        <v>91</v>
      </c>
    </row>
    <row r="74" spans="1:4" ht="18" customHeight="1" x14ac:dyDescent="0.15">
      <c r="A74" s="8">
        <v>57</v>
      </c>
      <c r="B74" s="21">
        <v>36</v>
      </c>
      <c r="C74" s="6">
        <v>39</v>
      </c>
      <c r="D74" s="5">
        <v>75</v>
      </c>
    </row>
    <row r="75" spans="1:4" ht="18" customHeight="1" x14ac:dyDescent="0.15">
      <c r="A75" s="8">
        <v>58</v>
      </c>
      <c r="B75" s="21">
        <v>44</v>
      </c>
      <c r="C75" s="6">
        <v>50</v>
      </c>
      <c r="D75" s="5">
        <v>94</v>
      </c>
    </row>
    <row r="76" spans="1:4" ht="18" customHeight="1" x14ac:dyDescent="0.15">
      <c r="A76" s="8">
        <v>59</v>
      </c>
      <c r="B76" s="21">
        <v>26</v>
      </c>
      <c r="C76" s="6">
        <v>33</v>
      </c>
      <c r="D76" s="5">
        <v>59</v>
      </c>
    </row>
    <row r="77" spans="1:4" ht="18" customHeight="1" x14ac:dyDescent="0.15">
      <c r="A77" s="8" t="s">
        <v>13</v>
      </c>
      <c r="B77" s="21">
        <v>181</v>
      </c>
      <c r="C77" s="6">
        <v>195</v>
      </c>
      <c r="D77" s="5">
        <v>376</v>
      </c>
    </row>
    <row r="78" spans="1:4" ht="18" customHeight="1" x14ac:dyDescent="0.15">
      <c r="A78" s="8">
        <v>60</v>
      </c>
      <c r="B78" s="21">
        <v>35</v>
      </c>
      <c r="C78" s="6">
        <v>39</v>
      </c>
      <c r="D78" s="5">
        <v>74</v>
      </c>
    </row>
    <row r="79" spans="1:4" ht="18" customHeight="1" x14ac:dyDescent="0.15">
      <c r="A79" s="8">
        <v>61</v>
      </c>
      <c r="B79" s="21">
        <v>34</v>
      </c>
      <c r="C79" s="6">
        <v>29</v>
      </c>
      <c r="D79" s="5">
        <v>63</v>
      </c>
    </row>
    <row r="80" spans="1:4" ht="18" customHeight="1" x14ac:dyDescent="0.15">
      <c r="A80" s="8">
        <v>62</v>
      </c>
      <c r="B80" s="21">
        <v>32</v>
      </c>
      <c r="C80" s="6">
        <v>32</v>
      </c>
      <c r="D80" s="5">
        <v>64</v>
      </c>
    </row>
    <row r="81" spans="1:4" ht="18" customHeight="1" x14ac:dyDescent="0.15">
      <c r="A81" s="8">
        <v>63</v>
      </c>
      <c r="B81" s="21">
        <v>35</v>
      </c>
      <c r="C81" s="6">
        <v>29</v>
      </c>
      <c r="D81" s="5">
        <v>64</v>
      </c>
    </row>
    <row r="82" spans="1:4" ht="18" customHeight="1" x14ac:dyDescent="0.15">
      <c r="A82" s="8">
        <v>64</v>
      </c>
      <c r="B82" s="21">
        <v>34</v>
      </c>
      <c r="C82" s="6">
        <v>24</v>
      </c>
      <c r="D82" s="5">
        <v>58</v>
      </c>
    </row>
    <row r="83" spans="1:4" ht="18" customHeight="1" x14ac:dyDescent="0.15">
      <c r="A83" s="8" t="s">
        <v>12</v>
      </c>
      <c r="B83" s="21">
        <v>170</v>
      </c>
      <c r="C83" s="6">
        <v>153</v>
      </c>
      <c r="D83" s="5">
        <v>323</v>
      </c>
    </row>
    <row r="84" spans="1:4" ht="18" customHeight="1" x14ac:dyDescent="0.15">
      <c r="A84" s="8" t="s">
        <v>11</v>
      </c>
      <c r="B84" s="21">
        <v>1446</v>
      </c>
      <c r="C84" s="6">
        <v>1363</v>
      </c>
      <c r="D84" s="5">
        <v>2809</v>
      </c>
    </row>
    <row r="85" spans="1:4" ht="18" customHeight="1" x14ac:dyDescent="0.15">
      <c r="A85" s="8">
        <v>65</v>
      </c>
      <c r="B85" s="21">
        <v>24</v>
      </c>
      <c r="C85" s="6">
        <v>34</v>
      </c>
      <c r="D85" s="5">
        <v>58</v>
      </c>
    </row>
    <row r="86" spans="1:4" ht="18" customHeight="1" x14ac:dyDescent="0.15">
      <c r="A86" s="8">
        <v>66</v>
      </c>
      <c r="B86" s="21">
        <v>40</v>
      </c>
      <c r="C86" s="6">
        <v>28</v>
      </c>
      <c r="D86" s="5">
        <v>68</v>
      </c>
    </row>
    <row r="87" spans="1:4" ht="18" customHeight="1" x14ac:dyDescent="0.15">
      <c r="A87" s="8">
        <v>67</v>
      </c>
      <c r="B87" s="21">
        <v>22</v>
      </c>
      <c r="C87" s="6">
        <v>35</v>
      </c>
      <c r="D87" s="5">
        <v>57</v>
      </c>
    </row>
    <row r="88" spans="1:4" ht="18" customHeight="1" x14ac:dyDescent="0.15">
      <c r="A88" s="8">
        <v>68</v>
      </c>
      <c r="B88" s="21">
        <v>26</v>
      </c>
      <c r="C88" s="6">
        <v>35</v>
      </c>
      <c r="D88" s="5">
        <v>61</v>
      </c>
    </row>
    <row r="89" spans="1:4" ht="18" customHeight="1" x14ac:dyDescent="0.15">
      <c r="A89" s="8">
        <v>69</v>
      </c>
      <c r="B89" s="21">
        <v>24</v>
      </c>
      <c r="C89" s="6">
        <v>34</v>
      </c>
      <c r="D89" s="5">
        <v>58</v>
      </c>
    </row>
    <row r="90" spans="1:4" ht="18" customHeight="1" x14ac:dyDescent="0.15">
      <c r="A90" s="8" t="s">
        <v>10</v>
      </c>
      <c r="B90" s="21">
        <v>136</v>
      </c>
      <c r="C90" s="6">
        <v>166</v>
      </c>
      <c r="D90" s="5">
        <v>302</v>
      </c>
    </row>
    <row r="91" spans="1:4" ht="18" customHeight="1" x14ac:dyDescent="0.15">
      <c r="A91" s="8">
        <v>70</v>
      </c>
      <c r="B91" s="21">
        <v>30</v>
      </c>
      <c r="C91" s="6">
        <v>33</v>
      </c>
      <c r="D91" s="5">
        <v>63</v>
      </c>
    </row>
    <row r="92" spans="1:4" ht="18" customHeight="1" x14ac:dyDescent="0.15">
      <c r="A92" s="8">
        <v>71</v>
      </c>
      <c r="B92" s="21">
        <v>31</v>
      </c>
      <c r="C92" s="6">
        <v>38</v>
      </c>
      <c r="D92" s="5">
        <v>69</v>
      </c>
    </row>
    <row r="93" spans="1:4" ht="18" customHeight="1" x14ac:dyDescent="0.15">
      <c r="A93" s="8">
        <v>72</v>
      </c>
      <c r="B93" s="21">
        <v>32</v>
      </c>
      <c r="C93" s="6">
        <v>34</v>
      </c>
      <c r="D93" s="5">
        <v>66</v>
      </c>
    </row>
    <row r="94" spans="1:4" ht="18" customHeight="1" x14ac:dyDescent="0.15">
      <c r="A94" s="8">
        <v>73</v>
      </c>
      <c r="B94" s="21">
        <v>35</v>
      </c>
      <c r="C94" s="6">
        <v>32</v>
      </c>
      <c r="D94" s="5">
        <v>67</v>
      </c>
    </row>
    <row r="95" spans="1:4" ht="18" customHeight="1" x14ac:dyDescent="0.15">
      <c r="A95" s="8">
        <v>74</v>
      </c>
      <c r="B95" s="21">
        <v>25</v>
      </c>
      <c r="C95" s="6">
        <v>42</v>
      </c>
      <c r="D95" s="5">
        <v>67</v>
      </c>
    </row>
    <row r="96" spans="1:4" ht="18" customHeight="1" x14ac:dyDescent="0.15">
      <c r="A96" s="8" t="s">
        <v>9</v>
      </c>
      <c r="B96" s="21">
        <v>153</v>
      </c>
      <c r="C96" s="6">
        <v>179</v>
      </c>
      <c r="D96" s="5">
        <v>332</v>
      </c>
    </row>
    <row r="97" spans="1:4" ht="18" customHeight="1" x14ac:dyDescent="0.15">
      <c r="A97" s="8">
        <v>75</v>
      </c>
      <c r="B97" s="21">
        <v>27</v>
      </c>
      <c r="C97" s="6">
        <v>35</v>
      </c>
      <c r="D97" s="5">
        <v>62</v>
      </c>
    </row>
    <row r="98" spans="1:4" ht="18" customHeight="1" x14ac:dyDescent="0.15">
      <c r="A98" s="8">
        <v>76</v>
      </c>
      <c r="B98" s="21">
        <v>40</v>
      </c>
      <c r="C98" s="6">
        <v>34</v>
      </c>
      <c r="D98" s="5">
        <v>74</v>
      </c>
    </row>
    <row r="99" spans="1:4" ht="18" customHeight="1" x14ac:dyDescent="0.15">
      <c r="A99" s="8">
        <v>77</v>
      </c>
      <c r="B99" s="21">
        <v>34</v>
      </c>
      <c r="C99" s="6">
        <v>32</v>
      </c>
      <c r="D99" s="5">
        <v>66</v>
      </c>
    </row>
    <row r="100" spans="1:4" ht="18" customHeight="1" x14ac:dyDescent="0.15">
      <c r="A100" s="8">
        <v>78</v>
      </c>
      <c r="B100" s="21">
        <v>40</v>
      </c>
      <c r="C100" s="6">
        <v>44</v>
      </c>
      <c r="D100" s="5">
        <v>84</v>
      </c>
    </row>
    <row r="101" spans="1:4" ht="18" customHeight="1" x14ac:dyDescent="0.15">
      <c r="A101" s="8">
        <v>79</v>
      </c>
      <c r="B101" s="21">
        <v>15</v>
      </c>
      <c r="C101" s="6">
        <v>24</v>
      </c>
      <c r="D101" s="5">
        <v>39</v>
      </c>
    </row>
    <row r="102" spans="1:4" ht="18" customHeight="1" x14ac:dyDescent="0.15">
      <c r="A102" s="8" t="s">
        <v>8</v>
      </c>
      <c r="B102" s="21">
        <v>156</v>
      </c>
      <c r="C102" s="6">
        <v>169</v>
      </c>
      <c r="D102" s="5">
        <v>325</v>
      </c>
    </row>
    <row r="103" spans="1:4" ht="18" customHeight="1" x14ac:dyDescent="0.15">
      <c r="A103" s="8">
        <v>80</v>
      </c>
      <c r="B103" s="21">
        <v>20</v>
      </c>
      <c r="C103" s="6">
        <v>15</v>
      </c>
      <c r="D103" s="5">
        <v>35</v>
      </c>
    </row>
    <row r="104" spans="1:4" ht="18" customHeight="1" x14ac:dyDescent="0.15">
      <c r="A104" s="8">
        <v>81</v>
      </c>
      <c r="B104" s="21">
        <v>19</v>
      </c>
      <c r="C104" s="6">
        <v>36</v>
      </c>
      <c r="D104" s="5">
        <v>55</v>
      </c>
    </row>
    <row r="105" spans="1:4" ht="18" customHeight="1" x14ac:dyDescent="0.15">
      <c r="A105" s="8">
        <v>82</v>
      </c>
      <c r="B105" s="21">
        <v>12</v>
      </c>
      <c r="C105" s="6">
        <v>24</v>
      </c>
      <c r="D105" s="5">
        <v>36</v>
      </c>
    </row>
    <row r="106" spans="1:4" ht="18" customHeight="1" x14ac:dyDescent="0.15">
      <c r="A106" s="8">
        <v>83</v>
      </c>
      <c r="B106" s="21">
        <v>18</v>
      </c>
      <c r="C106" s="6">
        <v>36</v>
      </c>
      <c r="D106" s="5">
        <v>54</v>
      </c>
    </row>
    <row r="107" spans="1:4" ht="18" customHeight="1" x14ac:dyDescent="0.15">
      <c r="A107" s="8">
        <v>84</v>
      </c>
      <c r="B107" s="21">
        <v>13</v>
      </c>
      <c r="C107" s="6">
        <v>24</v>
      </c>
      <c r="D107" s="5">
        <v>37</v>
      </c>
    </row>
    <row r="108" spans="1:4" ht="18" customHeight="1" x14ac:dyDescent="0.15">
      <c r="A108" s="8" t="s">
        <v>7</v>
      </c>
      <c r="B108" s="21">
        <v>82</v>
      </c>
      <c r="C108" s="6">
        <v>135</v>
      </c>
      <c r="D108" s="5">
        <v>217</v>
      </c>
    </row>
    <row r="109" spans="1:4" ht="18" customHeight="1" x14ac:dyDescent="0.15">
      <c r="A109" s="8">
        <v>85</v>
      </c>
      <c r="B109" s="21">
        <v>12</v>
      </c>
      <c r="C109" s="6">
        <v>30</v>
      </c>
      <c r="D109" s="5">
        <v>42</v>
      </c>
    </row>
    <row r="110" spans="1:4" ht="18" customHeight="1" x14ac:dyDescent="0.15">
      <c r="A110" s="8">
        <v>86</v>
      </c>
      <c r="B110" s="21">
        <v>13</v>
      </c>
      <c r="C110" s="6">
        <v>20</v>
      </c>
      <c r="D110" s="5">
        <v>33</v>
      </c>
    </row>
    <row r="111" spans="1:4" ht="18" customHeight="1" x14ac:dyDescent="0.15">
      <c r="A111" s="8">
        <v>87</v>
      </c>
      <c r="B111" s="21">
        <v>16</v>
      </c>
      <c r="C111" s="6">
        <v>16</v>
      </c>
      <c r="D111" s="5">
        <v>32</v>
      </c>
    </row>
    <row r="112" spans="1:4" ht="18" customHeight="1" x14ac:dyDescent="0.15">
      <c r="A112" s="8">
        <v>88</v>
      </c>
      <c r="B112" s="21">
        <v>14</v>
      </c>
      <c r="C112" s="6">
        <v>26</v>
      </c>
      <c r="D112" s="5">
        <v>40</v>
      </c>
    </row>
    <row r="113" spans="1:4" ht="18" customHeight="1" x14ac:dyDescent="0.15">
      <c r="A113" s="8">
        <v>89</v>
      </c>
      <c r="B113" s="21">
        <v>14</v>
      </c>
      <c r="C113" s="6">
        <v>20</v>
      </c>
      <c r="D113" s="5">
        <v>34</v>
      </c>
    </row>
    <row r="114" spans="1:4" ht="18" customHeight="1" x14ac:dyDescent="0.15">
      <c r="A114" s="8" t="s">
        <v>6</v>
      </c>
      <c r="B114" s="21">
        <v>69</v>
      </c>
      <c r="C114" s="6">
        <v>112</v>
      </c>
      <c r="D114" s="5">
        <v>181</v>
      </c>
    </row>
    <row r="115" spans="1:4" ht="18" customHeight="1" x14ac:dyDescent="0.15">
      <c r="A115" s="8">
        <v>90</v>
      </c>
      <c r="B115" s="21">
        <v>8</v>
      </c>
      <c r="C115" s="6">
        <v>17</v>
      </c>
      <c r="D115" s="5">
        <v>25</v>
      </c>
    </row>
    <row r="116" spans="1:4" ht="18" customHeight="1" x14ac:dyDescent="0.15">
      <c r="A116" s="8">
        <v>91</v>
      </c>
      <c r="B116" s="21">
        <v>8</v>
      </c>
      <c r="C116" s="6">
        <v>16</v>
      </c>
      <c r="D116" s="5">
        <v>24</v>
      </c>
    </row>
    <row r="117" spans="1:4" ht="18" customHeight="1" x14ac:dyDescent="0.15">
      <c r="A117" s="8">
        <v>92</v>
      </c>
      <c r="B117" s="21">
        <v>4</v>
      </c>
      <c r="C117" s="6">
        <v>15</v>
      </c>
      <c r="D117" s="5">
        <v>19</v>
      </c>
    </row>
    <row r="118" spans="1:4" ht="18" customHeight="1" x14ac:dyDescent="0.15">
      <c r="A118" s="8">
        <v>93</v>
      </c>
      <c r="B118" s="21">
        <v>3</v>
      </c>
      <c r="C118" s="6">
        <v>18</v>
      </c>
      <c r="D118" s="5">
        <v>21</v>
      </c>
    </row>
    <row r="119" spans="1:4" ht="18" customHeight="1" x14ac:dyDescent="0.15">
      <c r="A119" s="8">
        <v>94</v>
      </c>
      <c r="B119" s="21">
        <v>2</v>
      </c>
      <c r="C119" s="6">
        <v>11</v>
      </c>
      <c r="D119" s="5">
        <v>13</v>
      </c>
    </row>
    <row r="120" spans="1:4" ht="18" customHeight="1" x14ac:dyDescent="0.15">
      <c r="A120" s="8" t="s">
        <v>5</v>
      </c>
      <c r="B120" s="21">
        <v>25</v>
      </c>
      <c r="C120" s="6">
        <v>77</v>
      </c>
      <c r="D120" s="5">
        <v>102</v>
      </c>
    </row>
    <row r="121" spans="1:4" ht="18" customHeight="1" x14ac:dyDescent="0.15">
      <c r="A121" s="8">
        <v>95</v>
      </c>
      <c r="B121" s="21">
        <v>2</v>
      </c>
      <c r="C121" s="6">
        <v>8</v>
      </c>
      <c r="D121" s="5">
        <v>10</v>
      </c>
    </row>
    <row r="122" spans="1:4" ht="18" customHeight="1" x14ac:dyDescent="0.15">
      <c r="A122" s="8">
        <v>96</v>
      </c>
      <c r="B122" s="21">
        <v>3</v>
      </c>
      <c r="C122" s="6">
        <v>9</v>
      </c>
      <c r="D122" s="5">
        <v>12</v>
      </c>
    </row>
    <row r="123" spans="1:4" ht="18" customHeight="1" x14ac:dyDescent="0.15">
      <c r="A123" s="8">
        <v>97</v>
      </c>
      <c r="B123" s="21">
        <v>0</v>
      </c>
      <c r="C123" s="6">
        <v>4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3</v>
      </c>
      <c r="C125" s="6">
        <v>1</v>
      </c>
      <c r="D125" s="5">
        <v>4</v>
      </c>
    </row>
    <row r="126" spans="1:4" ht="18" customHeight="1" x14ac:dyDescent="0.15">
      <c r="A126" s="8" t="s">
        <v>4</v>
      </c>
      <c r="B126" s="21">
        <v>8</v>
      </c>
      <c r="C126" s="6">
        <v>23</v>
      </c>
      <c r="D126" s="5">
        <v>31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629</v>
      </c>
      <c r="C130" s="6">
        <v>864</v>
      </c>
      <c r="D130" s="5">
        <v>1493</v>
      </c>
    </row>
    <row r="131" spans="1:4" ht="18" customHeight="1" x14ac:dyDescent="0.15">
      <c r="A131" s="4" t="s">
        <v>0</v>
      </c>
      <c r="B131" s="20">
        <v>2381</v>
      </c>
      <c r="C131" s="2">
        <v>2528</v>
      </c>
      <c r="D131" s="1">
        <v>490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9094F8-74CA-4346-9802-7B85E33CE2EF}">
  <sheetPr codeName="Sheet9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20</v>
      </c>
      <c r="C5" s="31">
        <v>106</v>
      </c>
      <c r="D5" s="30">
        <v>226</v>
      </c>
    </row>
    <row r="6" spans="1:4" ht="18" customHeight="1" x14ac:dyDescent="0.15">
      <c r="A6" s="8">
        <v>1</v>
      </c>
      <c r="B6" s="26">
        <v>105</v>
      </c>
      <c r="C6" s="6">
        <v>123</v>
      </c>
      <c r="D6" s="5">
        <v>228</v>
      </c>
    </row>
    <row r="7" spans="1:4" ht="18" customHeight="1" x14ac:dyDescent="0.15">
      <c r="A7" s="8">
        <v>2</v>
      </c>
      <c r="B7" s="26">
        <v>143</v>
      </c>
      <c r="C7" s="6">
        <v>120</v>
      </c>
      <c r="D7" s="5">
        <v>263</v>
      </c>
    </row>
    <row r="8" spans="1:4" ht="18" customHeight="1" x14ac:dyDescent="0.15">
      <c r="A8" s="8">
        <v>3</v>
      </c>
      <c r="B8" s="26">
        <v>141</v>
      </c>
      <c r="C8" s="6">
        <v>132</v>
      </c>
      <c r="D8" s="5">
        <v>273</v>
      </c>
    </row>
    <row r="9" spans="1:4" ht="18" customHeight="1" x14ac:dyDescent="0.15">
      <c r="A9" s="8">
        <v>4</v>
      </c>
      <c r="B9" s="29">
        <v>156</v>
      </c>
      <c r="C9" s="28">
        <v>161</v>
      </c>
      <c r="D9" s="27">
        <v>317</v>
      </c>
    </row>
    <row r="10" spans="1:4" ht="18" customHeight="1" x14ac:dyDescent="0.15">
      <c r="A10" s="8" t="s">
        <v>25</v>
      </c>
      <c r="B10" s="21">
        <v>665</v>
      </c>
      <c r="C10" s="6">
        <v>642</v>
      </c>
      <c r="D10" s="5">
        <v>1307</v>
      </c>
    </row>
    <row r="11" spans="1:4" ht="18" customHeight="1" x14ac:dyDescent="0.15">
      <c r="A11" s="8">
        <v>5</v>
      </c>
      <c r="B11" s="26">
        <v>174</v>
      </c>
      <c r="C11" s="6">
        <v>167</v>
      </c>
      <c r="D11" s="5">
        <v>341</v>
      </c>
    </row>
    <row r="12" spans="1:4" ht="18" customHeight="1" x14ac:dyDescent="0.15">
      <c r="A12" s="8">
        <v>6</v>
      </c>
      <c r="B12" s="26">
        <v>148</v>
      </c>
      <c r="C12" s="6">
        <v>146</v>
      </c>
      <c r="D12" s="5">
        <v>294</v>
      </c>
    </row>
    <row r="13" spans="1:4" ht="18" customHeight="1" x14ac:dyDescent="0.15">
      <c r="A13" s="8">
        <v>7</v>
      </c>
      <c r="B13" s="26">
        <v>195</v>
      </c>
      <c r="C13" s="6">
        <v>165</v>
      </c>
      <c r="D13" s="5">
        <v>360</v>
      </c>
    </row>
    <row r="14" spans="1:4" ht="18" customHeight="1" x14ac:dyDescent="0.15">
      <c r="A14" s="8">
        <v>8</v>
      </c>
      <c r="B14" s="26">
        <v>175</v>
      </c>
      <c r="C14" s="6">
        <v>174</v>
      </c>
      <c r="D14" s="5">
        <v>349</v>
      </c>
    </row>
    <row r="15" spans="1:4" ht="18" customHeight="1" x14ac:dyDescent="0.15">
      <c r="A15" s="8">
        <v>9</v>
      </c>
      <c r="B15" s="26">
        <v>213</v>
      </c>
      <c r="C15" s="6">
        <v>168</v>
      </c>
      <c r="D15" s="5">
        <v>381</v>
      </c>
    </row>
    <row r="16" spans="1:4" ht="18" customHeight="1" x14ac:dyDescent="0.15">
      <c r="A16" s="8" t="s">
        <v>24</v>
      </c>
      <c r="B16" s="21">
        <v>905</v>
      </c>
      <c r="C16" s="6">
        <v>820</v>
      </c>
      <c r="D16" s="5">
        <v>1725</v>
      </c>
    </row>
    <row r="17" spans="1:4" ht="18" customHeight="1" x14ac:dyDescent="0.15">
      <c r="A17" s="8">
        <v>10</v>
      </c>
      <c r="B17" s="21">
        <v>203</v>
      </c>
      <c r="C17" s="6">
        <v>162</v>
      </c>
      <c r="D17" s="5">
        <v>365</v>
      </c>
    </row>
    <row r="18" spans="1:4" ht="18" customHeight="1" x14ac:dyDescent="0.15">
      <c r="A18" s="8">
        <v>11</v>
      </c>
      <c r="B18" s="21">
        <v>187</v>
      </c>
      <c r="C18" s="6">
        <v>168</v>
      </c>
      <c r="D18" s="5">
        <v>355</v>
      </c>
    </row>
    <row r="19" spans="1:4" ht="18" customHeight="1" x14ac:dyDescent="0.15">
      <c r="A19" s="8">
        <v>12</v>
      </c>
      <c r="B19" s="21">
        <v>199</v>
      </c>
      <c r="C19" s="6">
        <v>213</v>
      </c>
      <c r="D19" s="5">
        <v>412</v>
      </c>
    </row>
    <row r="20" spans="1:4" ht="18" customHeight="1" x14ac:dyDescent="0.15">
      <c r="A20" s="8">
        <v>13</v>
      </c>
      <c r="B20" s="21">
        <v>203</v>
      </c>
      <c r="C20" s="6">
        <v>192</v>
      </c>
      <c r="D20" s="5">
        <v>395</v>
      </c>
    </row>
    <row r="21" spans="1:4" ht="18" customHeight="1" x14ac:dyDescent="0.15">
      <c r="A21" s="8">
        <v>14</v>
      </c>
      <c r="B21" s="21">
        <v>205</v>
      </c>
      <c r="C21" s="6">
        <v>216</v>
      </c>
      <c r="D21" s="5">
        <v>421</v>
      </c>
    </row>
    <row r="22" spans="1:4" ht="18" customHeight="1" x14ac:dyDescent="0.15">
      <c r="A22" s="8" t="s">
        <v>23</v>
      </c>
      <c r="B22" s="21">
        <v>997</v>
      </c>
      <c r="C22" s="6">
        <v>951</v>
      </c>
      <c r="D22" s="5">
        <v>1948</v>
      </c>
    </row>
    <row r="23" spans="1:4" ht="18" customHeight="1" x14ac:dyDescent="0.15">
      <c r="A23" s="8" t="s">
        <v>22</v>
      </c>
      <c r="B23" s="21">
        <v>2567</v>
      </c>
      <c r="C23" s="6">
        <v>2413</v>
      </c>
      <c r="D23" s="5">
        <v>4980</v>
      </c>
    </row>
    <row r="24" spans="1:4" ht="18" customHeight="1" x14ac:dyDescent="0.15">
      <c r="A24" s="8">
        <v>15</v>
      </c>
      <c r="B24" s="21">
        <v>220</v>
      </c>
      <c r="C24" s="6">
        <v>223</v>
      </c>
      <c r="D24" s="5">
        <v>443</v>
      </c>
    </row>
    <row r="25" spans="1:4" ht="18" customHeight="1" x14ac:dyDescent="0.15">
      <c r="A25" s="8">
        <v>16</v>
      </c>
      <c r="B25" s="21">
        <v>226</v>
      </c>
      <c r="C25" s="6">
        <v>198</v>
      </c>
      <c r="D25" s="5">
        <v>424</v>
      </c>
    </row>
    <row r="26" spans="1:4" ht="18" customHeight="1" x14ac:dyDescent="0.15">
      <c r="A26" s="8">
        <v>17</v>
      </c>
      <c r="B26" s="21">
        <v>243</v>
      </c>
      <c r="C26" s="6">
        <v>225</v>
      </c>
      <c r="D26" s="5">
        <v>468</v>
      </c>
    </row>
    <row r="27" spans="1:4" ht="18" customHeight="1" x14ac:dyDescent="0.15">
      <c r="A27" s="8">
        <v>18</v>
      </c>
      <c r="B27" s="21">
        <v>219</v>
      </c>
      <c r="C27" s="6">
        <v>221</v>
      </c>
      <c r="D27" s="5">
        <v>440</v>
      </c>
    </row>
    <row r="28" spans="1:4" ht="18" customHeight="1" x14ac:dyDescent="0.15">
      <c r="A28" s="8">
        <v>19</v>
      </c>
      <c r="B28" s="21">
        <v>229</v>
      </c>
      <c r="C28" s="6">
        <v>207</v>
      </c>
      <c r="D28" s="5">
        <v>436</v>
      </c>
    </row>
    <row r="29" spans="1:4" ht="18" customHeight="1" x14ac:dyDescent="0.15">
      <c r="A29" s="8" t="s">
        <v>21</v>
      </c>
      <c r="B29" s="21">
        <v>1137</v>
      </c>
      <c r="C29" s="6">
        <v>1074</v>
      </c>
      <c r="D29" s="5">
        <v>2211</v>
      </c>
    </row>
    <row r="30" spans="1:4" ht="18" customHeight="1" x14ac:dyDescent="0.15">
      <c r="A30" s="8">
        <v>20</v>
      </c>
      <c r="B30" s="21">
        <v>223</v>
      </c>
      <c r="C30" s="6">
        <v>200</v>
      </c>
      <c r="D30" s="5">
        <v>423</v>
      </c>
    </row>
    <row r="31" spans="1:4" ht="18" customHeight="1" x14ac:dyDescent="0.15">
      <c r="A31" s="8">
        <v>21</v>
      </c>
      <c r="B31" s="21">
        <v>238</v>
      </c>
      <c r="C31" s="6">
        <v>210</v>
      </c>
      <c r="D31" s="5">
        <v>448</v>
      </c>
    </row>
    <row r="32" spans="1:4" ht="18" customHeight="1" x14ac:dyDescent="0.15">
      <c r="A32" s="8">
        <v>22</v>
      </c>
      <c r="B32" s="21">
        <v>225</v>
      </c>
      <c r="C32" s="6">
        <v>191</v>
      </c>
      <c r="D32" s="5">
        <v>416</v>
      </c>
    </row>
    <row r="33" spans="1:4" ht="18" customHeight="1" x14ac:dyDescent="0.15">
      <c r="A33" s="8">
        <v>23</v>
      </c>
      <c r="B33" s="21">
        <v>206</v>
      </c>
      <c r="C33" s="6">
        <v>199</v>
      </c>
      <c r="D33" s="5">
        <v>405</v>
      </c>
    </row>
    <row r="34" spans="1:4" ht="18" customHeight="1" x14ac:dyDescent="0.15">
      <c r="A34" s="8">
        <v>24</v>
      </c>
      <c r="B34" s="21">
        <v>244</v>
      </c>
      <c r="C34" s="6">
        <v>192</v>
      </c>
      <c r="D34" s="5">
        <v>436</v>
      </c>
    </row>
    <row r="35" spans="1:4" ht="18" customHeight="1" x14ac:dyDescent="0.15">
      <c r="A35" s="8" t="s">
        <v>20</v>
      </c>
      <c r="B35" s="21">
        <v>1136</v>
      </c>
      <c r="C35" s="6">
        <v>992</v>
      </c>
      <c r="D35" s="5">
        <v>2128</v>
      </c>
    </row>
    <row r="36" spans="1:4" ht="18" customHeight="1" x14ac:dyDescent="0.15">
      <c r="A36" s="8">
        <v>25</v>
      </c>
      <c r="B36" s="21">
        <v>255</v>
      </c>
      <c r="C36" s="6">
        <v>182</v>
      </c>
      <c r="D36" s="5">
        <v>437</v>
      </c>
    </row>
    <row r="37" spans="1:4" ht="18" customHeight="1" x14ac:dyDescent="0.15">
      <c r="A37" s="8">
        <v>26</v>
      </c>
      <c r="B37" s="21">
        <v>200</v>
      </c>
      <c r="C37" s="6">
        <v>220</v>
      </c>
      <c r="D37" s="5">
        <v>420</v>
      </c>
    </row>
    <row r="38" spans="1:4" ht="18" customHeight="1" x14ac:dyDescent="0.15">
      <c r="A38" s="8">
        <v>27</v>
      </c>
      <c r="B38" s="21">
        <v>200</v>
      </c>
      <c r="C38" s="6">
        <v>193</v>
      </c>
      <c r="D38" s="5">
        <v>393</v>
      </c>
    </row>
    <row r="39" spans="1:4" ht="18" customHeight="1" x14ac:dyDescent="0.15">
      <c r="A39" s="8">
        <v>28</v>
      </c>
      <c r="B39" s="21">
        <v>221</v>
      </c>
      <c r="C39" s="6">
        <v>189</v>
      </c>
      <c r="D39" s="5">
        <v>410</v>
      </c>
    </row>
    <row r="40" spans="1:4" ht="18" customHeight="1" x14ac:dyDescent="0.15">
      <c r="A40" s="8">
        <v>29</v>
      </c>
      <c r="B40" s="21">
        <v>231</v>
      </c>
      <c r="C40" s="6">
        <v>191</v>
      </c>
      <c r="D40" s="5">
        <v>422</v>
      </c>
    </row>
    <row r="41" spans="1:4" ht="18" customHeight="1" x14ac:dyDescent="0.15">
      <c r="A41" s="8" t="s">
        <v>19</v>
      </c>
      <c r="B41" s="21">
        <v>1107</v>
      </c>
      <c r="C41" s="6">
        <v>975</v>
      </c>
      <c r="D41" s="5">
        <v>2082</v>
      </c>
    </row>
    <row r="42" spans="1:4" ht="18" customHeight="1" x14ac:dyDescent="0.15">
      <c r="A42" s="8">
        <v>30</v>
      </c>
      <c r="B42" s="21">
        <v>240</v>
      </c>
      <c r="C42" s="6">
        <v>201</v>
      </c>
      <c r="D42" s="5">
        <v>441</v>
      </c>
    </row>
    <row r="43" spans="1:4" ht="18" customHeight="1" x14ac:dyDescent="0.15">
      <c r="A43" s="8">
        <v>31</v>
      </c>
      <c r="B43" s="21">
        <v>205</v>
      </c>
      <c r="C43" s="6">
        <v>195</v>
      </c>
      <c r="D43" s="5">
        <v>400</v>
      </c>
    </row>
    <row r="44" spans="1:4" ht="18" customHeight="1" x14ac:dyDescent="0.15">
      <c r="A44" s="8">
        <v>32</v>
      </c>
      <c r="B44" s="21">
        <v>210</v>
      </c>
      <c r="C44" s="6">
        <v>204</v>
      </c>
      <c r="D44" s="5">
        <v>414</v>
      </c>
    </row>
    <row r="45" spans="1:4" ht="18" customHeight="1" x14ac:dyDescent="0.15">
      <c r="A45" s="8">
        <v>33</v>
      </c>
      <c r="B45" s="21">
        <v>214</v>
      </c>
      <c r="C45" s="6">
        <v>167</v>
      </c>
      <c r="D45" s="5">
        <v>381</v>
      </c>
    </row>
    <row r="46" spans="1:4" ht="18" customHeight="1" x14ac:dyDescent="0.15">
      <c r="A46" s="8">
        <v>34</v>
      </c>
      <c r="B46" s="21">
        <v>224</v>
      </c>
      <c r="C46" s="6">
        <v>185</v>
      </c>
      <c r="D46" s="5">
        <v>409</v>
      </c>
    </row>
    <row r="47" spans="1:4" ht="18" customHeight="1" x14ac:dyDescent="0.15">
      <c r="A47" s="8" t="s">
        <v>18</v>
      </c>
      <c r="B47" s="21">
        <v>1093</v>
      </c>
      <c r="C47" s="6">
        <v>952</v>
      </c>
      <c r="D47" s="5">
        <v>2045</v>
      </c>
    </row>
    <row r="48" spans="1:4" ht="18" customHeight="1" x14ac:dyDescent="0.15">
      <c r="A48" s="8">
        <v>35</v>
      </c>
      <c r="B48" s="21">
        <v>231</v>
      </c>
      <c r="C48" s="6">
        <v>202</v>
      </c>
      <c r="D48" s="5">
        <v>433</v>
      </c>
    </row>
    <row r="49" spans="1:4" ht="18" customHeight="1" x14ac:dyDescent="0.15">
      <c r="A49" s="8">
        <v>36</v>
      </c>
      <c r="B49" s="21">
        <v>227</v>
      </c>
      <c r="C49" s="6">
        <v>196</v>
      </c>
      <c r="D49" s="5">
        <v>423</v>
      </c>
    </row>
    <row r="50" spans="1:4" ht="18" customHeight="1" x14ac:dyDescent="0.15">
      <c r="A50" s="8">
        <v>37</v>
      </c>
      <c r="B50" s="21">
        <v>218</v>
      </c>
      <c r="C50" s="6">
        <v>188</v>
      </c>
      <c r="D50" s="5">
        <v>406</v>
      </c>
    </row>
    <row r="51" spans="1:4" ht="18" customHeight="1" x14ac:dyDescent="0.15">
      <c r="A51" s="8">
        <v>38</v>
      </c>
      <c r="B51" s="21">
        <v>213</v>
      </c>
      <c r="C51" s="6">
        <v>232</v>
      </c>
      <c r="D51" s="5">
        <v>445</v>
      </c>
    </row>
    <row r="52" spans="1:4" ht="18" customHeight="1" x14ac:dyDescent="0.15">
      <c r="A52" s="8">
        <v>39</v>
      </c>
      <c r="B52" s="21">
        <v>243</v>
      </c>
      <c r="C52" s="6">
        <v>243</v>
      </c>
      <c r="D52" s="5">
        <v>486</v>
      </c>
    </row>
    <row r="53" spans="1:4" ht="18" customHeight="1" x14ac:dyDescent="0.15">
      <c r="A53" s="8" t="s">
        <v>17</v>
      </c>
      <c r="B53" s="21">
        <v>1132</v>
      </c>
      <c r="C53" s="6">
        <v>1061</v>
      </c>
      <c r="D53" s="5">
        <v>2193</v>
      </c>
    </row>
    <row r="54" spans="1:4" ht="18" customHeight="1" x14ac:dyDescent="0.15">
      <c r="A54" s="8">
        <v>40</v>
      </c>
      <c r="B54" s="21">
        <v>244</v>
      </c>
      <c r="C54" s="6">
        <v>243</v>
      </c>
      <c r="D54" s="5">
        <v>487</v>
      </c>
    </row>
    <row r="55" spans="1:4" ht="18" customHeight="1" x14ac:dyDescent="0.15">
      <c r="A55" s="8">
        <v>41</v>
      </c>
      <c r="B55" s="21">
        <v>238</v>
      </c>
      <c r="C55" s="6">
        <v>258</v>
      </c>
      <c r="D55" s="5">
        <v>496</v>
      </c>
    </row>
    <row r="56" spans="1:4" ht="18" customHeight="1" x14ac:dyDescent="0.15">
      <c r="A56" s="8">
        <v>42</v>
      </c>
      <c r="B56" s="21">
        <v>268</v>
      </c>
      <c r="C56" s="6">
        <v>243</v>
      </c>
      <c r="D56" s="5">
        <v>511</v>
      </c>
    </row>
    <row r="57" spans="1:4" ht="18" customHeight="1" x14ac:dyDescent="0.15">
      <c r="A57" s="8">
        <v>43</v>
      </c>
      <c r="B57" s="21">
        <v>239</v>
      </c>
      <c r="C57" s="6">
        <v>246</v>
      </c>
      <c r="D57" s="5">
        <v>485</v>
      </c>
    </row>
    <row r="58" spans="1:4" ht="18" customHeight="1" x14ac:dyDescent="0.15">
      <c r="A58" s="8">
        <v>44</v>
      </c>
      <c r="B58" s="21">
        <v>265</v>
      </c>
      <c r="C58" s="6">
        <v>248</v>
      </c>
      <c r="D58" s="5">
        <v>513</v>
      </c>
    </row>
    <row r="59" spans="1:4" ht="18" customHeight="1" x14ac:dyDescent="0.15">
      <c r="A59" s="8" t="s">
        <v>16</v>
      </c>
      <c r="B59" s="21">
        <v>1254</v>
      </c>
      <c r="C59" s="6">
        <v>1238</v>
      </c>
      <c r="D59" s="5">
        <v>2492</v>
      </c>
    </row>
    <row r="60" spans="1:4" ht="18" customHeight="1" x14ac:dyDescent="0.15">
      <c r="A60" s="8">
        <v>45</v>
      </c>
      <c r="B60" s="21">
        <v>289</v>
      </c>
      <c r="C60" s="6">
        <v>275</v>
      </c>
      <c r="D60" s="5">
        <v>564</v>
      </c>
    </row>
    <row r="61" spans="1:4" ht="18" customHeight="1" x14ac:dyDescent="0.15">
      <c r="A61" s="8">
        <v>46</v>
      </c>
      <c r="B61" s="21">
        <v>273</v>
      </c>
      <c r="C61" s="6">
        <v>276</v>
      </c>
      <c r="D61" s="5">
        <v>549</v>
      </c>
    </row>
    <row r="62" spans="1:4" ht="18" customHeight="1" x14ac:dyDescent="0.15">
      <c r="A62" s="8">
        <v>47</v>
      </c>
      <c r="B62" s="21">
        <v>367</v>
      </c>
      <c r="C62" s="6">
        <v>307</v>
      </c>
      <c r="D62" s="5">
        <v>674</v>
      </c>
    </row>
    <row r="63" spans="1:4" ht="18" customHeight="1" x14ac:dyDescent="0.15">
      <c r="A63" s="8">
        <v>48</v>
      </c>
      <c r="B63" s="21">
        <v>322</v>
      </c>
      <c r="C63" s="6">
        <v>330</v>
      </c>
      <c r="D63" s="5">
        <v>652</v>
      </c>
    </row>
    <row r="64" spans="1:4" ht="18" customHeight="1" x14ac:dyDescent="0.15">
      <c r="A64" s="8">
        <v>49</v>
      </c>
      <c r="B64" s="21">
        <v>359</v>
      </c>
      <c r="C64" s="6">
        <v>331</v>
      </c>
      <c r="D64" s="5">
        <v>690</v>
      </c>
    </row>
    <row r="65" spans="1:4" ht="18" customHeight="1" x14ac:dyDescent="0.15">
      <c r="A65" s="8" t="s">
        <v>15</v>
      </c>
      <c r="B65" s="21">
        <v>1610</v>
      </c>
      <c r="C65" s="6">
        <v>1519</v>
      </c>
      <c r="D65" s="5">
        <v>3129</v>
      </c>
    </row>
    <row r="66" spans="1:4" ht="18" customHeight="1" x14ac:dyDescent="0.15">
      <c r="A66" s="8">
        <v>50</v>
      </c>
      <c r="B66" s="21">
        <v>340</v>
      </c>
      <c r="C66" s="6">
        <v>337</v>
      </c>
      <c r="D66" s="5">
        <v>677</v>
      </c>
    </row>
    <row r="67" spans="1:4" ht="18" customHeight="1" x14ac:dyDescent="0.15">
      <c r="A67" s="8">
        <v>51</v>
      </c>
      <c r="B67" s="21">
        <v>367</v>
      </c>
      <c r="C67" s="6">
        <v>358</v>
      </c>
      <c r="D67" s="5">
        <v>725</v>
      </c>
    </row>
    <row r="68" spans="1:4" ht="18" customHeight="1" x14ac:dyDescent="0.15">
      <c r="A68" s="8">
        <v>52</v>
      </c>
      <c r="B68" s="21">
        <v>369</v>
      </c>
      <c r="C68" s="6">
        <v>360</v>
      </c>
      <c r="D68" s="5">
        <v>729</v>
      </c>
    </row>
    <row r="69" spans="1:4" ht="18" customHeight="1" x14ac:dyDescent="0.15">
      <c r="A69" s="8">
        <v>53</v>
      </c>
      <c r="B69" s="21">
        <v>334</v>
      </c>
      <c r="C69" s="6">
        <v>336</v>
      </c>
      <c r="D69" s="5">
        <v>670</v>
      </c>
    </row>
    <row r="70" spans="1:4" ht="18" customHeight="1" x14ac:dyDescent="0.15">
      <c r="A70" s="8">
        <v>54</v>
      </c>
      <c r="B70" s="21">
        <v>310</v>
      </c>
      <c r="C70" s="6">
        <v>323</v>
      </c>
      <c r="D70" s="5">
        <v>633</v>
      </c>
    </row>
    <row r="71" spans="1:4" ht="18" customHeight="1" x14ac:dyDescent="0.15">
      <c r="A71" s="8" t="s">
        <v>14</v>
      </c>
      <c r="B71" s="21">
        <v>1720</v>
      </c>
      <c r="C71" s="6">
        <v>1714</v>
      </c>
      <c r="D71" s="5">
        <v>3434</v>
      </c>
    </row>
    <row r="72" spans="1:4" ht="18" customHeight="1" x14ac:dyDescent="0.15">
      <c r="A72" s="8">
        <v>55</v>
      </c>
      <c r="B72" s="21">
        <v>305</v>
      </c>
      <c r="C72" s="6">
        <v>293</v>
      </c>
      <c r="D72" s="5">
        <v>598</v>
      </c>
    </row>
    <row r="73" spans="1:4" ht="18" customHeight="1" x14ac:dyDescent="0.15">
      <c r="A73" s="8">
        <v>56</v>
      </c>
      <c r="B73" s="21">
        <v>324</v>
      </c>
      <c r="C73" s="6">
        <v>281</v>
      </c>
      <c r="D73" s="5">
        <v>605</v>
      </c>
    </row>
    <row r="74" spans="1:4" ht="18" customHeight="1" x14ac:dyDescent="0.15">
      <c r="A74" s="8">
        <v>57</v>
      </c>
      <c r="B74" s="21">
        <v>284</v>
      </c>
      <c r="C74" s="6">
        <v>320</v>
      </c>
      <c r="D74" s="5">
        <v>604</v>
      </c>
    </row>
    <row r="75" spans="1:4" ht="18" customHeight="1" x14ac:dyDescent="0.15">
      <c r="A75" s="8">
        <v>58</v>
      </c>
      <c r="B75" s="21">
        <v>258</v>
      </c>
      <c r="C75" s="6">
        <v>272</v>
      </c>
      <c r="D75" s="5">
        <v>530</v>
      </c>
    </row>
    <row r="76" spans="1:4" ht="18" customHeight="1" x14ac:dyDescent="0.15">
      <c r="A76" s="8">
        <v>59</v>
      </c>
      <c r="B76" s="21">
        <v>198</v>
      </c>
      <c r="C76" s="6">
        <v>188</v>
      </c>
      <c r="D76" s="5">
        <v>386</v>
      </c>
    </row>
    <row r="77" spans="1:4" ht="18" customHeight="1" x14ac:dyDescent="0.15">
      <c r="A77" s="8" t="s">
        <v>13</v>
      </c>
      <c r="B77" s="21">
        <v>1369</v>
      </c>
      <c r="C77" s="6">
        <v>1354</v>
      </c>
      <c r="D77" s="5">
        <v>2723</v>
      </c>
    </row>
    <row r="78" spans="1:4" ht="18" customHeight="1" x14ac:dyDescent="0.15">
      <c r="A78" s="8">
        <v>60</v>
      </c>
      <c r="B78" s="21">
        <v>244</v>
      </c>
      <c r="C78" s="6">
        <v>288</v>
      </c>
      <c r="D78" s="5">
        <v>532</v>
      </c>
    </row>
    <row r="79" spans="1:4" ht="18" customHeight="1" x14ac:dyDescent="0.15">
      <c r="A79" s="8">
        <v>61</v>
      </c>
      <c r="B79" s="21">
        <v>243</v>
      </c>
      <c r="C79" s="6">
        <v>238</v>
      </c>
      <c r="D79" s="5">
        <v>481</v>
      </c>
    </row>
    <row r="80" spans="1:4" ht="18" customHeight="1" x14ac:dyDescent="0.15">
      <c r="A80" s="8">
        <v>62</v>
      </c>
      <c r="B80" s="21">
        <v>239</v>
      </c>
      <c r="C80" s="6">
        <v>274</v>
      </c>
      <c r="D80" s="5">
        <v>513</v>
      </c>
    </row>
    <row r="81" spans="1:4" ht="18" customHeight="1" x14ac:dyDescent="0.15">
      <c r="A81" s="8">
        <v>63</v>
      </c>
      <c r="B81" s="21">
        <v>232</v>
      </c>
      <c r="C81" s="6">
        <v>236</v>
      </c>
      <c r="D81" s="5">
        <v>468</v>
      </c>
    </row>
    <row r="82" spans="1:4" ht="18" customHeight="1" x14ac:dyDescent="0.15">
      <c r="A82" s="8">
        <v>64</v>
      </c>
      <c r="B82" s="21">
        <v>213</v>
      </c>
      <c r="C82" s="6">
        <v>243</v>
      </c>
      <c r="D82" s="5">
        <v>456</v>
      </c>
    </row>
    <row r="83" spans="1:4" ht="18" customHeight="1" x14ac:dyDescent="0.15">
      <c r="A83" s="8" t="s">
        <v>12</v>
      </c>
      <c r="B83" s="21">
        <v>1171</v>
      </c>
      <c r="C83" s="6">
        <v>1279</v>
      </c>
      <c r="D83" s="5">
        <v>2450</v>
      </c>
    </row>
    <row r="84" spans="1:4" ht="18" customHeight="1" x14ac:dyDescent="0.15">
      <c r="A84" s="8" t="s">
        <v>11</v>
      </c>
      <c r="B84" s="21">
        <v>12729</v>
      </c>
      <c r="C84" s="6">
        <v>12158</v>
      </c>
      <c r="D84" s="5">
        <v>24887</v>
      </c>
    </row>
    <row r="85" spans="1:4" ht="18" customHeight="1" x14ac:dyDescent="0.15">
      <c r="A85" s="8">
        <v>65</v>
      </c>
      <c r="B85" s="21">
        <v>210</v>
      </c>
      <c r="C85" s="6">
        <v>232</v>
      </c>
      <c r="D85" s="5">
        <v>442</v>
      </c>
    </row>
    <row r="86" spans="1:4" ht="18" customHeight="1" x14ac:dyDescent="0.15">
      <c r="A86" s="8">
        <v>66</v>
      </c>
      <c r="B86" s="21">
        <v>246</v>
      </c>
      <c r="C86" s="6">
        <v>217</v>
      </c>
      <c r="D86" s="5">
        <v>463</v>
      </c>
    </row>
    <row r="87" spans="1:4" ht="18" customHeight="1" x14ac:dyDescent="0.15">
      <c r="A87" s="8">
        <v>67</v>
      </c>
      <c r="B87" s="21">
        <v>189</v>
      </c>
      <c r="C87" s="6">
        <v>221</v>
      </c>
      <c r="D87" s="5">
        <v>410</v>
      </c>
    </row>
    <row r="88" spans="1:4" ht="18" customHeight="1" x14ac:dyDescent="0.15">
      <c r="A88" s="8">
        <v>68</v>
      </c>
      <c r="B88" s="21">
        <v>186</v>
      </c>
      <c r="C88" s="6">
        <v>224</v>
      </c>
      <c r="D88" s="5">
        <v>410</v>
      </c>
    </row>
    <row r="89" spans="1:4" ht="18" customHeight="1" x14ac:dyDescent="0.15">
      <c r="A89" s="8">
        <v>69</v>
      </c>
      <c r="B89" s="21">
        <v>228</v>
      </c>
      <c r="C89" s="6">
        <v>227</v>
      </c>
      <c r="D89" s="5">
        <v>455</v>
      </c>
    </row>
    <row r="90" spans="1:4" ht="18" customHeight="1" x14ac:dyDescent="0.15">
      <c r="A90" s="8" t="s">
        <v>10</v>
      </c>
      <c r="B90" s="21">
        <v>1059</v>
      </c>
      <c r="C90" s="6">
        <v>1121</v>
      </c>
      <c r="D90" s="5">
        <v>2180</v>
      </c>
    </row>
    <row r="91" spans="1:4" ht="18" customHeight="1" x14ac:dyDescent="0.15">
      <c r="A91" s="8">
        <v>70</v>
      </c>
      <c r="B91" s="21">
        <v>222</v>
      </c>
      <c r="C91" s="6">
        <v>259</v>
      </c>
      <c r="D91" s="5">
        <v>481</v>
      </c>
    </row>
    <row r="92" spans="1:4" ht="18" customHeight="1" x14ac:dyDescent="0.15">
      <c r="A92" s="8">
        <v>71</v>
      </c>
      <c r="B92" s="21">
        <v>208</v>
      </c>
      <c r="C92" s="6">
        <v>234</v>
      </c>
      <c r="D92" s="5">
        <v>442</v>
      </c>
    </row>
    <row r="93" spans="1:4" ht="18" customHeight="1" x14ac:dyDescent="0.15">
      <c r="A93" s="8">
        <v>72</v>
      </c>
      <c r="B93" s="21">
        <v>244</v>
      </c>
      <c r="C93" s="6">
        <v>262</v>
      </c>
      <c r="D93" s="5">
        <v>506</v>
      </c>
    </row>
    <row r="94" spans="1:4" ht="18" customHeight="1" x14ac:dyDescent="0.15">
      <c r="A94" s="8">
        <v>73</v>
      </c>
      <c r="B94" s="21">
        <v>240</v>
      </c>
      <c r="C94" s="6">
        <v>259</v>
      </c>
      <c r="D94" s="5">
        <v>499</v>
      </c>
    </row>
    <row r="95" spans="1:4" ht="18" customHeight="1" x14ac:dyDescent="0.15">
      <c r="A95" s="8">
        <v>74</v>
      </c>
      <c r="B95" s="21">
        <v>219</v>
      </c>
      <c r="C95" s="6">
        <v>275</v>
      </c>
      <c r="D95" s="5">
        <v>494</v>
      </c>
    </row>
    <row r="96" spans="1:4" ht="18" customHeight="1" x14ac:dyDescent="0.15">
      <c r="A96" s="8" t="s">
        <v>9</v>
      </c>
      <c r="B96" s="21">
        <v>1133</v>
      </c>
      <c r="C96" s="6">
        <v>1289</v>
      </c>
      <c r="D96" s="5">
        <v>2422</v>
      </c>
    </row>
    <row r="97" spans="1:4" ht="18" customHeight="1" x14ac:dyDescent="0.15">
      <c r="A97" s="8">
        <v>75</v>
      </c>
      <c r="B97" s="21">
        <v>240</v>
      </c>
      <c r="C97" s="6">
        <v>266</v>
      </c>
      <c r="D97" s="5">
        <v>506</v>
      </c>
    </row>
    <row r="98" spans="1:4" ht="18" customHeight="1" x14ac:dyDescent="0.15">
      <c r="A98" s="8">
        <v>76</v>
      </c>
      <c r="B98" s="21">
        <v>280</v>
      </c>
      <c r="C98" s="6">
        <v>297</v>
      </c>
      <c r="D98" s="5">
        <v>577</v>
      </c>
    </row>
    <row r="99" spans="1:4" ht="18" customHeight="1" x14ac:dyDescent="0.15">
      <c r="A99" s="8">
        <v>77</v>
      </c>
      <c r="B99" s="21">
        <v>283</v>
      </c>
      <c r="C99" s="6">
        <v>299</v>
      </c>
      <c r="D99" s="5">
        <v>582</v>
      </c>
    </row>
    <row r="100" spans="1:4" ht="18" customHeight="1" x14ac:dyDescent="0.15">
      <c r="A100" s="8">
        <v>78</v>
      </c>
      <c r="B100" s="21">
        <v>264</v>
      </c>
      <c r="C100" s="6">
        <v>334</v>
      </c>
      <c r="D100" s="5">
        <v>598</v>
      </c>
    </row>
    <row r="101" spans="1:4" ht="18" customHeight="1" x14ac:dyDescent="0.15">
      <c r="A101" s="8">
        <v>79</v>
      </c>
      <c r="B101" s="21">
        <v>127</v>
      </c>
      <c r="C101" s="6">
        <v>154</v>
      </c>
      <c r="D101" s="5">
        <v>281</v>
      </c>
    </row>
    <row r="102" spans="1:4" ht="18" customHeight="1" x14ac:dyDescent="0.15">
      <c r="A102" s="8" t="s">
        <v>8</v>
      </c>
      <c r="B102" s="21">
        <v>1194</v>
      </c>
      <c r="C102" s="6">
        <v>1350</v>
      </c>
      <c r="D102" s="5">
        <v>2544</v>
      </c>
    </row>
    <row r="103" spans="1:4" ht="18" customHeight="1" x14ac:dyDescent="0.15">
      <c r="A103" s="8">
        <v>80</v>
      </c>
      <c r="B103" s="21">
        <v>130</v>
      </c>
      <c r="C103" s="6">
        <v>133</v>
      </c>
      <c r="D103" s="5">
        <v>263</v>
      </c>
    </row>
    <row r="104" spans="1:4" ht="18" customHeight="1" x14ac:dyDescent="0.15">
      <c r="A104" s="8">
        <v>81</v>
      </c>
      <c r="B104" s="21">
        <v>144</v>
      </c>
      <c r="C104" s="6">
        <v>212</v>
      </c>
      <c r="D104" s="5">
        <v>356</v>
      </c>
    </row>
    <row r="105" spans="1:4" ht="18" customHeight="1" x14ac:dyDescent="0.15">
      <c r="A105" s="8">
        <v>82</v>
      </c>
      <c r="B105" s="21">
        <v>128</v>
      </c>
      <c r="C105" s="6">
        <v>191</v>
      </c>
      <c r="D105" s="5">
        <v>319</v>
      </c>
    </row>
    <row r="106" spans="1:4" ht="18" customHeight="1" x14ac:dyDescent="0.15">
      <c r="A106" s="8">
        <v>83</v>
      </c>
      <c r="B106" s="21">
        <v>145</v>
      </c>
      <c r="C106" s="6">
        <v>181</v>
      </c>
      <c r="D106" s="5">
        <v>326</v>
      </c>
    </row>
    <row r="107" spans="1:4" ht="18" customHeight="1" x14ac:dyDescent="0.15">
      <c r="A107" s="8">
        <v>84</v>
      </c>
      <c r="B107" s="21">
        <v>115</v>
      </c>
      <c r="C107" s="6">
        <v>178</v>
      </c>
      <c r="D107" s="5">
        <v>293</v>
      </c>
    </row>
    <row r="108" spans="1:4" ht="18" customHeight="1" x14ac:dyDescent="0.15">
      <c r="A108" s="8" t="s">
        <v>7</v>
      </c>
      <c r="B108" s="21">
        <v>662</v>
      </c>
      <c r="C108" s="6">
        <v>895</v>
      </c>
      <c r="D108" s="5">
        <v>1557</v>
      </c>
    </row>
    <row r="109" spans="1:4" ht="18" customHeight="1" x14ac:dyDescent="0.15">
      <c r="A109" s="8">
        <v>85</v>
      </c>
      <c r="B109" s="21">
        <v>100</v>
      </c>
      <c r="C109" s="6">
        <v>160</v>
      </c>
      <c r="D109" s="5">
        <v>260</v>
      </c>
    </row>
    <row r="110" spans="1:4" ht="18" customHeight="1" x14ac:dyDescent="0.15">
      <c r="A110" s="8">
        <v>86</v>
      </c>
      <c r="B110" s="21">
        <v>77</v>
      </c>
      <c r="C110" s="6">
        <v>129</v>
      </c>
      <c r="D110" s="5">
        <v>206</v>
      </c>
    </row>
    <row r="111" spans="1:4" ht="18" customHeight="1" x14ac:dyDescent="0.15">
      <c r="A111" s="8">
        <v>87</v>
      </c>
      <c r="B111" s="21">
        <v>81</v>
      </c>
      <c r="C111" s="6">
        <v>104</v>
      </c>
      <c r="D111" s="5">
        <v>185</v>
      </c>
    </row>
    <row r="112" spans="1:4" ht="18" customHeight="1" x14ac:dyDescent="0.15">
      <c r="A112" s="8">
        <v>88</v>
      </c>
      <c r="B112" s="21">
        <v>65</v>
      </c>
      <c r="C112" s="6">
        <v>116</v>
      </c>
      <c r="D112" s="5">
        <v>181</v>
      </c>
    </row>
    <row r="113" spans="1:4" ht="18" customHeight="1" x14ac:dyDescent="0.15">
      <c r="A113" s="8">
        <v>89</v>
      </c>
      <c r="B113" s="21">
        <v>75</v>
      </c>
      <c r="C113" s="6">
        <v>119</v>
      </c>
      <c r="D113" s="5">
        <v>194</v>
      </c>
    </row>
    <row r="114" spans="1:4" ht="18" customHeight="1" x14ac:dyDescent="0.15">
      <c r="A114" s="8" t="s">
        <v>6</v>
      </c>
      <c r="B114" s="21">
        <v>398</v>
      </c>
      <c r="C114" s="6">
        <v>628</v>
      </c>
      <c r="D114" s="5">
        <v>1026</v>
      </c>
    </row>
    <row r="115" spans="1:4" ht="18" customHeight="1" x14ac:dyDescent="0.15">
      <c r="A115" s="8">
        <v>90</v>
      </c>
      <c r="B115" s="21">
        <v>53</v>
      </c>
      <c r="C115" s="6">
        <v>103</v>
      </c>
      <c r="D115" s="5">
        <v>156</v>
      </c>
    </row>
    <row r="116" spans="1:4" ht="18" customHeight="1" x14ac:dyDescent="0.15">
      <c r="A116" s="8">
        <v>91</v>
      </c>
      <c r="B116" s="21">
        <v>31</v>
      </c>
      <c r="C116" s="6">
        <v>96</v>
      </c>
      <c r="D116" s="5">
        <v>127</v>
      </c>
    </row>
    <row r="117" spans="1:4" ht="18" customHeight="1" x14ac:dyDescent="0.15">
      <c r="A117" s="8">
        <v>92</v>
      </c>
      <c r="B117" s="21">
        <v>28</v>
      </c>
      <c r="C117" s="6">
        <v>119</v>
      </c>
      <c r="D117" s="5">
        <v>147</v>
      </c>
    </row>
    <row r="118" spans="1:4" ht="18" customHeight="1" x14ac:dyDescent="0.15">
      <c r="A118" s="8">
        <v>93</v>
      </c>
      <c r="B118" s="21">
        <v>14</v>
      </c>
      <c r="C118" s="6">
        <v>97</v>
      </c>
      <c r="D118" s="5">
        <v>111</v>
      </c>
    </row>
    <row r="119" spans="1:4" ht="18" customHeight="1" x14ac:dyDescent="0.15">
      <c r="A119" s="8">
        <v>94</v>
      </c>
      <c r="B119" s="21">
        <v>20</v>
      </c>
      <c r="C119" s="6">
        <v>59</v>
      </c>
      <c r="D119" s="5">
        <v>79</v>
      </c>
    </row>
    <row r="120" spans="1:4" ht="18" customHeight="1" x14ac:dyDescent="0.15">
      <c r="A120" s="8" t="s">
        <v>5</v>
      </c>
      <c r="B120" s="21">
        <v>146</v>
      </c>
      <c r="C120" s="6">
        <v>474</v>
      </c>
      <c r="D120" s="5">
        <v>620</v>
      </c>
    </row>
    <row r="121" spans="1:4" ht="18" customHeight="1" x14ac:dyDescent="0.15">
      <c r="A121" s="8">
        <v>95</v>
      </c>
      <c r="B121" s="21">
        <v>16</v>
      </c>
      <c r="C121" s="6">
        <v>56</v>
      </c>
      <c r="D121" s="5">
        <v>72</v>
      </c>
    </row>
    <row r="122" spans="1:4" ht="18" customHeight="1" x14ac:dyDescent="0.15">
      <c r="A122" s="8">
        <v>96</v>
      </c>
      <c r="B122" s="21">
        <v>17</v>
      </c>
      <c r="C122" s="6">
        <v>35</v>
      </c>
      <c r="D122" s="5">
        <v>52</v>
      </c>
    </row>
    <row r="123" spans="1:4" ht="18" customHeight="1" x14ac:dyDescent="0.15">
      <c r="A123" s="8">
        <v>97</v>
      </c>
      <c r="B123" s="21">
        <v>7</v>
      </c>
      <c r="C123" s="6">
        <v>26</v>
      </c>
      <c r="D123" s="5">
        <v>33</v>
      </c>
    </row>
    <row r="124" spans="1:4" ht="18" customHeight="1" x14ac:dyDescent="0.15">
      <c r="A124" s="8">
        <v>98</v>
      </c>
      <c r="B124" s="21">
        <v>6</v>
      </c>
      <c r="C124" s="6">
        <v>22</v>
      </c>
      <c r="D124" s="5">
        <v>28</v>
      </c>
    </row>
    <row r="125" spans="1:4" ht="18" customHeight="1" x14ac:dyDescent="0.15">
      <c r="A125" s="8">
        <v>99</v>
      </c>
      <c r="B125" s="21">
        <v>5</v>
      </c>
      <c r="C125" s="6">
        <v>14</v>
      </c>
      <c r="D125" s="5">
        <v>19</v>
      </c>
    </row>
    <row r="126" spans="1:4" ht="18" customHeight="1" x14ac:dyDescent="0.15">
      <c r="A126" s="8" t="s">
        <v>4</v>
      </c>
      <c r="B126" s="21">
        <v>51</v>
      </c>
      <c r="C126" s="6">
        <v>153</v>
      </c>
      <c r="D126" s="5">
        <v>204</v>
      </c>
    </row>
    <row r="127" spans="1:4" ht="18" customHeight="1" x14ac:dyDescent="0.15">
      <c r="A127" s="8">
        <v>100</v>
      </c>
      <c r="B127" s="21">
        <v>2</v>
      </c>
      <c r="C127" s="6">
        <v>9</v>
      </c>
      <c r="D127" s="5">
        <v>11</v>
      </c>
    </row>
    <row r="128" spans="1:4" ht="18" customHeight="1" x14ac:dyDescent="0.15">
      <c r="A128" s="9" t="s">
        <v>3</v>
      </c>
      <c r="B128" s="21">
        <v>1</v>
      </c>
      <c r="C128" s="6">
        <v>18</v>
      </c>
      <c r="D128" s="5">
        <v>19</v>
      </c>
    </row>
    <row r="129" spans="1:4" ht="18" customHeight="1" x14ac:dyDescent="0.15">
      <c r="A129" s="8" t="s">
        <v>2</v>
      </c>
      <c r="B129" s="21">
        <v>3</v>
      </c>
      <c r="C129" s="6">
        <v>27</v>
      </c>
      <c r="D129" s="5">
        <v>30</v>
      </c>
    </row>
    <row r="130" spans="1:4" ht="18" customHeight="1" x14ac:dyDescent="0.15">
      <c r="A130" s="8" t="s">
        <v>1</v>
      </c>
      <c r="B130" s="21">
        <v>4646</v>
      </c>
      <c r="C130" s="6">
        <v>5937</v>
      </c>
      <c r="D130" s="5">
        <v>10583</v>
      </c>
    </row>
    <row r="131" spans="1:4" ht="18" customHeight="1" x14ac:dyDescent="0.15">
      <c r="A131" s="4" t="s">
        <v>0</v>
      </c>
      <c r="B131" s="20">
        <v>19942</v>
      </c>
      <c r="C131" s="2">
        <v>20508</v>
      </c>
      <c r="D131" s="1">
        <v>4045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4239BE-72D1-4A6E-8812-FED9FE7992C5}">
  <sheetPr codeName="Sheet9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 t="s">
        <v>220</v>
      </c>
      <c r="C5" s="31" t="s">
        <v>220</v>
      </c>
      <c r="D5" s="30" t="s">
        <v>220</v>
      </c>
    </row>
    <row r="6" spans="1:4" ht="18" customHeight="1" x14ac:dyDescent="0.15">
      <c r="A6" s="8">
        <v>1</v>
      </c>
      <c r="B6" s="26" t="s">
        <v>220</v>
      </c>
      <c r="C6" s="6" t="s">
        <v>220</v>
      </c>
      <c r="D6" s="5" t="s">
        <v>220</v>
      </c>
    </row>
    <row r="7" spans="1:4" ht="18" customHeight="1" x14ac:dyDescent="0.15">
      <c r="A7" s="8">
        <v>2</v>
      </c>
      <c r="B7" s="26" t="s">
        <v>220</v>
      </c>
      <c r="C7" s="6" t="s">
        <v>220</v>
      </c>
      <c r="D7" s="5" t="s">
        <v>220</v>
      </c>
    </row>
    <row r="8" spans="1:4" ht="18" customHeight="1" x14ac:dyDescent="0.15">
      <c r="A8" s="8">
        <v>3</v>
      </c>
      <c r="B8" s="26" t="s">
        <v>220</v>
      </c>
      <c r="C8" s="6" t="s">
        <v>220</v>
      </c>
      <c r="D8" s="5" t="s">
        <v>220</v>
      </c>
    </row>
    <row r="9" spans="1:4" ht="18" customHeight="1" x14ac:dyDescent="0.15">
      <c r="A9" s="8">
        <v>4</v>
      </c>
      <c r="B9" s="29" t="s">
        <v>220</v>
      </c>
      <c r="C9" s="28" t="s">
        <v>220</v>
      </c>
      <c r="D9" s="27" t="s">
        <v>220</v>
      </c>
    </row>
    <row r="10" spans="1:4" ht="18" customHeight="1" x14ac:dyDescent="0.15">
      <c r="A10" s="8" t="s">
        <v>25</v>
      </c>
      <c r="B10" s="21" t="s">
        <v>220</v>
      </c>
      <c r="C10" s="6" t="s">
        <v>220</v>
      </c>
      <c r="D10" s="5" t="s">
        <v>220</v>
      </c>
    </row>
    <row r="11" spans="1:4" ht="18" customHeight="1" x14ac:dyDescent="0.15">
      <c r="A11" s="8">
        <v>5</v>
      </c>
      <c r="B11" s="26" t="s">
        <v>220</v>
      </c>
      <c r="C11" s="6" t="s">
        <v>220</v>
      </c>
      <c r="D11" s="5" t="s">
        <v>220</v>
      </c>
    </row>
    <row r="12" spans="1:4" ht="18" customHeight="1" x14ac:dyDescent="0.15">
      <c r="A12" s="8">
        <v>6</v>
      </c>
      <c r="B12" s="26" t="s">
        <v>220</v>
      </c>
      <c r="C12" s="6" t="s">
        <v>220</v>
      </c>
      <c r="D12" s="5" t="s">
        <v>220</v>
      </c>
    </row>
    <row r="13" spans="1:4" ht="18" customHeight="1" x14ac:dyDescent="0.15">
      <c r="A13" s="8">
        <v>7</v>
      </c>
      <c r="B13" s="26" t="s">
        <v>220</v>
      </c>
      <c r="C13" s="6" t="s">
        <v>220</v>
      </c>
      <c r="D13" s="5" t="s">
        <v>220</v>
      </c>
    </row>
    <row r="14" spans="1:4" ht="18" customHeight="1" x14ac:dyDescent="0.15">
      <c r="A14" s="8">
        <v>8</v>
      </c>
      <c r="B14" s="26" t="s">
        <v>220</v>
      </c>
      <c r="C14" s="6" t="s">
        <v>220</v>
      </c>
      <c r="D14" s="5" t="s">
        <v>220</v>
      </c>
    </row>
    <row r="15" spans="1:4" ht="18" customHeight="1" x14ac:dyDescent="0.15">
      <c r="A15" s="8">
        <v>9</v>
      </c>
      <c r="B15" s="26" t="s">
        <v>220</v>
      </c>
      <c r="C15" s="6" t="s">
        <v>220</v>
      </c>
      <c r="D15" s="5" t="s">
        <v>220</v>
      </c>
    </row>
    <row r="16" spans="1:4" ht="18" customHeight="1" x14ac:dyDescent="0.15">
      <c r="A16" s="8" t="s">
        <v>24</v>
      </c>
      <c r="B16" s="21" t="s">
        <v>220</v>
      </c>
      <c r="C16" s="6" t="s">
        <v>220</v>
      </c>
      <c r="D16" s="5" t="s">
        <v>220</v>
      </c>
    </row>
    <row r="17" spans="1:4" ht="18" customHeight="1" x14ac:dyDescent="0.15">
      <c r="A17" s="8">
        <v>10</v>
      </c>
      <c r="B17" s="21" t="s">
        <v>220</v>
      </c>
      <c r="C17" s="6" t="s">
        <v>220</v>
      </c>
      <c r="D17" s="5" t="s">
        <v>220</v>
      </c>
    </row>
    <row r="18" spans="1:4" ht="18" customHeight="1" x14ac:dyDescent="0.15">
      <c r="A18" s="8">
        <v>11</v>
      </c>
      <c r="B18" s="21" t="s">
        <v>220</v>
      </c>
      <c r="C18" s="6" t="s">
        <v>220</v>
      </c>
      <c r="D18" s="5" t="s">
        <v>220</v>
      </c>
    </row>
    <row r="19" spans="1:4" ht="18" customHeight="1" x14ac:dyDescent="0.15">
      <c r="A19" s="8">
        <v>12</v>
      </c>
      <c r="B19" s="21" t="s">
        <v>220</v>
      </c>
      <c r="C19" s="6" t="s">
        <v>220</v>
      </c>
      <c r="D19" s="5" t="s">
        <v>220</v>
      </c>
    </row>
    <row r="20" spans="1:4" ht="18" customHeight="1" x14ac:dyDescent="0.15">
      <c r="A20" s="8">
        <v>13</v>
      </c>
      <c r="B20" s="21" t="s">
        <v>220</v>
      </c>
      <c r="C20" s="6" t="s">
        <v>220</v>
      </c>
      <c r="D20" s="5" t="s">
        <v>220</v>
      </c>
    </row>
    <row r="21" spans="1:4" ht="18" customHeight="1" x14ac:dyDescent="0.15">
      <c r="A21" s="8">
        <v>14</v>
      </c>
      <c r="B21" s="21" t="s">
        <v>220</v>
      </c>
      <c r="C21" s="6" t="s">
        <v>220</v>
      </c>
      <c r="D21" s="5" t="s">
        <v>220</v>
      </c>
    </row>
    <row r="22" spans="1:4" ht="18" customHeight="1" x14ac:dyDescent="0.15">
      <c r="A22" s="8" t="s">
        <v>23</v>
      </c>
      <c r="B22" s="21" t="s">
        <v>220</v>
      </c>
      <c r="C22" s="6" t="s">
        <v>220</v>
      </c>
      <c r="D22" s="5" t="s">
        <v>220</v>
      </c>
    </row>
    <row r="23" spans="1:4" ht="18" customHeight="1" x14ac:dyDescent="0.15">
      <c r="A23" s="8" t="s">
        <v>22</v>
      </c>
      <c r="B23" s="21">
        <v>0</v>
      </c>
      <c r="C23" s="6">
        <v>0</v>
      </c>
      <c r="D23" s="5">
        <v>0</v>
      </c>
    </row>
    <row r="24" spans="1:4" ht="18" customHeight="1" x14ac:dyDescent="0.15">
      <c r="A24" s="8">
        <v>15</v>
      </c>
      <c r="B24" s="21" t="s">
        <v>220</v>
      </c>
      <c r="C24" s="6" t="s">
        <v>220</v>
      </c>
      <c r="D24" s="5" t="s">
        <v>220</v>
      </c>
    </row>
    <row r="25" spans="1:4" ht="18" customHeight="1" x14ac:dyDescent="0.15">
      <c r="A25" s="8">
        <v>16</v>
      </c>
      <c r="B25" s="21" t="s">
        <v>220</v>
      </c>
      <c r="C25" s="6" t="s">
        <v>220</v>
      </c>
      <c r="D25" s="5" t="s">
        <v>220</v>
      </c>
    </row>
    <row r="26" spans="1:4" ht="18" customHeight="1" x14ac:dyDescent="0.15">
      <c r="A26" s="8">
        <v>17</v>
      </c>
      <c r="B26" s="21" t="s">
        <v>220</v>
      </c>
      <c r="C26" s="6" t="s">
        <v>220</v>
      </c>
      <c r="D26" s="5" t="s">
        <v>220</v>
      </c>
    </row>
    <row r="27" spans="1:4" ht="18" customHeight="1" x14ac:dyDescent="0.15">
      <c r="A27" s="8">
        <v>18</v>
      </c>
      <c r="B27" s="21" t="s">
        <v>220</v>
      </c>
      <c r="C27" s="6" t="s">
        <v>220</v>
      </c>
      <c r="D27" s="5" t="s">
        <v>220</v>
      </c>
    </row>
    <row r="28" spans="1:4" ht="18" customHeight="1" x14ac:dyDescent="0.15">
      <c r="A28" s="8">
        <v>19</v>
      </c>
      <c r="B28" s="21" t="s">
        <v>220</v>
      </c>
      <c r="C28" s="6" t="s">
        <v>220</v>
      </c>
      <c r="D28" s="5" t="s">
        <v>220</v>
      </c>
    </row>
    <row r="29" spans="1:4" ht="18" customHeight="1" x14ac:dyDescent="0.15">
      <c r="A29" s="8" t="s">
        <v>21</v>
      </c>
      <c r="B29" s="21" t="s">
        <v>220</v>
      </c>
      <c r="C29" s="6" t="s">
        <v>220</v>
      </c>
      <c r="D29" s="5" t="s">
        <v>220</v>
      </c>
    </row>
    <row r="30" spans="1:4" ht="18" customHeight="1" x14ac:dyDescent="0.15">
      <c r="A30" s="8">
        <v>20</v>
      </c>
      <c r="B30" s="21" t="s">
        <v>220</v>
      </c>
      <c r="C30" s="6" t="s">
        <v>220</v>
      </c>
      <c r="D30" s="5" t="s">
        <v>220</v>
      </c>
    </row>
    <row r="31" spans="1:4" ht="18" customHeight="1" x14ac:dyDescent="0.15">
      <c r="A31" s="8">
        <v>21</v>
      </c>
      <c r="B31" s="21" t="s">
        <v>220</v>
      </c>
      <c r="C31" s="6" t="s">
        <v>220</v>
      </c>
      <c r="D31" s="5" t="s">
        <v>220</v>
      </c>
    </row>
    <row r="32" spans="1:4" ht="18" customHeight="1" x14ac:dyDescent="0.15">
      <c r="A32" s="8">
        <v>22</v>
      </c>
      <c r="B32" s="21" t="s">
        <v>220</v>
      </c>
      <c r="C32" s="6" t="s">
        <v>220</v>
      </c>
      <c r="D32" s="5" t="s">
        <v>220</v>
      </c>
    </row>
    <row r="33" spans="1:4" ht="18" customHeight="1" x14ac:dyDescent="0.15">
      <c r="A33" s="8">
        <v>23</v>
      </c>
      <c r="B33" s="21" t="s">
        <v>220</v>
      </c>
      <c r="C33" s="6" t="s">
        <v>220</v>
      </c>
      <c r="D33" s="5" t="s">
        <v>220</v>
      </c>
    </row>
    <row r="34" spans="1:4" ht="18" customHeight="1" x14ac:dyDescent="0.15">
      <c r="A34" s="8">
        <v>24</v>
      </c>
      <c r="B34" s="21" t="s">
        <v>220</v>
      </c>
      <c r="C34" s="6" t="s">
        <v>220</v>
      </c>
      <c r="D34" s="5" t="s">
        <v>220</v>
      </c>
    </row>
    <row r="35" spans="1:4" ht="18" customHeight="1" x14ac:dyDescent="0.15">
      <c r="A35" s="8" t="s">
        <v>20</v>
      </c>
      <c r="B35" s="21" t="s">
        <v>220</v>
      </c>
      <c r="C35" s="6" t="s">
        <v>220</v>
      </c>
      <c r="D35" s="5" t="s">
        <v>220</v>
      </c>
    </row>
    <row r="36" spans="1:4" ht="18" customHeight="1" x14ac:dyDescent="0.15">
      <c r="A36" s="8">
        <v>25</v>
      </c>
      <c r="B36" s="21" t="s">
        <v>220</v>
      </c>
      <c r="C36" s="6" t="s">
        <v>220</v>
      </c>
      <c r="D36" s="5" t="s">
        <v>220</v>
      </c>
    </row>
    <row r="37" spans="1:4" ht="18" customHeight="1" x14ac:dyDescent="0.15">
      <c r="A37" s="8">
        <v>26</v>
      </c>
      <c r="B37" s="21" t="s">
        <v>220</v>
      </c>
      <c r="C37" s="6" t="s">
        <v>220</v>
      </c>
      <c r="D37" s="5" t="s">
        <v>220</v>
      </c>
    </row>
    <row r="38" spans="1:4" ht="18" customHeight="1" x14ac:dyDescent="0.15">
      <c r="A38" s="8">
        <v>27</v>
      </c>
      <c r="B38" s="21" t="s">
        <v>220</v>
      </c>
      <c r="C38" s="6" t="s">
        <v>220</v>
      </c>
      <c r="D38" s="5" t="s">
        <v>220</v>
      </c>
    </row>
    <row r="39" spans="1:4" ht="18" customHeight="1" x14ac:dyDescent="0.15">
      <c r="A39" s="8">
        <v>28</v>
      </c>
      <c r="B39" s="21" t="s">
        <v>220</v>
      </c>
      <c r="C39" s="6" t="s">
        <v>220</v>
      </c>
      <c r="D39" s="5" t="s">
        <v>220</v>
      </c>
    </row>
    <row r="40" spans="1:4" ht="18" customHeight="1" x14ac:dyDescent="0.15">
      <c r="A40" s="8">
        <v>29</v>
      </c>
      <c r="B40" s="21" t="s">
        <v>220</v>
      </c>
      <c r="C40" s="6" t="s">
        <v>220</v>
      </c>
      <c r="D40" s="5" t="s">
        <v>220</v>
      </c>
    </row>
    <row r="41" spans="1:4" ht="18" customHeight="1" x14ac:dyDescent="0.15">
      <c r="A41" s="8" t="s">
        <v>19</v>
      </c>
      <c r="B41" s="21" t="s">
        <v>220</v>
      </c>
      <c r="C41" s="6" t="s">
        <v>220</v>
      </c>
      <c r="D41" s="5" t="s">
        <v>220</v>
      </c>
    </row>
    <row r="42" spans="1:4" ht="18" customHeight="1" x14ac:dyDescent="0.15">
      <c r="A42" s="8">
        <v>30</v>
      </c>
      <c r="B42" s="21" t="s">
        <v>220</v>
      </c>
      <c r="C42" s="6" t="s">
        <v>220</v>
      </c>
      <c r="D42" s="5" t="s">
        <v>220</v>
      </c>
    </row>
    <row r="43" spans="1:4" ht="18" customHeight="1" x14ac:dyDescent="0.15">
      <c r="A43" s="8">
        <v>31</v>
      </c>
      <c r="B43" s="21" t="s">
        <v>220</v>
      </c>
      <c r="C43" s="6" t="s">
        <v>220</v>
      </c>
      <c r="D43" s="5" t="s">
        <v>220</v>
      </c>
    </row>
    <row r="44" spans="1:4" ht="18" customHeight="1" x14ac:dyDescent="0.15">
      <c r="A44" s="8">
        <v>32</v>
      </c>
      <c r="B44" s="21" t="s">
        <v>220</v>
      </c>
      <c r="C44" s="6" t="s">
        <v>220</v>
      </c>
      <c r="D44" s="5" t="s">
        <v>220</v>
      </c>
    </row>
    <row r="45" spans="1:4" ht="18" customHeight="1" x14ac:dyDescent="0.15">
      <c r="A45" s="8">
        <v>33</v>
      </c>
      <c r="B45" s="21" t="s">
        <v>220</v>
      </c>
      <c r="C45" s="6" t="s">
        <v>220</v>
      </c>
      <c r="D45" s="5" t="s">
        <v>220</v>
      </c>
    </row>
    <row r="46" spans="1:4" ht="18" customHeight="1" x14ac:dyDescent="0.15">
      <c r="A46" s="8">
        <v>34</v>
      </c>
      <c r="B46" s="21" t="s">
        <v>220</v>
      </c>
      <c r="C46" s="6" t="s">
        <v>220</v>
      </c>
      <c r="D46" s="5" t="s">
        <v>220</v>
      </c>
    </row>
    <row r="47" spans="1:4" ht="18" customHeight="1" x14ac:dyDescent="0.15">
      <c r="A47" s="8" t="s">
        <v>18</v>
      </c>
      <c r="B47" s="21" t="s">
        <v>220</v>
      </c>
      <c r="C47" s="6" t="s">
        <v>220</v>
      </c>
      <c r="D47" s="5" t="s">
        <v>220</v>
      </c>
    </row>
    <row r="48" spans="1:4" ht="18" customHeight="1" x14ac:dyDescent="0.15">
      <c r="A48" s="8">
        <v>35</v>
      </c>
      <c r="B48" s="21" t="s">
        <v>220</v>
      </c>
      <c r="C48" s="6" t="s">
        <v>220</v>
      </c>
      <c r="D48" s="5" t="s">
        <v>220</v>
      </c>
    </row>
    <row r="49" spans="1:4" ht="18" customHeight="1" x14ac:dyDescent="0.15">
      <c r="A49" s="8">
        <v>36</v>
      </c>
      <c r="B49" s="21" t="s">
        <v>220</v>
      </c>
      <c r="C49" s="6" t="s">
        <v>220</v>
      </c>
      <c r="D49" s="5" t="s">
        <v>220</v>
      </c>
    </row>
    <row r="50" spans="1:4" ht="18" customHeight="1" x14ac:dyDescent="0.15">
      <c r="A50" s="8">
        <v>37</v>
      </c>
      <c r="B50" s="21" t="s">
        <v>220</v>
      </c>
      <c r="C50" s="6" t="s">
        <v>220</v>
      </c>
      <c r="D50" s="5" t="s">
        <v>220</v>
      </c>
    </row>
    <row r="51" spans="1:4" ht="18" customHeight="1" x14ac:dyDescent="0.15">
      <c r="A51" s="8">
        <v>38</v>
      </c>
      <c r="B51" s="21" t="s">
        <v>220</v>
      </c>
      <c r="C51" s="6" t="s">
        <v>220</v>
      </c>
      <c r="D51" s="5" t="s">
        <v>220</v>
      </c>
    </row>
    <row r="52" spans="1:4" ht="18" customHeight="1" x14ac:dyDescent="0.15">
      <c r="A52" s="8">
        <v>39</v>
      </c>
      <c r="B52" s="21" t="s">
        <v>220</v>
      </c>
      <c r="C52" s="6" t="s">
        <v>220</v>
      </c>
      <c r="D52" s="5" t="s">
        <v>220</v>
      </c>
    </row>
    <row r="53" spans="1:4" ht="18" customHeight="1" x14ac:dyDescent="0.15">
      <c r="A53" s="8" t="s">
        <v>17</v>
      </c>
      <c r="B53" s="21" t="s">
        <v>220</v>
      </c>
      <c r="C53" s="6" t="s">
        <v>220</v>
      </c>
      <c r="D53" s="5" t="s">
        <v>220</v>
      </c>
    </row>
    <row r="54" spans="1:4" ht="18" customHeight="1" x14ac:dyDescent="0.15">
      <c r="A54" s="8">
        <v>40</v>
      </c>
      <c r="B54" s="21" t="s">
        <v>220</v>
      </c>
      <c r="C54" s="6" t="s">
        <v>220</v>
      </c>
      <c r="D54" s="5" t="s">
        <v>220</v>
      </c>
    </row>
    <row r="55" spans="1:4" ht="18" customHeight="1" x14ac:dyDescent="0.15">
      <c r="A55" s="8">
        <v>41</v>
      </c>
      <c r="B55" s="21" t="s">
        <v>220</v>
      </c>
      <c r="C55" s="6" t="s">
        <v>220</v>
      </c>
      <c r="D55" s="5" t="s">
        <v>220</v>
      </c>
    </row>
    <row r="56" spans="1:4" ht="18" customHeight="1" x14ac:dyDescent="0.15">
      <c r="A56" s="8">
        <v>42</v>
      </c>
      <c r="B56" s="21" t="s">
        <v>220</v>
      </c>
      <c r="C56" s="6" t="s">
        <v>220</v>
      </c>
      <c r="D56" s="5" t="s">
        <v>220</v>
      </c>
    </row>
    <row r="57" spans="1:4" ht="18" customHeight="1" x14ac:dyDescent="0.15">
      <c r="A57" s="8">
        <v>43</v>
      </c>
      <c r="B57" s="21" t="s">
        <v>220</v>
      </c>
      <c r="C57" s="6" t="s">
        <v>220</v>
      </c>
      <c r="D57" s="5" t="s">
        <v>220</v>
      </c>
    </row>
    <row r="58" spans="1:4" ht="18" customHeight="1" x14ac:dyDescent="0.15">
      <c r="A58" s="8">
        <v>44</v>
      </c>
      <c r="B58" s="21" t="s">
        <v>220</v>
      </c>
      <c r="C58" s="6" t="s">
        <v>220</v>
      </c>
      <c r="D58" s="5" t="s">
        <v>220</v>
      </c>
    </row>
    <row r="59" spans="1:4" ht="18" customHeight="1" x14ac:dyDescent="0.15">
      <c r="A59" s="8" t="s">
        <v>16</v>
      </c>
      <c r="B59" s="21" t="s">
        <v>220</v>
      </c>
      <c r="C59" s="6" t="s">
        <v>220</v>
      </c>
      <c r="D59" s="5" t="s">
        <v>220</v>
      </c>
    </row>
    <row r="60" spans="1:4" ht="18" customHeight="1" x14ac:dyDescent="0.15">
      <c r="A60" s="8">
        <v>45</v>
      </c>
      <c r="B60" s="21" t="s">
        <v>220</v>
      </c>
      <c r="C60" s="6" t="s">
        <v>220</v>
      </c>
      <c r="D60" s="5" t="s">
        <v>220</v>
      </c>
    </row>
    <row r="61" spans="1:4" ht="18" customHeight="1" x14ac:dyDescent="0.15">
      <c r="A61" s="8">
        <v>46</v>
      </c>
      <c r="B61" s="21" t="s">
        <v>220</v>
      </c>
      <c r="C61" s="6" t="s">
        <v>220</v>
      </c>
      <c r="D61" s="5" t="s">
        <v>220</v>
      </c>
    </row>
    <row r="62" spans="1:4" ht="18" customHeight="1" x14ac:dyDescent="0.15">
      <c r="A62" s="8">
        <v>47</v>
      </c>
      <c r="B62" s="21" t="s">
        <v>220</v>
      </c>
      <c r="C62" s="6" t="s">
        <v>220</v>
      </c>
      <c r="D62" s="5" t="s">
        <v>220</v>
      </c>
    </row>
    <row r="63" spans="1:4" ht="18" customHeight="1" x14ac:dyDescent="0.15">
      <c r="A63" s="8">
        <v>48</v>
      </c>
      <c r="B63" s="21" t="s">
        <v>220</v>
      </c>
      <c r="C63" s="6" t="s">
        <v>220</v>
      </c>
      <c r="D63" s="5" t="s">
        <v>220</v>
      </c>
    </row>
    <row r="64" spans="1:4" ht="18" customHeight="1" x14ac:dyDescent="0.15">
      <c r="A64" s="8">
        <v>49</v>
      </c>
      <c r="B64" s="21" t="s">
        <v>220</v>
      </c>
      <c r="C64" s="6" t="s">
        <v>220</v>
      </c>
      <c r="D64" s="5" t="s">
        <v>220</v>
      </c>
    </row>
    <row r="65" spans="1:4" ht="18" customHeight="1" x14ac:dyDescent="0.15">
      <c r="A65" s="8" t="s">
        <v>15</v>
      </c>
      <c r="B65" s="21" t="s">
        <v>220</v>
      </c>
      <c r="C65" s="6" t="s">
        <v>220</v>
      </c>
      <c r="D65" s="5" t="s">
        <v>220</v>
      </c>
    </row>
    <row r="66" spans="1:4" ht="18" customHeight="1" x14ac:dyDescent="0.15">
      <c r="A66" s="8">
        <v>50</v>
      </c>
      <c r="B66" s="21" t="s">
        <v>220</v>
      </c>
      <c r="C66" s="6" t="s">
        <v>220</v>
      </c>
      <c r="D66" s="5" t="s">
        <v>220</v>
      </c>
    </row>
    <row r="67" spans="1:4" ht="18" customHeight="1" x14ac:dyDescent="0.15">
      <c r="A67" s="8">
        <v>51</v>
      </c>
      <c r="B67" s="21" t="s">
        <v>220</v>
      </c>
      <c r="C67" s="6" t="s">
        <v>220</v>
      </c>
      <c r="D67" s="5" t="s">
        <v>220</v>
      </c>
    </row>
    <row r="68" spans="1:4" ht="18" customHeight="1" x14ac:dyDescent="0.15">
      <c r="A68" s="8">
        <v>52</v>
      </c>
      <c r="B68" s="21" t="s">
        <v>220</v>
      </c>
      <c r="C68" s="6" t="s">
        <v>220</v>
      </c>
      <c r="D68" s="5" t="s">
        <v>220</v>
      </c>
    </row>
    <row r="69" spans="1:4" ht="18" customHeight="1" x14ac:dyDescent="0.15">
      <c r="A69" s="8">
        <v>53</v>
      </c>
      <c r="B69" s="21" t="s">
        <v>220</v>
      </c>
      <c r="C69" s="6" t="s">
        <v>220</v>
      </c>
      <c r="D69" s="5" t="s">
        <v>220</v>
      </c>
    </row>
    <row r="70" spans="1:4" ht="18" customHeight="1" x14ac:dyDescent="0.15">
      <c r="A70" s="8">
        <v>54</v>
      </c>
      <c r="B70" s="21" t="s">
        <v>220</v>
      </c>
      <c r="C70" s="6" t="s">
        <v>220</v>
      </c>
      <c r="D70" s="5" t="s">
        <v>220</v>
      </c>
    </row>
    <row r="71" spans="1:4" ht="18" customHeight="1" x14ac:dyDescent="0.15">
      <c r="A71" s="8" t="s">
        <v>14</v>
      </c>
      <c r="B71" s="21" t="s">
        <v>220</v>
      </c>
      <c r="C71" s="6" t="s">
        <v>220</v>
      </c>
      <c r="D71" s="5" t="s">
        <v>220</v>
      </c>
    </row>
    <row r="72" spans="1:4" ht="18" customHeight="1" x14ac:dyDescent="0.15">
      <c r="A72" s="8">
        <v>55</v>
      </c>
      <c r="B72" s="21" t="s">
        <v>220</v>
      </c>
      <c r="C72" s="6" t="s">
        <v>220</v>
      </c>
      <c r="D72" s="5" t="s">
        <v>220</v>
      </c>
    </row>
    <row r="73" spans="1:4" ht="18" customHeight="1" x14ac:dyDescent="0.15">
      <c r="A73" s="8">
        <v>56</v>
      </c>
      <c r="B73" s="21" t="s">
        <v>220</v>
      </c>
      <c r="C73" s="6" t="s">
        <v>220</v>
      </c>
      <c r="D73" s="5" t="s">
        <v>220</v>
      </c>
    </row>
    <row r="74" spans="1:4" ht="18" customHeight="1" x14ac:dyDescent="0.15">
      <c r="A74" s="8">
        <v>57</v>
      </c>
      <c r="B74" s="21" t="s">
        <v>220</v>
      </c>
      <c r="C74" s="6" t="s">
        <v>220</v>
      </c>
      <c r="D74" s="5" t="s">
        <v>220</v>
      </c>
    </row>
    <row r="75" spans="1:4" ht="18" customHeight="1" x14ac:dyDescent="0.15">
      <c r="A75" s="8">
        <v>58</v>
      </c>
      <c r="B75" s="21" t="s">
        <v>220</v>
      </c>
      <c r="C75" s="6" t="s">
        <v>220</v>
      </c>
      <c r="D75" s="5" t="s">
        <v>220</v>
      </c>
    </row>
    <row r="76" spans="1:4" ht="18" customHeight="1" x14ac:dyDescent="0.15">
      <c r="A76" s="8">
        <v>59</v>
      </c>
      <c r="B76" s="21" t="s">
        <v>220</v>
      </c>
      <c r="C76" s="6" t="s">
        <v>220</v>
      </c>
      <c r="D76" s="5" t="s">
        <v>220</v>
      </c>
    </row>
    <row r="77" spans="1:4" ht="18" customHeight="1" x14ac:dyDescent="0.15">
      <c r="A77" s="8" t="s">
        <v>13</v>
      </c>
      <c r="B77" s="21" t="s">
        <v>220</v>
      </c>
      <c r="C77" s="6" t="s">
        <v>220</v>
      </c>
      <c r="D77" s="5" t="s">
        <v>220</v>
      </c>
    </row>
    <row r="78" spans="1:4" ht="18" customHeight="1" x14ac:dyDescent="0.15">
      <c r="A78" s="8">
        <v>60</v>
      </c>
      <c r="B78" s="21" t="s">
        <v>220</v>
      </c>
      <c r="C78" s="6" t="s">
        <v>220</v>
      </c>
      <c r="D78" s="5" t="s">
        <v>220</v>
      </c>
    </row>
    <row r="79" spans="1:4" ht="18" customHeight="1" x14ac:dyDescent="0.15">
      <c r="A79" s="8">
        <v>61</v>
      </c>
      <c r="B79" s="21" t="s">
        <v>220</v>
      </c>
      <c r="C79" s="6" t="s">
        <v>220</v>
      </c>
      <c r="D79" s="5" t="s">
        <v>220</v>
      </c>
    </row>
    <row r="80" spans="1:4" ht="18" customHeight="1" x14ac:dyDescent="0.15">
      <c r="A80" s="8">
        <v>62</v>
      </c>
      <c r="B80" s="21" t="s">
        <v>220</v>
      </c>
      <c r="C80" s="6" t="s">
        <v>220</v>
      </c>
      <c r="D80" s="5" t="s">
        <v>220</v>
      </c>
    </row>
    <row r="81" spans="1:4" ht="18" customHeight="1" x14ac:dyDescent="0.15">
      <c r="A81" s="8">
        <v>63</v>
      </c>
      <c r="B81" s="21" t="s">
        <v>220</v>
      </c>
      <c r="C81" s="6" t="s">
        <v>220</v>
      </c>
      <c r="D81" s="5" t="s">
        <v>220</v>
      </c>
    </row>
    <row r="82" spans="1:4" ht="18" customHeight="1" x14ac:dyDescent="0.15">
      <c r="A82" s="8">
        <v>64</v>
      </c>
      <c r="B82" s="21" t="s">
        <v>220</v>
      </c>
      <c r="C82" s="6" t="s">
        <v>220</v>
      </c>
      <c r="D82" s="5" t="s">
        <v>220</v>
      </c>
    </row>
    <row r="83" spans="1:4" ht="18" customHeight="1" x14ac:dyDescent="0.15">
      <c r="A83" s="8" t="s">
        <v>12</v>
      </c>
      <c r="B83" s="21" t="s">
        <v>220</v>
      </c>
      <c r="C83" s="6" t="s">
        <v>220</v>
      </c>
      <c r="D83" s="5" t="s">
        <v>220</v>
      </c>
    </row>
    <row r="84" spans="1:4" ht="18" customHeight="1" x14ac:dyDescent="0.15">
      <c r="A84" s="8" t="s">
        <v>11</v>
      </c>
      <c r="B84" s="21">
        <v>2</v>
      </c>
      <c r="C84" s="6">
        <v>3</v>
      </c>
      <c r="D84" s="5">
        <v>5</v>
      </c>
    </row>
    <row r="85" spans="1:4" ht="18" customHeight="1" x14ac:dyDescent="0.15">
      <c r="A85" s="8">
        <v>65</v>
      </c>
      <c r="B85" s="21" t="s">
        <v>220</v>
      </c>
      <c r="C85" s="6" t="s">
        <v>220</v>
      </c>
      <c r="D85" s="5" t="s">
        <v>220</v>
      </c>
    </row>
    <row r="86" spans="1:4" ht="18" customHeight="1" x14ac:dyDescent="0.15">
      <c r="A86" s="8">
        <v>66</v>
      </c>
      <c r="B86" s="21" t="s">
        <v>220</v>
      </c>
      <c r="C86" s="6" t="s">
        <v>220</v>
      </c>
      <c r="D86" s="5" t="s">
        <v>220</v>
      </c>
    </row>
    <row r="87" spans="1:4" ht="18" customHeight="1" x14ac:dyDescent="0.15">
      <c r="A87" s="8">
        <v>67</v>
      </c>
      <c r="B87" s="21" t="s">
        <v>220</v>
      </c>
      <c r="C87" s="6" t="s">
        <v>220</v>
      </c>
      <c r="D87" s="5" t="s">
        <v>220</v>
      </c>
    </row>
    <row r="88" spans="1:4" ht="18" customHeight="1" x14ac:dyDescent="0.15">
      <c r="A88" s="8">
        <v>68</v>
      </c>
      <c r="B88" s="21" t="s">
        <v>220</v>
      </c>
      <c r="C88" s="6" t="s">
        <v>220</v>
      </c>
      <c r="D88" s="5" t="s">
        <v>220</v>
      </c>
    </row>
    <row r="89" spans="1:4" ht="18" customHeight="1" x14ac:dyDescent="0.15">
      <c r="A89" s="8">
        <v>69</v>
      </c>
      <c r="B89" s="21" t="s">
        <v>220</v>
      </c>
      <c r="C89" s="6" t="s">
        <v>220</v>
      </c>
      <c r="D89" s="5" t="s">
        <v>220</v>
      </c>
    </row>
    <row r="90" spans="1:4" ht="18" customHeight="1" x14ac:dyDescent="0.15">
      <c r="A90" s="8" t="s">
        <v>10</v>
      </c>
      <c r="B90" s="21" t="s">
        <v>220</v>
      </c>
      <c r="C90" s="6" t="s">
        <v>220</v>
      </c>
      <c r="D90" s="5" t="s">
        <v>220</v>
      </c>
    </row>
    <row r="91" spans="1:4" ht="18" customHeight="1" x14ac:dyDescent="0.15">
      <c r="A91" s="8">
        <v>70</v>
      </c>
      <c r="B91" s="21" t="s">
        <v>220</v>
      </c>
      <c r="C91" s="6" t="s">
        <v>220</v>
      </c>
      <c r="D91" s="5" t="s">
        <v>220</v>
      </c>
    </row>
    <row r="92" spans="1:4" ht="18" customHeight="1" x14ac:dyDescent="0.15">
      <c r="A92" s="8">
        <v>71</v>
      </c>
      <c r="B92" s="21" t="s">
        <v>220</v>
      </c>
      <c r="C92" s="6" t="s">
        <v>220</v>
      </c>
      <c r="D92" s="5" t="s">
        <v>220</v>
      </c>
    </row>
    <row r="93" spans="1:4" ht="18" customHeight="1" x14ac:dyDescent="0.15">
      <c r="A93" s="8">
        <v>72</v>
      </c>
      <c r="B93" s="21" t="s">
        <v>220</v>
      </c>
      <c r="C93" s="6" t="s">
        <v>220</v>
      </c>
      <c r="D93" s="5" t="s">
        <v>220</v>
      </c>
    </row>
    <row r="94" spans="1:4" ht="18" customHeight="1" x14ac:dyDescent="0.15">
      <c r="A94" s="8">
        <v>73</v>
      </c>
      <c r="B94" s="21" t="s">
        <v>220</v>
      </c>
      <c r="C94" s="6" t="s">
        <v>220</v>
      </c>
      <c r="D94" s="5" t="s">
        <v>220</v>
      </c>
    </row>
    <row r="95" spans="1:4" ht="18" customHeight="1" x14ac:dyDescent="0.15">
      <c r="A95" s="8">
        <v>74</v>
      </c>
      <c r="B95" s="21" t="s">
        <v>220</v>
      </c>
      <c r="C95" s="6" t="s">
        <v>220</v>
      </c>
      <c r="D95" s="5" t="s">
        <v>220</v>
      </c>
    </row>
    <row r="96" spans="1:4" ht="18" customHeight="1" x14ac:dyDescent="0.15">
      <c r="A96" s="8" t="s">
        <v>9</v>
      </c>
      <c r="B96" s="21" t="s">
        <v>220</v>
      </c>
      <c r="C96" s="6" t="s">
        <v>220</v>
      </c>
      <c r="D96" s="5" t="s">
        <v>220</v>
      </c>
    </row>
    <row r="97" spans="1:4" ht="18" customHeight="1" x14ac:dyDescent="0.15">
      <c r="A97" s="8">
        <v>75</v>
      </c>
      <c r="B97" s="21" t="s">
        <v>220</v>
      </c>
      <c r="C97" s="6" t="s">
        <v>220</v>
      </c>
      <c r="D97" s="5" t="s">
        <v>220</v>
      </c>
    </row>
    <row r="98" spans="1:4" ht="18" customHeight="1" x14ac:dyDescent="0.15">
      <c r="A98" s="8">
        <v>76</v>
      </c>
      <c r="B98" s="21" t="s">
        <v>220</v>
      </c>
      <c r="C98" s="6" t="s">
        <v>220</v>
      </c>
      <c r="D98" s="5" t="s">
        <v>220</v>
      </c>
    </row>
    <row r="99" spans="1:4" ht="18" customHeight="1" x14ac:dyDescent="0.15">
      <c r="A99" s="8">
        <v>77</v>
      </c>
      <c r="B99" s="21" t="s">
        <v>220</v>
      </c>
      <c r="C99" s="6" t="s">
        <v>220</v>
      </c>
      <c r="D99" s="5" t="s">
        <v>220</v>
      </c>
    </row>
    <row r="100" spans="1:4" ht="18" customHeight="1" x14ac:dyDescent="0.15">
      <c r="A100" s="8">
        <v>78</v>
      </c>
      <c r="B100" s="21" t="s">
        <v>220</v>
      </c>
      <c r="C100" s="6" t="s">
        <v>220</v>
      </c>
      <c r="D100" s="5" t="s">
        <v>220</v>
      </c>
    </row>
    <row r="101" spans="1:4" ht="18" customHeight="1" x14ac:dyDescent="0.15">
      <c r="A101" s="8">
        <v>79</v>
      </c>
      <c r="B101" s="21" t="s">
        <v>220</v>
      </c>
      <c r="C101" s="6" t="s">
        <v>220</v>
      </c>
      <c r="D101" s="5" t="s">
        <v>220</v>
      </c>
    </row>
    <row r="102" spans="1:4" ht="18" customHeight="1" x14ac:dyDescent="0.15">
      <c r="A102" s="8" t="s">
        <v>8</v>
      </c>
      <c r="B102" s="21" t="s">
        <v>220</v>
      </c>
      <c r="C102" s="6" t="s">
        <v>220</v>
      </c>
      <c r="D102" s="5" t="s">
        <v>220</v>
      </c>
    </row>
    <row r="103" spans="1:4" ht="18" customHeight="1" x14ac:dyDescent="0.15">
      <c r="A103" s="8">
        <v>80</v>
      </c>
      <c r="B103" s="21" t="s">
        <v>220</v>
      </c>
      <c r="C103" s="6" t="s">
        <v>220</v>
      </c>
      <c r="D103" s="5" t="s">
        <v>220</v>
      </c>
    </row>
    <row r="104" spans="1:4" ht="18" customHeight="1" x14ac:dyDescent="0.15">
      <c r="A104" s="8">
        <v>81</v>
      </c>
      <c r="B104" s="21" t="s">
        <v>220</v>
      </c>
      <c r="C104" s="6" t="s">
        <v>220</v>
      </c>
      <c r="D104" s="5" t="s">
        <v>220</v>
      </c>
    </row>
    <row r="105" spans="1:4" ht="18" customHeight="1" x14ac:dyDescent="0.15">
      <c r="A105" s="8">
        <v>82</v>
      </c>
      <c r="B105" s="21" t="s">
        <v>220</v>
      </c>
      <c r="C105" s="6" t="s">
        <v>220</v>
      </c>
      <c r="D105" s="5" t="s">
        <v>220</v>
      </c>
    </row>
    <row r="106" spans="1:4" ht="18" customHeight="1" x14ac:dyDescent="0.15">
      <c r="A106" s="8">
        <v>83</v>
      </c>
      <c r="B106" s="21" t="s">
        <v>220</v>
      </c>
      <c r="C106" s="6" t="s">
        <v>220</v>
      </c>
      <c r="D106" s="5" t="s">
        <v>220</v>
      </c>
    </row>
    <row r="107" spans="1:4" ht="18" customHeight="1" x14ac:dyDescent="0.15">
      <c r="A107" s="8">
        <v>84</v>
      </c>
      <c r="B107" s="21" t="s">
        <v>220</v>
      </c>
      <c r="C107" s="6" t="s">
        <v>220</v>
      </c>
      <c r="D107" s="5" t="s">
        <v>220</v>
      </c>
    </row>
    <row r="108" spans="1:4" ht="18" customHeight="1" x14ac:dyDescent="0.15">
      <c r="A108" s="8" t="s">
        <v>7</v>
      </c>
      <c r="B108" s="21" t="s">
        <v>220</v>
      </c>
      <c r="C108" s="6" t="s">
        <v>220</v>
      </c>
      <c r="D108" s="5" t="s">
        <v>220</v>
      </c>
    </row>
    <row r="109" spans="1:4" ht="18" customHeight="1" x14ac:dyDescent="0.15">
      <c r="A109" s="8">
        <v>85</v>
      </c>
      <c r="B109" s="21" t="s">
        <v>220</v>
      </c>
      <c r="C109" s="6" t="s">
        <v>220</v>
      </c>
      <c r="D109" s="5" t="s">
        <v>220</v>
      </c>
    </row>
    <row r="110" spans="1:4" ht="18" customHeight="1" x14ac:dyDescent="0.15">
      <c r="A110" s="8">
        <v>86</v>
      </c>
      <c r="B110" s="21" t="s">
        <v>220</v>
      </c>
      <c r="C110" s="6" t="s">
        <v>220</v>
      </c>
      <c r="D110" s="5" t="s">
        <v>220</v>
      </c>
    </row>
    <row r="111" spans="1:4" ht="18" customHeight="1" x14ac:dyDescent="0.15">
      <c r="A111" s="8">
        <v>87</v>
      </c>
      <c r="B111" s="21" t="s">
        <v>220</v>
      </c>
      <c r="C111" s="6" t="s">
        <v>220</v>
      </c>
      <c r="D111" s="5" t="s">
        <v>220</v>
      </c>
    </row>
    <row r="112" spans="1:4" ht="18" customHeight="1" x14ac:dyDescent="0.15">
      <c r="A112" s="8">
        <v>88</v>
      </c>
      <c r="B112" s="21" t="s">
        <v>220</v>
      </c>
      <c r="C112" s="6" t="s">
        <v>220</v>
      </c>
      <c r="D112" s="5" t="s">
        <v>220</v>
      </c>
    </row>
    <row r="113" spans="1:4" ht="18" customHeight="1" x14ac:dyDescent="0.15">
      <c r="A113" s="8">
        <v>89</v>
      </c>
      <c r="B113" s="21" t="s">
        <v>220</v>
      </c>
      <c r="C113" s="6" t="s">
        <v>220</v>
      </c>
      <c r="D113" s="5" t="s">
        <v>220</v>
      </c>
    </row>
    <row r="114" spans="1:4" ht="18" customHeight="1" x14ac:dyDescent="0.15">
      <c r="A114" s="8" t="s">
        <v>6</v>
      </c>
      <c r="B114" s="21" t="s">
        <v>220</v>
      </c>
      <c r="C114" s="6" t="s">
        <v>220</v>
      </c>
      <c r="D114" s="5" t="s">
        <v>220</v>
      </c>
    </row>
    <row r="115" spans="1:4" ht="18" customHeight="1" x14ac:dyDescent="0.15">
      <c r="A115" s="8">
        <v>90</v>
      </c>
      <c r="B115" s="21" t="s">
        <v>220</v>
      </c>
      <c r="C115" s="6" t="s">
        <v>220</v>
      </c>
      <c r="D115" s="5" t="s">
        <v>220</v>
      </c>
    </row>
    <row r="116" spans="1:4" ht="18" customHeight="1" x14ac:dyDescent="0.15">
      <c r="A116" s="8">
        <v>91</v>
      </c>
      <c r="B116" s="21" t="s">
        <v>220</v>
      </c>
      <c r="C116" s="6" t="s">
        <v>220</v>
      </c>
      <c r="D116" s="5" t="s">
        <v>220</v>
      </c>
    </row>
    <row r="117" spans="1:4" ht="18" customHeight="1" x14ac:dyDescent="0.15">
      <c r="A117" s="8">
        <v>92</v>
      </c>
      <c r="B117" s="21" t="s">
        <v>220</v>
      </c>
      <c r="C117" s="6" t="s">
        <v>220</v>
      </c>
      <c r="D117" s="5" t="s">
        <v>220</v>
      </c>
    </row>
    <row r="118" spans="1:4" ht="18" customHeight="1" x14ac:dyDescent="0.15">
      <c r="A118" s="8">
        <v>93</v>
      </c>
      <c r="B118" s="21" t="s">
        <v>220</v>
      </c>
      <c r="C118" s="6" t="s">
        <v>220</v>
      </c>
      <c r="D118" s="5" t="s">
        <v>220</v>
      </c>
    </row>
    <row r="119" spans="1:4" ht="18" customHeight="1" x14ac:dyDescent="0.15">
      <c r="A119" s="8">
        <v>94</v>
      </c>
      <c r="B119" s="21" t="s">
        <v>220</v>
      </c>
      <c r="C119" s="6" t="s">
        <v>220</v>
      </c>
      <c r="D119" s="5" t="s">
        <v>220</v>
      </c>
    </row>
    <row r="120" spans="1:4" ht="18" customHeight="1" x14ac:dyDescent="0.15">
      <c r="A120" s="8" t="s">
        <v>5</v>
      </c>
      <c r="B120" s="21" t="s">
        <v>220</v>
      </c>
      <c r="C120" s="6" t="s">
        <v>220</v>
      </c>
      <c r="D120" s="5" t="s">
        <v>220</v>
      </c>
    </row>
    <row r="121" spans="1:4" ht="18" customHeight="1" x14ac:dyDescent="0.15">
      <c r="A121" s="8">
        <v>95</v>
      </c>
      <c r="B121" s="21" t="s">
        <v>220</v>
      </c>
      <c r="C121" s="6" t="s">
        <v>220</v>
      </c>
      <c r="D121" s="5" t="s">
        <v>220</v>
      </c>
    </row>
    <row r="122" spans="1:4" ht="18" customHeight="1" x14ac:dyDescent="0.15">
      <c r="A122" s="8">
        <v>96</v>
      </c>
      <c r="B122" s="21" t="s">
        <v>220</v>
      </c>
      <c r="C122" s="6" t="s">
        <v>220</v>
      </c>
      <c r="D122" s="5" t="s">
        <v>220</v>
      </c>
    </row>
    <row r="123" spans="1:4" ht="18" customHeight="1" x14ac:dyDescent="0.15">
      <c r="A123" s="8">
        <v>97</v>
      </c>
      <c r="B123" s="21" t="s">
        <v>220</v>
      </c>
      <c r="C123" s="6" t="s">
        <v>220</v>
      </c>
      <c r="D123" s="5" t="s">
        <v>220</v>
      </c>
    </row>
    <row r="124" spans="1:4" ht="18" customHeight="1" x14ac:dyDescent="0.15">
      <c r="A124" s="8">
        <v>98</v>
      </c>
      <c r="B124" s="21" t="s">
        <v>220</v>
      </c>
      <c r="C124" s="6" t="s">
        <v>220</v>
      </c>
      <c r="D124" s="5" t="s">
        <v>220</v>
      </c>
    </row>
    <row r="125" spans="1:4" ht="18" customHeight="1" x14ac:dyDescent="0.15">
      <c r="A125" s="8">
        <v>99</v>
      </c>
      <c r="B125" s="21" t="s">
        <v>220</v>
      </c>
      <c r="C125" s="6" t="s">
        <v>220</v>
      </c>
      <c r="D125" s="5" t="s">
        <v>220</v>
      </c>
    </row>
    <row r="126" spans="1:4" ht="18" customHeight="1" x14ac:dyDescent="0.15">
      <c r="A126" s="8" t="s">
        <v>4</v>
      </c>
      <c r="B126" s="21" t="s">
        <v>220</v>
      </c>
      <c r="C126" s="6" t="s">
        <v>220</v>
      </c>
      <c r="D126" s="5" t="s">
        <v>220</v>
      </c>
    </row>
    <row r="127" spans="1:4" ht="18" customHeight="1" x14ac:dyDescent="0.15">
      <c r="A127" s="8">
        <v>100</v>
      </c>
      <c r="B127" s="21" t="s">
        <v>220</v>
      </c>
      <c r="C127" s="6" t="s">
        <v>220</v>
      </c>
      <c r="D127" s="5" t="s">
        <v>220</v>
      </c>
    </row>
    <row r="128" spans="1:4" ht="18" customHeight="1" x14ac:dyDescent="0.15">
      <c r="A128" s="9" t="s">
        <v>3</v>
      </c>
      <c r="B128" s="21" t="s">
        <v>220</v>
      </c>
      <c r="C128" s="6" t="s">
        <v>220</v>
      </c>
      <c r="D128" s="5" t="s">
        <v>220</v>
      </c>
    </row>
    <row r="129" spans="1:4" ht="18" customHeight="1" x14ac:dyDescent="0.15">
      <c r="A129" s="8" t="s">
        <v>2</v>
      </c>
      <c r="B129" s="21" t="s">
        <v>220</v>
      </c>
      <c r="C129" s="6" t="s">
        <v>220</v>
      </c>
      <c r="D129" s="5" t="s">
        <v>220</v>
      </c>
    </row>
    <row r="130" spans="1:4" ht="18" customHeight="1" x14ac:dyDescent="0.15">
      <c r="A130" s="8" t="s">
        <v>1</v>
      </c>
      <c r="B130" s="21">
        <v>1</v>
      </c>
      <c r="C130" s="6">
        <v>4</v>
      </c>
      <c r="D130" s="5">
        <v>5</v>
      </c>
    </row>
    <row r="131" spans="1:4" ht="18" customHeight="1" x14ac:dyDescent="0.15">
      <c r="A131" s="4" t="s">
        <v>0</v>
      </c>
      <c r="B131" s="20">
        <v>3</v>
      </c>
      <c r="C131" s="2">
        <v>7</v>
      </c>
      <c r="D131" s="1">
        <v>1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D9B1F2-C5B2-42ED-9D86-017AE2C95D1D}">
  <sheetPr codeName="Sheet9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0</v>
      </c>
      <c r="D5" s="30">
        <v>1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1</v>
      </c>
      <c r="D7" s="5">
        <v>1</v>
      </c>
    </row>
    <row r="8" spans="1:4" ht="18" customHeight="1" x14ac:dyDescent="0.15">
      <c r="A8" s="8">
        <v>3</v>
      </c>
      <c r="B8" s="26">
        <v>2</v>
      </c>
      <c r="C8" s="6">
        <v>0</v>
      </c>
      <c r="D8" s="5">
        <v>2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3</v>
      </c>
      <c r="C10" s="6">
        <v>1</v>
      </c>
      <c r="D10" s="5">
        <v>4</v>
      </c>
    </row>
    <row r="11" spans="1:4" ht="18" customHeight="1" x14ac:dyDescent="0.15">
      <c r="A11" s="8">
        <v>5</v>
      </c>
      <c r="B11" s="26">
        <v>2</v>
      </c>
      <c r="C11" s="6">
        <v>2</v>
      </c>
      <c r="D11" s="5">
        <v>4</v>
      </c>
    </row>
    <row r="12" spans="1:4" ht="18" customHeight="1" x14ac:dyDescent="0.15">
      <c r="A12" s="8">
        <v>6</v>
      </c>
      <c r="B12" s="26">
        <v>0</v>
      </c>
      <c r="C12" s="6">
        <v>2</v>
      </c>
      <c r="D12" s="5">
        <v>2</v>
      </c>
    </row>
    <row r="13" spans="1:4" ht="18" customHeight="1" x14ac:dyDescent="0.15">
      <c r="A13" s="8">
        <v>7</v>
      </c>
      <c r="B13" s="26">
        <v>2</v>
      </c>
      <c r="C13" s="6">
        <v>3</v>
      </c>
      <c r="D13" s="5">
        <v>5</v>
      </c>
    </row>
    <row r="14" spans="1:4" ht="18" customHeight="1" x14ac:dyDescent="0.15">
      <c r="A14" s="8">
        <v>8</v>
      </c>
      <c r="B14" s="26">
        <v>5</v>
      </c>
      <c r="C14" s="6">
        <v>1</v>
      </c>
      <c r="D14" s="5">
        <v>6</v>
      </c>
    </row>
    <row r="15" spans="1:4" ht="18" customHeight="1" x14ac:dyDescent="0.15">
      <c r="A15" s="8">
        <v>9</v>
      </c>
      <c r="B15" s="26">
        <v>3</v>
      </c>
      <c r="C15" s="6">
        <v>2</v>
      </c>
      <c r="D15" s="5">
        <v>5</v>
      </c>
    </row>
    <row r="16" spans="1:4" ht="18" customHeight="1" x14ac:dyDescent="0.15">
      <c r="A16" s="8" t="s">
        <v>24</v>
      </c>
      <c r="B16" s="21">
        <v>12</v>
      </c>
      <c r="C16" s="6">
        <v>10</v>
      </c>
      <c r="D16" s="5">
        <v>22</v>
      </c>
    </row>
    <row r="17" spans="1:4" ht="18" customHeight="1" x14ac:dyDescent="0.15">
      <c r="A17" s="8">
        <v>10</v>
      </c>
      <c r="B17" s="21">
        <v>3</v>
      </c>
      <c r="C17" s="6">
        <v>4</v>
      </c>
      <c r="D17" s="5">
        <v>7</v>
      </c>
    </row>
    <row r="18" spans="1:4" ht="18" customHeight="1" x14ac:dyDescent="0.15">
      <c r="A18" s="8">
        <v>11</v>
      </c>
      <c r="B18" s="21">
        <v>6</v>
      </c>
      <c r="C18" s="6">
        <v>1</v>
      </c>
      <c r="D18" s="5">
        <v>7</v>
      </c>
    </row>
    <row r="19" spans="1:4" ht="18" customHeight="1" x14ac:dyDescent="0.15">
      <c r="A19" s="8">
        <v>12</v>
      </c>
      <c r="B19" s="21">
        <v>0</v>
      </c>
      <c r="C19" s="6">
        <v>2</v>
      </c>
      <c r="D19" s="5">
        <v>2</v>
      </c>
    </row>
    <row r="20" spans="1:4" ht="18" customHeight="1" x14ac:dyDescent="0.15">
      <c r="A20" s="8">
        <v>13</v>
      </c>
      <c r="B20" s="21">
        <v>3</v>
      </c>
      <c r="C20" s="6">
        <v>3</v>
      </c>
      <c r="D20" s="5">
        <v>6</v>
      </c>
    </row>
    <row r="21" spans="1:4" ht="18" customHeight="1" x14ac:dyDescent="0.15">
      <c r="A21" s="8">
        <v>14</v>
      </c>
      <c r="B21" s="21">
        <v>6</v>
      </c>
      <c r="C21" s="6">
        <v>2</v>
      </c>
      <c r="D21" s="5">
        <v>8</v>
      </c>
    </row>
    <row r="22" spans="1:4" ht="18" customHeight="1" x14ac:dyDescent="0.15">
      <c r="A22" s="8" t="s">
        <v>23</v>
      </c>
      <c r="B22" s="21">
        <v>18</v>
      </c>
      <c r="C22" s="6">
        <v>12</v>
      </c>
      <c r="D22" s="5">
        <v>30</v>
      </c>
    </row>
    <row r="23" spans="1:4" ht="18" customHeight="1" x14ac:dyDescent="0.15">
      <c r="A23" s="8" t="s">
        <v>22</v>
      </c>
      <c r="B23" s="21">
        <v>33</v>
      </c>
      <c r="C23" s="6">
        <v>23</v>
      </c>
      <c r="D23" s="5">
        <v>56</v>
      </c>
    </row>
    <row r="24" spans="1:4" ht="18" customHeight="1" x14ac:dyDescent="0.15">
      <c r="A24" s="8">
        <v>15</v>
      </c>
      <c r="B24" s="21">
        <v>5</v>
      </c>
      <c r="C24" s="6">
        <v>3</v>
      </c>
      <c r="D24" s="5">
        <v>8</v>
      </c>
    </row>
    <row r="25" spans="1:4" ht="18" customHeight="1" x14ac:dyDescent="0.15">
      <c r="A25" s="8">
        <v>16</v>
      </c>
      <c r="B25" s="21">
        <v>5</v>
      </c>
      <c r="C25" s="6">
        <v>1</v>
      </c>
      <c r="D25" s="5">
        <v>6</v>
      </c>
    </row>
    <row r="26" spans="1:4" ht="18" customHeight="1" x14ac:dyDescent="0.15">
      <c r="A26" s="8">
        <v>17</v>
      </c>
      <c r="B26" s="21">
        <v>2</v>
      </c>
      <c r="C26" s="6">
        <v>4</v>
      </c>
      <c r="D26" s="5">
        <v>6</v>
      </c>
    </row>
    <row r="27" spans="1:4" ht="18" customHeight="1" x14ac:dyDescent="0.15">
      <c r="A27" s="8">
        <v>18</v>
      </c>
      <c r="B27" s="21">
        <v>3</v>
      </c>
      <c r="C27" s="6">
        <v>0</v>
      </c>
      <c r="D27" s="5">
        <v>3</v>
      </c>
    </row>
    <row r="28" spans="1:4" ht="18" customHeight="1" x14ac:dyDescent="0.15">
      <c r="A28" s="8">
        <v>19</v>
      </c>
      <c r="B28" s="21">
        <v>6</v>
      </c>
      <c r="C28" s="6">
        <v>5</v>
      </c>
      <c r="D28" s="5">
        <v>11</v>
      </c>
    </row>
    <row r="29" spans="1:4" ht="18" customHeight="1" x14ac:dyDescent="0.15">
      <c r="A29" s="8" t="s">
        <v>21</v>
      </c>
      <c r="B29" s="21">
        <v>21</v>
      </c>
      <c r="C29" s="6">
        <v>13</v>
      </c>
      <c r="D29" s="5">
        <v>34</v>
      </c>
    </row>
    <row r="30" spans="1:4" ht="18" customHeight="1" x14ac:dyDescent="0.15">
      <c r="A30" s="8">
        <v>20</v>
      </c>
      <c r="B30" s="21">
        <v>5</v>
      </c>
      <c r="C30" s="6">
        <v>5</v>
      </c>
      <c r="D30" s="5">
        <v>10</v>
      </c>
    </row>
    <row r="31" spans="1:4" ht="18" customHeight="1" x14ac:dyDescent="0.15">
      <c r="A31" s="8">
        <v>21</v>
      </c>
      <c r="B31" s="21">
        <v>5</v>
      </c>
      <c r="C31" s="6">
        <v>3</v>
      </c>
      <c r="D31" s="5">
        <v>8</v>
      </c>
    </row>
    <row r="32" spans="1:4" ht="18" customHeight="1" x14ac:dyDescent="0.15">
      <c r="A32" s="8">
        <v>22</v>
      </c>
      <c r="B32" s="21">
        <v>6</v>
      </c>
      <c r="C32" s="6">
        <v>2</v>
      </c>
      <c r="D32" s="5">
        <v>8</v>
      </c>
    </row>
    <row r="33" spans="1:4" ht="18" customHeight="1" x14ac:dyDescent="0.15">
      <c r="A33" s="8">
        <v>23</v>
      </c>
      <c r="B33" s="21">
        <v>1</v>
      </c>
      <c r="C33" s="6">
        <v>4</v>
      </c>
      <c r="D33" s="5">
        <v>5</v>
      </c>
    </row>
    <row r="34" spans="1:4" ht="18" customHeight="1" x14ac:dyDescent="0.15">
      <c r="A34" s="8">
        <v>24</v>
      </c>
      <c r="B34" s="21">
        <v>4</v>
      </c>
      <c r="C34" s="6">
        <v>3</v>
      </c>
      <c r="D34" s="5">
        <v>7</v>
      </c>
    </row>
    <row r="35" spans="1:4" ht="18" customHeight="1" x14ac:dyDescent="0.15">
      <c r="A35" s="8" t="s">
        <v>20</v>
      </c>
      <c r="B35" s="21">
        <v>21</v>
      </c>
      <c r="C35" s="6">
        <v>17</v>
      </c>
      <c r="D35" s="5">
        <v>38</v>
      </c>
    </row>
    <row r="36" spans="1:4" ht="18" customHeight="1" x14ac:dyDescent="0.15">
      <c r="A36" s="8">
        <v>25</v>
      </c>
      <c r="B36" s="21">
        <v>1</v>
      </c>
      <c r="C36" s="6">
        <v>1</v>
      </c>
      <c r="D36" s="5">
        <v>2</v>
      </c>
    </row>
    <row r="37" spans="1:4" ht="18" customHeight="1" x14ac:dyDescent="0.15">
      <c r="A37" s="8">
        <v>26</v>
      </c>
      <c r="B37" s="21">
        <v>1</v>
      </c>
      <c r="C37" s="6">
        <v>1</v>
      </c>
      <c r="D37" s="5">
        <v>2</v>
      </c>
    </row>
    <row r="38" spans="1:4" ht="18" customHeight="1" x14ac:dyDescent="0.15">
      <c r="A38" s="8">
        <v>27</v>
      </c>
      <c r="B38" s="21">
        <v>3</v>
      </c>
      <c r="C38" s="6">
        <v>2</v>
      </c>
      <c r="D38" s="5">
        <v>5</v>
      </c>
    </row>
    <row r="39" spans="1:4" ht="18" customHeight="1" x14ac:dyDescent="0.15">
      <c r="A39" s="8">
        <v>28</v>
      </c>
      <c r="B39" s="21">
        <v>4</v>
      </c>
      <c r="C39" s="6">
        <v>1</v>
      </c>
      <c r="D39" s="5">
        <v>5</v>
      </c>
    </row>
    <row r="40" spans="1:4" ht="18" customHeight="1" x14ac:dyDescent="0.15">
      <c r="A40" s="8">
        <v>29</v>
      </c>
      <c r="B40" s="21">
        <v>6</v>
      </c>
      <c r="C40" s="6">
        <v>1</v>
      </c>
      <c r="D40" s="5">
        <v>7</v>
      </c>
    </row>
    <row r="41" spans="1:4" ht="18" customHeight="1" x14ac:dyDescent="0.15">
      <c r="A41" s="8" t="s">
        <v>19</v>
      </c>
      <c r="B41" s="21">
        <v>15</v>
      </c>
      <c r="C41" s="6">
        <v>6</v>
      </c>
      <c r="D41" s="5">
        <v>21</v>
      </c>
    </row>
    <row r="42" spans="1:4" ht="18" customHeight="1" x14ac:dyDescent="0.15">
      <c r="A42" s="8">
        <v>30</v>
      </c>
      <c r="B42" s="21">
        <v>1</v>
      </c>
      <c r="C42" s="6">
        <v>0</v>
      </c>
      <c r="D42" s="5">
        <v>1</v>
      </c>
    </row>
    <row r="43" spans="1:4" ht="18" customHeight="1" x14ac:dyDescent="0.15">
      <c r="A43" s="8">
        <v>31</v>
      </c>
      <c r="B43" s="21">
        <v>2</v>
      </c>
      <c r="C43" s="6">
        <v>0</v>
      </c>
      <c r="D43" s="5">
        <v>2</v>
      </c>
    </row>
    <row r="44" spans="1:4" ht="18" customHeight="1" x14ac:dyDescent="0.15">
      <c r="A44" s="8">
        <v>32</v>
      </c>
      <c r="B44" s="21">
        <v>1</v>
      </c>
      <c r="C44" s="6">
        <v>2</v>
      </c>
      <c r="D44" s="5">
        <v>3</v>
      </c>
    </row>
    <row r="45" spans="1:4" ht="18" customHeight="1" x14ac:dyDescent="0.15">
      <c r="A45" s="8">
        <v>33</v>
      </c>
      <c r="B45" s="21">
        <v>1</v>
      </c>
      <c r="C45" s="6">
        <v>2</v>
      </c>
      <c r="D45" s="5">
        <v>3</v>
      </c>
    </row>
    <row r="46" spans="1:4" ht="18" customHeight="1" x14ac:dyDescent="0.15">
      <c r="A46" s="8">
        <v>34</v>
      </c>
      <c r="B46" s="21">
        <v>1</v>
      </c>
      <c r="C46" s="6">
        <v>2</v>
      </c>
      <c r="D46" s="5">
        <v>3</v>
      </c>
    </row>
    <row r="47" spans="1:4" ht="18" customHeight="1" x14ac:dyDescent="0.15">
      <c r="A47" s="8" t="s">
        <v>18</v>
      </c>
      <c r="B47" s="21">
        <v>6</v>
      </c>
      <c r="C47" s="6">
        <v>6</v>
      </c>
      <c r="D47" s="5">
        <v>12</v>
      </c>
    </row>
    <row r="48" spans="1:4" ht="18" customHeight="1" x14ac:dyDescent="0.15">
      <c r="A48" s="8">
        <v>35</v>
      </c>
      <c r="B48" s="21">
        <v>4</v>
      </c>
      <c r="C48" s="6">
        <v>2</v>
      </c>
      <c r="D48" s="5">
        <v>6</v>
      </c>
    </row>
    <row r="49" spans="1:4" ht="18" customHeight="1" x14ac:dyDescent="0.15">
      <c r="A49" s="8">
        <v>36</v>
      </c>
      <c r="B49" s="21">
        <v>1</v>
      </c>
      <c r="C49" s="6">
        <v>3</v>
      </c>
      <c r="D49" s="5">
        <v>4</v>
      </c>
    </row>
    <row r="50" spans="1:4" ht="18" customHeight="1" x14ac:dyDescent="0.15">
      <c r="A50" s="8">
        <v>37</v>
      </c>
      <c r="B50" s="21">
        <v>4</v>
      </c>
      <c r="C50" s="6">
        <v>7</v>
      </c>
      <c r="D50" s="5">
        <v>11</v>
      </c>
    </row>
    <row r="51" spans="1:4" ht="18" customHeight="1" x14ac:dyDescent="0.15">
      <c r="A51" s="8">
        <v>38</v>
      </c>
      <c r="B51" s="21">
        <v>4</v>
      </c>
      <c r="C51" s="6">
        <v>3</v>
      </c>
      <c r="D51" s="5">
        <v>7</v>
      </c>
    </row>
    <row r="52" spans="1:4" ht="18" customHeight="1" x14ac:dyDescent="0.15">
      <c r="A52" s="8">
        <v>39</v>
      </c>
      <c r="B52" s="21">
        <v>3</v>
      </c>
      <c r="C52" s="6">
        <v>4</v>
      </c>
      <c r="D52" s="5">
        <v>7</v>
      </c>
    </row>
    <row r="53" spans="1:4" ht="18" customHeight="1" x14ac:dyDescent="0.15">
      <c r="A53" s="8" t="s">
        <v>17</v>
      </c>
      <c r="B53" s="21">
        <v>16</v>
      </c>
      <c r="C53" s="6">
        <v>19</v>
      </c>
      <c r="D53" s="5">
        <v>35</v>
      </c>
    </row>
    <row r="54" spans="1:4" ht="18" customHeight="1" x14ac:dyDescent="0.15">
      <c r="A54" s="8">
        <v>40</v>
      </c>
      <c r="B54" s="21">
        <v>6</v>
      </c>
      <c r="C54" s="6">
        <v>4</v>
      </c>
      <c r="D54" s="5">
        <v>10</v>
      </c>
    </row>
    <row r="55" spans="1:4" ht="18" customHeight="1" x14ac:dyDescent="0.15">
      <c r="A55" s="8">
        <v>41</v>
      </c>
      <c r="B55" s="21">
        <v>2</v>
      </c>
      <c r="C55" s="6">
        <v>3</v>
      </c>
      <c r="D55" s="5">
        <v>5</v>
      </c>
    </row>
    <row r="56" spans="1:4" ht="18" customHeight="1" x14ac:dyDescent="0.15">
      <c r="A56" s="8">
        <v>42</v>
      </c>
      <c r="B56" s="21">
        <v>3</v>
      </c>
      <c r="C56" s="6">
        <v>3</v>
      </c>
      <c r="D56" s="5">
        <v>6</v>
      </c>
    </row>
    <row r="57" spans="1:4" ht="18" customHeight="1" x14ac:dyDescent="0.15">
      <c r="A57" s="8">
        <v>43</v>
      </c>
      <c r="B57" s="21">
        <v>7</v>
      </c>
      <c r="C57" s="6">
        <v>3</v>
      </c>
      <c r="D57" s="5">
        <v>10</v>
      </c>
    </row>
    <row r="58" spans="1:4" ht="18" customHeight="1" x14ac:dyDescent="0.15">
      <c r="A58" s="8">
        <v>44</v>
      </c>
      <c r="B58" s="21">
        <v>5</v>
      </c>
      <c r="C58" s="6">
        <v>7</v>
      </c>
      <c r="D58" s="5">
        <v>12</v>
      </c>
    </row>
    <row r="59" spans="1:4" ht="18" customHeight="1" x14ac:dyDescent="0.15">
      <c r="A59" s="8" t="s">
        <v>16</v>
      </c>
      <c r="B59" s="21">
        <v>23</v>
      </c>
      <c r="C59" s="6">
        <v>20</v>
      </c>
      <c r="D59" s="5">
        <v>43</v>
      </c>
    </row>
    <row r="60" spans="1:4" ht="18" customHeight="1" x14ac:dyDescent="0.15">
      <c r="A60" s="8">
        <v>45</v>
      </c>
      <c r="B60" s="21">
        <v>4</v>
      </c>
      <c r="C60" s="6">
        <v>6</v>
      </c>
      <c r="D60" s="5">
        <v>10</v>
      </c>
    </row>
    <row r="61" spans="1:4" ht="18" customHeight="1" x14ac:dyDescent="0.15">
      <c r="A61" s="8">
        <v>46</v>
      </c>
      <c r="B61" s="21">
        <v>2</v>
      </c>
      <c r="C61" s="6">
        <v>1</v>
      </c>
      <c r="D61" s="5">
        <v>3</v>
      </c>
    </row>
    <row r="62" spans="1:4" ht="18" customHeight="1" x14ac:dyDescent="0.15">
      <c r="A62" s="8">
        <v>47</v>
      </c>
      <c r="B62" s="21">
        <v>4</v>
      </c>
      <c r="C62" s="6">
        <v>5</v>
      </c>
      <c r="D62" s="5">
        <v>9</v>
      </c>
    </row>
    <row r="63" spans="1:4" ht="18" customHeight="1" x14ac:dyDescent="0.15">
      <c r="A63" s="8">
        <v>48</v>
      </c>
      <c r="B63" s="21">
        <v>3</v>
      </c>
      <c r="C63" s="6">
        <v>4</v>
      </c>
      <c r="D63" s="5">
        <v>7</v>
      </c>
    </row>
    <row r="64" spans="1:4" ht="18" customHeight="1" x14ac:dyDescent="0.15">
      <c r="A64" s="8">
        <v>49</v>
      </c>
      <c r="B64" s="21">
        <v>4</v>
      </c>
      <c r="C64" s="6">
        <v>3</v>
      </c>
      <c r="D64" s="5">
        <v>7</v>
      </c>
    </row>
    <row r="65" spans="1:4" ht="18" customHeight="1" x14ac:dyDescent="0.15">
      <c r="A65" s="8" t="s">
        <v>15</v>
      </c>
      <c r="B65" s="21">
        <v>17</v>
      </c>
      <c r="C65" s="6">
        <v>19</v>
      </c>
      <c r="D65" s="5">
        <v>36</v>
      </c>
    </row>
    <row r="66" spans="1:4" ht="18" customHeight="1" x14ac:dyDescent="0.15">
      <c r="A66" s="8">
        <v>50</v>
      </c>
      <c r="B66" s="21">
        <v>3</v>
      </c>
      <c r="C66" s="6">
        <v>7</v>
      </c>
      <c r="D66" s="5">
        <v>10</v>
      </c>
    </row>
    <row r="67" spans="1:4" ht="18" customHeight="1" x14ac:dyDescent="0.15">
      <c r="A67" s="8">
        <v>51</v>
      </c>
      <c r="B67" s="21">
        <v>9</v>
      </c>
      <c r="C67" s="6">
        <v>4</v>
      </c>
      <c r="D67" s="5">
        <v>13</v>
      </c>
    </row>
    <row r="68" spans="1:4" ht="18" customHeight="1" x14ac:dyDescent="0.15">
      <c r="A68" s="8">
        <v>52</v>
      </c>
      <c r="B68" s="21">
        <v>6</v>
      </c>
      <c r="C68" s="6">
        <v>7</v>
      </c>
      <c r="D68" s="5">
        <v>13</v>
      </c>
    </row>
    <row r="69" spans="1:4" ht="18" customHeight="1" x14ac:dyDescent="0.15">
      <c r="A69" s="8">
        <v>53</v>
      </c>
      <c r="B69" s="21">
        <v>5</v>
      </c>
      <c r="C69" s="6">
        <v>4</v>
      </c>
      <c r="D69" s="5">
        <v>9</v>
      </c>
    </row>
    <row r="70" spans="1:4" ht="18" customHeight="1" x14ac:dyDescent="0.15">
      <c r="A70" s="8">
        <v>54</v>
      </c>
      <c r="B70" s="21">
        <v>5</v>
      </c>
      <c r="C70" s="6">
        <v>5</v>
      </c>
      <c r="D70" s="5">
        <v>10</v>
      </c>
    </row>
    <row r="71" spans="1:4" ht="18" customHeight="1" x14ac:dyDescent="0.15">
      <c r="A71" s="8" t="s">
        <v>14</v>
      </c>
      <c r="B71" s="21">
        <v>28</v>
      </c>
      <c r="C71" s="6">
        <v>27</v>
      </c>
      <c r="D71" s="5">
        <v>55</v>
      </c>
    </row>
    <row r="72" spans="1:4" ht="18" customHeight="1" x14ac:dyDescent="0.15">
      <c r="A72" s="8">
        <v>55</v>
      </c>
      <c r="B72" s="21">
        <v>4</v>
      </c>
      <c r="C72" s="6">
        <v>5</v>
      </c>
      <c r="D72" s="5">
        <v>9</v>
      </c>
    </row>
    <row r="73" spans="1:4" ht="18" customHeight="1" x14ac:dyDescent="0.15">
      <c r="A73" s="8">
        <v>56</v>
      </c>
      <c r="B73" s="21">
        <v>4</v>
      </c>
      <c r="C73" s="6">
        <v>5</v>
      </c>
      <c r="D73" s="5">
        <v>9</v>
      </c>
    </row>
    <row r="74" spans="1:4" ht="18" customHeight="1" x14ac:dyDescent="0.15">
      <c r="A74" s="8">
        <v>57</v>
      </c>
      <c r="B74" s="21">
        <v>1</v>
      </c>
      <c r="C74" s="6">
        <v>6</v>
      </c>
      <c r="D74" s="5">
        <v>7</v>
      </c>
    </row>
    <row r="75" spans="1:4" ht="18" customHeight="1" x14ac:dyDescent="0.15">
      <c r="A75" s="8">
        <v>58</v>
      </c>
      <c r="B75" s="21">
        <v>3</v>
      </c>
      <c r="C75" s="6">
        <v>11</v>
      </c>
      <c r="D75" s="5">
        <v>14</v>
      </c>
    </row>
    <row r="76" spans="1:4" ht="18" customHeight="1" x14ac:dyDescent="0.15">
      <c r="A76" s="8">
        <v>59</v>
      </c>
      <c r="B76" s="21">
        <v>5</v>
      </c>
      <c r="C76" s="6">
        <v>2</v>
      </c>
      <c r="D76" s="5">
        <v>7</v>
      </c>
    </row>
    <row r="77" spans="1:4" ht="18" customHeight="1" x14ac:dyDescent="0.15">
      <c r="A77" s="8" t="s">
        <v>13</v>
      </c>
      <c r="B77" s="21">
        <v>17</v>
      </c>
      <c r="C77" s="6">
        <v>29</v>
      </c>
      <c r="D77" s="5">
        <v>46</v>
      </c>
    </row>
    <row r="78" spans="1:4" ht="18" customHeight="1" x14ac:dyDescent="0.15">
      <c r="A78" s="8">
        <v>60</v>
      </c>
      <c r="B78" s="21">
        <v>5</v>
      </c>
      <c r="C78" s="6">
        <v>5</v>
      </c>
      <c r="D78" s="5">
        <v>10</v>
      </c>
    </row>
    <row r="79" spans="1:4" ht="18" customHeight="1" x14ac:dyDescent="0.15">
      <c r="A79" s="8">
        <v>61</v>
      </c>
      <c r="B79" s="21">
        <v>6</v>
      </c>
      <c r="C79" s="6">
        <v>4</v>
      </c>
      <c r="D79" s="5">
        <v>10</v>
      </c>
    </row>
    <row r="80" spans="1:4" ht="18" customHeight="1" x14ac:dyDescent="0.15">
      <c r="A80" s="8">
        <v>62</v>
      </c>
      <c r="B80" s="21">
        <v>8</v>
      </c>
      <c r="C80" s="6">
        <v>7</v>
      </c>
      <c r="D80" s="5">
        <v>15</v>
      </c>
    </row>
    <row r="81" spans="1:4" ht="18" customHeight="1" x14ac:dyDescent="0.15">
      <c r="A81" s="8">
        <v>63</v>
      </c>
      <c r="B81" s="21">
        <v>3</v>
      </c>
      <c r="C81" s="6">
        <v>5</v>
      </c>
      <c r="D81" s="5">
        <v>8</v>
      </c>
    </row>
    <row r="82" spans="1:4" ht="18" customHeight="1" x14ac:dyDescent="0.15">
      <c r="A82" s="8">
        <v>64</v>
      </c>
      <c r="B82" s="21">
        <v>2</v>
      </c>
      <c r="C82" s="6">
        <v>3</v>
      </c>
      <c r="D82" s="5">
        <v>5</v>
      </c>
    </row>
    <row r="83" spans="1:4" ht="18" customHeight="1" x14ac:dyDescent="0.15">
      <c r="A83" s="8" t="s">
        <v>12</v>
      </c>
      <c r="B83" s="21">
        <v>24</v>
      </c>
      <c r="C83" s="6">
        <v>24</v>
      </c>
      <c r="D83" s="5">
        <v>48</v>
      </c>
    </row>
    <row r="84" spans="1:4" ht="18" customHeight="1" x14ac:dyDescent="0.15">
      <c r="A84" s="8" t="s">
        <v>11</v>
      </c>
      <c r="B84" s="21">
        <v>188</v>
      </c>
      <c r="C84" s="6">
        <v>180</v>
      </c>
      <c r="D84" s="5">
        <v>368</v>
      </c>
    </row>
    <row r="85" spans="1:4" ht="18" customHeight="1" x14ac:dyDescent="0.15">
      <c r="A85" s="8">
        <v>65</v>
      </c>
      <c r="B85" s="21">
        <v>4</v>
      </c>
      <c r="C85" s="6">
        <v>5</v>
      </c>
      <c r="D85" s="5">
        <v>9</v>
      </c>
    </row>
    <row r="86" spans="1:4" ht="18" customHeight="1" x14ac:dyDescent="0.15">
      <c r="A86" s="8">
        <v>66</v>
      </c>
      <c r="B86" s="21">
        <v>4</v>
      </c>
      <c r="C86" s="6">
        <v>7</v>
      </c>
      <c r="D86" s="5">
        <v>11</v>
      </c>
    </row>
    <row r="87" spans="1:4" ht="18" customHeight="1" x14ac:dyDescent="0.15">
      <c r="A87" s="8">
        <v>67</v>
      </c>
      <c r="B87" s="21">
        <v>3</v>
      </c>
      <c r="C87" s="6">
        <v>13</v>
      </c>
      <c r="D87" s="5">
        <v>16</v>
      </c>
    </row>
    <row r="88" spans="1:4" ht="18" customHeight="1" x14ac:dyDescent="0.15">
      <c r="A88" s="8">
        <v>68</v>
      </c>
      <c r="B88" s="21">
        <v>6</v>
      </c>
      <c r="C88" s="6">
        <v>7</v>
      </c>
      <c r="D88" s="5">
        <v>13</v>
      </c>
    </row>
    <row r="89" spans="1:4" ht="18" customHeight="1" x14ac:dyDescent="0.15">
      <c r="A89" s="8">
        <v>69</v>
      </c>
      <c r="B89" s="21">
        <v>10</v>
      </c>
      <c r="C89" s="6">
        <v>7</v>
      </c>
      <c r="D89" s="5">
        <v>17</v>
      </c>
    </row>
    <row r="90" spans="1:4" ht="18" customHeight="1" x14ac:dyDescent="0.15">
      <c r="A90" s="8" t="s">
        <v>10</v>
      </c>
      <c r="B90" s="21">
        <v>27</v>
      </c>
      <c r="C90" s="6">
        <v>39</v>
      </c>
      <c r="D90" s="5">
        <v>66</v>
      </c>
    </row>
    <row r="91" spans="1:4" ht="18" customHeight="1" x14ac:dyDescent="0.15">
      <c r="A91" s="8">
        <v>70</v>
      </c>
      <c r="B91" s="21">
        <v>6</v>
      </c>
      <c r="C91" s="6">
        <v>5</v>
      </c>
      <c r="D91" s="5">
        <v>11</v>
      </c>
    </row>
    <row r="92" spans="1:4" ht="18" customHeight="1" x14ac:dyDescent="0.15">
      <c r="A92" s="8">
        <v>71</v>
      </c>
      <c r="B92" s="21">
        <v>5</v>
      </c>
      <c r="C92" s="6">
        <v>10</v>
      </c>
      <c r="D92" s="5">
        <v>15</v>
      </c>
    </row>
    <row r="93" spans="1:4" ht="18" customHeight="1" x14ac:dyDescent="0.15">
      <c r="A93" s="8">
        <v>72</v>
      </c>
      <c r="B93" s="21">
        <v>18</v>
      </c>
      <c r="C93" s="6">
        <v>9</v>
      </c>
      <c r="D93" s="5">
        <v>27</v>
      </c>
    </row>
    <row r="94" spans="1:4" ht="18" customHeight="1" x14ac:dyDescent="0.15">
      <c r="A94" s="8">
        <v>73</v>
      </c>
      <c r="B94" s="21">
        <v>11</v>
      </c>
      <c r="C94" s="6">
        <v>11</v>
      </c>
      <c r="D94" s="5">
        <v>22</v>
      </c>
    </row>
    <row r="95" spans="1:4" ht="18" customHeight="1" x14ac:dyDescent="0.15">
      <c r="A95" s="8">
        <v>74</v>
      </c>
      <c r="B95" s="21">
        <v>8</v>
      </c>
      <c r="C95" s="6">
        <v>10</v>
      </c>
      <c r="D95" s="5">
        <v>18</v>
      </c>
    </row>
    <row r="96" spans="1:4" ht="18" customHeight="1" x14ac:dyDescent="0.15">
      <c r="A96" s="8" t="s">
        <v>9</v>
      </c>
      <c r="B96" s="21">
        <v>48</v>
      </c>
      <c r="C96" s="6">
        <v>45</v>
      </c>
      <c r="D96" s="5">
        <v>93</v>
      </c>
    </row>
    <row r="97" spans="1:4" ht="18" customHeight="1" x14ac:dyDescent="0.15">
      <c r="A97" s="8">
        <v>75</v>
      </c>
      <c r="B97" s="21">
        <v>6</v>
      </c>
      <c r="C97" s="6">
        <v>9</v>
      </c>
      <c r="D97" s="5">
        <v>15</v>
      </c>
    </row>
    <row r="98" spans="1:4" ht="18" customHeight="1" x14ac:dyDescent="0.15">
      <c r="A98" s="8">
        <v>76</v>
      </c>
      <c r="B98" s="21">
        <v>11</v>
      </c>
      <c r="C98" s="6">
        <v>8</v>
      </c>
      <c r="D98" s="5">
        <v>19</v>
      </c>
    </row>
    <row r="99" spans="1:4" ht="18" customHeight="1" x14ac:dyDescent="0.15">
      <c r="A99" s="8">
        <v>77</v>
      </c>
      <c r="B99" s="21">
        <v>7</v>
      </c>
      <c r="C99" s="6">
        <v>10</v>
      </c>
      <c r="D99" s="5">
        <v>17</v>
      </c>
    </row>
    <row r="100" spans="1:4" ht="18" customHeight="1" x14ac:dyDescent="0.15">
      <c r="A100" s="8">
        <v>78</v>
      </c>
      <c r="B100" s="21">
        <v>10</v>
      </c>
      <c r="C100" s="6">
        <v>5</v>
      </c>
      <c r="D100" s="5">
        <v>15</v>
      </c>
    </row>
    <row r="101" spans="1:4" ht="18" customHeight="1" x14ac:dyDescent="0.15">
      <c r="A101" s="8">
        <v>79</v>
      </c>
      <c r="B101" s="21">
        <v>7</v>
      </c>
      <c r="C101" s="6">
        <v>8</v>
      </c>
      <c r="D101" s="5">
        <v>15</v>
      </c>
    </row>
    <row r="102" spans="1:4" ht="18" customHeight="1" x14ac:dyDescent="0.15">
      <c r="A102" s="8" t="s">
        <v>8</v>
      </c>
      <c r="B102" s="21">
        <v>41</v>
      </c>
      <c r="C102" s="6">
        <v>40</v>
      </c>
      <c r="D102" s="5">
        <v>81</v>
      </c>
    </row>
    <row r="103" spans="1:4" ht="18" customHeight="1" x14ac:dyDescent="0.15">
      <c r="A103" s="8">
        <v>80</v>
      </c>
      <c r="B103" s="21">
        <v>0</v>
      </c>
      <c r="C103" s="6">
        <v>1</v>
      </c>
      <c r="D103" s="5">
        <v>1</v>
      </c>
    </row>
    <row r="104" spans="1:4" ht="18" customHeight="1" x14ac:dyDescent="0.15">
      <c r="A104" s="8">
        <v>81</v>
      </c>
      <c r="B104" s="21">
        <v>4</v>
      </c>
      <c r="C104" s="6">
        <v>6</v>
      </c>
      <c r="D104" s="5">
        <v>10</v>
      </c>
    </row>
    <row r="105" spans="1:4" ht="18" customHeight="1" x14ac:dyDescent="0.15">
      <c r="A105" s="8">
        <v>82</v>
      </c>
      <c r="B105" s="21">
        <v>5</v>
      </c>
      <c r="C105" s="6">
        <v>6</v>
      </c>
      <c r="D105" s="5">
        <v>11</v>
      </c>
    </row>
    <row r="106" spans="1:4" ht="18" customHeight="1" x14ac:dyDescent="0.15">
      <c r="A106" s="8">
        <v>83</v>
      </c>
      <c r="B106" s="21">
        <v>5</v>
      </c>
      <c r="C106" s="6">
        <v>8</v>
      </c>
      <c r="D106" s="5">
        <v>13</v>
      </c>
    </row>
    <row r="107" spans="1:4" ht="18" customHeight="1" x14ac:dyDescent="0.15">
      <c r="A107" s="8">
        <v>84</v>
      </c>
      <c r="B107" s="21">
        <v>2</v>
      </c>
      <c r="C107" s="6">
        <v>8</v>
      </c>
      <c r="D107" s="5">
        <v>10</v>
      </c>
    </row>
    <row r="108" spans="1:4" ht="18" customHeight="1" x14ac:dyDescent="0.15">
      <c r="A108" s="8" t="s">
        <v>7</v>
      </c>
      <c r="B108" s="21">
        <v>16</v>
      </c>
      <c r="C108" s="6">
        <v>29</v>
      </c>
      <c r="D108" s="5">
        <v>45</v>
      </c>
    </row>
    <row r="109" spans="1:4" ht="18" customHeight="1" x14ac:dyDescent="0.15">
      <c r="A109" s="8">
        <v>85</v>
      </c>
      <c r="B109" s="21">
        <v>2</v>
      </c>
      <c r="C109" s="6">
        <v>4</v>
      </c>
      <c r="D109" s="5">
        <v>6</v>
      </c>
    </row>
    <row r="110" spans="1:4" ht="18" customHeight="1" x14ac:dyDescent="0.15">
      <c r="A110" s="8">
        <v>86</v>
      </c>
      <c r="B110" s="21">
        <v>4</v>
      </c>
      <c r="C110" s="6">
        <v>1</v>
      </c>
      <c r="D110" s="5">
        <v>5</v>
      </c>
    </row>
    <row r="111" spans="1:4" ht="18" customHeight="1" x14ac:dyDescent="0.15">
      <c r="A111" s="8">
        <v>87</v>
      </c>
      <c r="B111" s="21">
        <v>2</v>
      </c>
      <c r="C111" s="6">
        <v>1</v>
      </c>
      <c r="D111" s="5">
        <v>3</v>
      </c>
    </row>
    <row r="112" spans="1:4" ht="18" customHeight="1" x14ac:dyDescent="0.15">
      <c r="A112" s="8">
        <v>88</v>
      </c>
      <c r="B112" s="21">
        <v>2</v>
      </c>
      <c r="C112" s="6">
        <v>5</v>
      </c>
      <c r="D112" s="5">
        <v>7</v>
      </c>
    </row>
    <row r="113" spans="1:4" ht="18" customHeight="1" x14ac:dyDescent="0.15">
      <c r="A113" s="8">
        <v>89</v>
      </c>
      <c r="B113" s="21">
        <v>3</v>
      </c>
      <c r="C113" s="6">
        <v>4</v>
      </c>
      <c r="D113" s="5">
        <v>7</v>
      </c>
    </row>
    <row r="114" spans="1:4" ht="18" customHeight="1" x14ac:dyDescent="0.15">
      <c r="A114" s="8" t="s">
        <v>6</v>
      </c>
      <c r="B114" s="21">
        <v>13</v>
      </c>
      <c r="C114" s="6">
        <v>15</v>
      </c>
      <c r="D114" s="5">
        <v>28</v>
      </c>
    </row>
    <row r="115" spans="1:4" ht="18" customHeight="1" x14ac:dyDescent="0.15">
      <c r="A115" s="8">
        <v>90</v>
      </c>
      <c r="B115" s="21">
        <v>1</v>
      </c>
      <c r="C115" s="6">
        <v>5</v>
      </c>
      <c r="D115" s="5">
        <v>6</v>
      </c>
    </row>
    <row r="116" spans="1:4" ht="18" customHeight="1" x14ac:dyDescent="0.15">
      <c r="A116" s="8">
        <v>91</v>
      </c>
      <c r="B116" s="21">
        <v>2</v>
      </c>
      <c r="C116" s="6">
        <v>4</v>
      </c>
      <c r="D116" s="5">
        <v>6</v>
      </c>
    </row>
    <row r="117" spans="1:4" ht="18" customHeight="1" x14ac:dyDescent="0.15">
      <c r="A117" s="8">
        <v>92</v>
      </c>
      <c r="B117" s="21">
        <v>1</v>
      </c>
      <c r="C117" s="6">
        <v>3</v>
      </c>
      <c r="D117" s="5">
        <v>4</v>
      </c>
    </row>
    <row r="118" spans="1:4" ht="18" customHeight="1" x14ac:dyDescent="0.15">
      <c r="A118" s="8">
        <v>93</v>
      </c>
      <c r="B118" s="21">
        <v>0</v>
      </c>
      <c r="C118" s="6">
        <v>5</v>
      </c>
      <c r="D118" s="5">
        <v>5</v>
      </c>
    </row>
    <row r="119" spans="1:4" ht="18" customHeight="1" x14ac:dyDescent="0.15">
      <c r="A119" s="8">
        <v>94</v>
      </c>
      <c r="B119" s="21">
        <v>2</v>
      </c>
      <c r="C119" s="6">
        <v>2</v>
      </c>
      <c r="D119" s="5">
        <v>4</v>
      </c>
    </row>
    <row r="120" spans="1:4" ht="18" customHeight="1" x14ac:dyDescent="0.15">
      <c r="A120" s="8" t="s">
        <v>5</v>
      </c>
      <c r="B120" s="21">
        <v>6</v>
      </c>
      <c r="C120" s="6">
        <v>19</v>
      </c>
      <c r="D120" s="5">
        <v>25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0</v>
      </c>
      <c r="C122" s="6">
        <v>1</v>
      </c>
      <c r="D122" s="5">
        <v>1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6</v>
      </c>
      <c r="D126" s="5">
        <v>6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51</v>
      </c>
      <c r="C130" s="6">
        <v>193</v>
      </c>
      <c r="D130" s="5">
        <v>344</v>
      </c>
    </row>
    <row r="131" spans="1:4" ht="18" customHeight="1" x14ac:dyDescent="0.15">
      <c r="A131" s="4" t="s">
        <v>0</v>
      </c>
      <c r="B131" s="20">
        <v>372</v>
      </c>
      <c r="C131" s="2">
        <v>396</v>
      </c>
      <c r="D131" s="1">
        <v>7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68CF40-A811-45D6-97C6-7E59795933A5}">
  <sheetPr codeName="Sheet9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 t="s">
        <v>220</v>
      </c>
      <c r="C5" s="31" t="s">
        <v>220</v>
      </c>
      <c r="D5" s="30" t="s">
        <v>220</v>
      </c>
    </row>
    <row r="6" spans="1:4" ht="18" customHeight="1" x14ac:dyDescent="0.15">
      <c r="A6" s="8">
        <v>1</v>
      </c>
      <c r="B6" s="26" t="s">
        <v>220</v>
      </c>
      <c r="C6" s="6" t="s">
        <v>220</v>
      </c>
      <c r="D6" s="5" t="s">
        <v>220</v>
      </c>
    </row>
    <row r="7" spans="1:4" ht="18" customHeight="1" x14ac:dyDescent="0.15">
      <c r="A7" s="8">
        <v>2</v>
      </c>
      <c r="B7" s="26" t="s">
        <v>220</v>
      </c>
      <c r="C7" s="6" t="s">
        <v>220</v>
      </c>
      <c r="D7" s="5" t="s">
        <v>220</v>
      </c>
    </row>
    <row r="8" spans="1:4" ht="18" customHeight="1" x14ac:dyDescent="0.15">
      <c r="A8" s="8">
        <v>3</v>
      </c>
      <c r="B8" s="26" t="s">
        <v>220</v>
      </c>
      <c r="C8" s="6" t="s">
        <v>220</v>
      </c>
      <c r="D8" s="5" t="s">
        <v>220</v>
      </c>
    </row>
    <row r="9" spans="1:4" ht="18" customHeight="1" x14ac:dyDescent="0.15">
      <c r="A9" s="8">
        <v>4</v>
      </c>
      <c r="B9" s="29" t="s">
        <v>220</v>
      </c>
      <c r="C9" s="28" t="s">
        <v>220</v>
      </c>
      <c r="D9" s="27" t="s">
        <v>220</v>
      </c>
    </row>
    <row r="10" spans="1:4" ht="18" customHeight="1" x14ac:dyDescent="0.15">
      <c r="A10" s="8" t="s">
        <v>25</v>
      </c>
      <c r="B10" s="21" t="s">
        <v>220</v>
      </c>
      <c r="C10" s="6" t="s">
        <v>220</v>
      </c>
      <c r="D10" s="5" t="s">
        <v>220</v>
      </c>
    </row>
    <row r="11" spans="1:4" ht="18" customHeight="1" x14ac:dyDescent="0.15">
      <c r="A11" s="8">
        <v>5</v>
      </c>
      <c r="B11" s="26" t="s">
        <v>220</v>
      </c>
      <c r="C11" s="6" t="s">
        <v>220</v>
      </c>
      <c r="D11" s="5" t="s">
        <v>220</v>
      </c>
    </row>
    <row r="12" spans="1:4" ht="18" customHeight="1" x14ac:dyDescent="0.15">
      <c r="A12" s="8">
        <v>6</v>
      </c>
      <c r="B12" s="26" t="s">
        <v>220</v>
      </c>
      <c r="C12" s="6" t="s">
        <v>220</v>
      </c>
      <c r="D12" s="5" t="s">
        <v>220</v>
      </c>
    </row>
    <row r="13" spans="1:4" ht="18" customHeight="1" x14ac:dyDescent="0.15">
      <c r="A13" s="8">
        <v>7</v>
      </c>
      <c r="B13" s="26" t="s">
        <v>220</v>
      </c>
      <c r="C13" s="6" t="s">
        <v>220</v>
      </c>
      <c r="D13" s="5" t="s">
        <v>220</v>
      </c>
    </row>
    <row r="14" spans="1:4" ht="18" customHeight="1" x14ac:dyDescent="0.15">
      <c r="A14" s="8">
        <v>8</v>
      </c>
      <c r="B14" s="26" t="s">
        <v>220</v>
      </c>
      <c r="C14" s="6" t="s">
        <v>220</v>
      </c>
      <c r="D14" s="5" t="s">
        <v>220</v>
      </c>
    </row>
    <row r="15" spans="1:4" ht="18" customHeight="1" x14ac:dyDescent="0.15">
      <c r="A15" s="8">
        <v>9</v>
      </c>
      <c r="B15" s="26" t="s">
        <v>220</v>
      </c>
      <c r="C15" s="6" t="s">
        <v>220</v>
      </c>
      <c r="D15" s="5" t="s">
        <v>220</v>
      </c>
    </row>
    <row r="16" spans="1:4" ht="18" customHeight="1" x14ac:dyDescent="0.15">
      <c r="A16" s="8" t="s">
        <v>24</v>
      </c>
      <c r="B16" s="21" t="s">
        <v>220</v>
      </c>
      <c r="C16" s="6" t="s">
        <v>220</v>
      </c>
      <c r="D16" s="5" t="s">
        <v>220</v>
      </c>
    </row>
    <row r="17" spans="1:4" ht="18" customHeight="1" x14ac:dyDescent="0.15">
      <c r="A17" s="8">
        <v>10</v>
      </c>
      <c r="B17" s="21" t="s">
        <v>220</v>
      </c>
      <c r="C17" s="6" t="s">
        <v>220</v>
      </c>
      <c r="D17" s="5" t="s">
        <v>220</v>
      </c>
    </row>
    <row r="18" spans="1:4" ht="18" customHeight="1" x14ac:dyDescent="0.15">
      <c r="A18" s="8">
        <v>11</v>
      </c>
      <c r="B18" s="21" t="s">
        <v>220</v>
      </c>
      <c r="C18" s="6" t="s">
        <v>220</v>
      </c>
      <c r="D18" s="5" t="s">
        <v>220</v>
      </c>
    </row>
    <row r="19" spans="1:4" ht="18" customHeight="1" x14ac:dyDescent="0.15">
      <c r="A19" s="8">
        <v>12</v>
      </c>
      <c r="B19" s="21" t="s">
        <v>220</v>
      </c>
      <c r="C19" s="6" t="s">
        <v>220</v>
      </c>
      <c r="D19" s="5" t="s">
        <v>220</v>
      </c>
    </row>
    <row r="20" spans="1:4" ht="18" customHeight="1" x14ac:dyDescent="0.15">
      <c r="A20" s="8">
        <v>13</v>
      </c>
      <c r="B20" s="21" t="s">
        <v>220</v>
      </c>
      <c r="C20" s="6" t="s">
        <v>220</v>
      </c>
      <c r="D20" s="5" t="s">
        <v>220</v>
      </c>
    </row>
    <row r="21" spans="1:4" ht="18" customHeight="1" x14ac:dyDescent="0.15">
      <c r="A21" s="8">
        <v>14</v>
      </c>
      <c r="B21" s="21" t="s">
        <v>220</v>
      </c>
      <c r="C21" s="6" t="s">
        <v>220</v>
      </c>
      <c r="D21" s="5" t="s">
        <v>220</v>
      </c>
    </row>
    <row r="22" spans="1:4" ht="18" customHeight="1" x14ac:dyDescent="0.15">
      <c r="A22" s="8" t="s">
        <v>23</v>
      </c>
      <c r="B22" s="21" t="s">
        <v>220</v>
      </c>
      <c r="C22" s="6" t="s">
        <v>220</v>
      </c>
      <c r="D22" s="5" t="s">
        <v>220</v>
      </c>
    </row>
    <row r="23" spans="1:4" ht="18" customHeight="1" x14ac:dyDescent="0.15">
      <c r="A23" s="8" t="s">
        <v>22</v>
      </c>
      <c r="B23" s="21">
        <v>4</v>
      </c>
      <c r="C23" s="6">
        <v>5</v>
      </c>
      <c r="D23" s="5">
        <v>9</v>
      </c>
    </row>
    <row r="24" spans="1:4" ht="18" customHeight="1" x14ac:dyDescent="0.15">
      <c r="A24" s="8">
        <v>15</v>
      </c>
      <c r="B24" s="21" t="s">
        <v>220</v>
      </c>
      <c r="C24" s="6" t="s">
        <v>220</v>
      </c>
      <c r="D24" s="5" t="s">
        <v>220</v>
      </c>
    </row>
    <row r="25" spans="1:4" ht="18" customHeight="1" x14ac:dyDescent="0.15">
      <c r="A25" s="8">
        <v>16</v>
      </c>
      <c r="B25" s="21" t="s">
        <v>220</v>
      </c>
      <c r="C25" s="6" t="s">
        <v>220</v>
      </c>
      <c r="D25" s="5" t="s">
        <v>220</v>
      </c>
    </row>
    <row r="26" spans="1:4" ht="18" customHeight="1" x14ac:dyDescent="0.15">
      <c r="A26" s="8">
        <v>17</v>
      </c>
      <c r="B26" s="21" t="s">
        <v>220</v>
      </c>
      <c r="C26" s="6" t="s">
        <v>220</v>
      </c>
      <c r="D26" s="5" t="s">
        <v>220</v>
      </c>
    </row>
    <row r="27" spans="1:4" ht="18" customHeight="1" x14ac:dyDescent="0.15">
      <c r="A27" s="8">
        <v>18</v>
      </c>
      <c r="B27" s="21" t="s">
        <v>220</v>
      </c>
      <c r="C27" s="6" t="s">
        <v>220</v>
      </c>
      <c r="D27" s="5" t="s">
        <v>220</v>
      </c>
    </row>
    <row r="28" spans="1:4" ht="18" customHeight="1" x14ac:dyDescent="0.15">
      <c r="A28" s="8">
        <v>19</v>
      </c>
      <c r="B28" s="21" t="s">
        <v>220</v>
      </c>
      <c r="C28" s="6" t="s">
        <v>220</v>
      </c>
      <c r="D28" s="5" t="s">
        <v>220</v>
      </c>
    </row>
    <row r="29" spans="1:4" ht="18" customHeight="1" x14ac:dyDescent="0.15">
      <c r="A29" s="8" t="s">
        <v>21</v>
      </c>
      <c r="B29" s="21" t="s">
        <v>220</v>
      </c>
      <c r="C29" s="6" t="s">
        <v>220</v>
      </c>
      <c r="D29" s="5" t="s">
        <v>220</v>
      </c>
    </row>
    <row r="30" spans="1:4" ht="18" customHeight="1" x14ac:dyDescent="0.15">
      <c r="A30" s="8">
        <v>20</v>
      </c>
      <c r="B30" s="21" t="s">
        <v>220</v>
      </c>
      <c r="C30" s="6" t="s">
        <v>220</v>
      </c>
      <c r="D30" s="5" t="s">
        <v>220</v>
      </c>
    </row>
    <row r="31" spans="1:4" ht="18" customHeight="1" x14ac:dyDescent="0.15">
      <c r="A31" s="8">
        <v>21</v>
      </c>
      <c r="B31" s="21" t="s">
        <v>220</v>
      </c>
      <c r="C31" s="6" t="s">
        <v>220</v>
      </c>
      <c r="D31" s="5" t="s">
        <v>220</v>
      </c>
    </row>
    <row r="32" spans="1:4" ht="18" customHeight="1" x14ac:dyDescent="0.15">
      <c r="A32" s="8">
        <v>22</v>
      </c>
      <c r="B32" s="21" t="s">
        <v>220</v>
      </c>
      <c r="C32" s="6" t="s">
        <v>220</v>
      </c>
      <c r="D32" s="5" t="s">
        <v>220</v>
      </c>
    </row>
    <row r="33" spans="1:4" ht="18" customHeight="1" x14ac:dyDescent="0.15">
      <c r="A33" s="8">
        <v>23</v>
      </c>
      <c r="B33" s="21" t="s">
        <v>220</v>
      </c>
      <c r="C33" s="6" t="s">
        <v>220</v>
      </c>
      <c r="D33" s="5" t="s">
        <v>220</v>
      </c>
    </row>
    <row r="34" spans="1:4" ht="18" customHeight="1" x14ac:dyDescent="0.15">
      <c r="A34" s="8">
        <v>24</v>
      </c>
      <c r="B34" s="21" t="s">
        <v>220</v>
      </c>
      <c r="C34" s="6" t="s">
        <v>220</v>
      </c>
      <c r="D34" s="5" t="s">
        <v>220</v>
      </c>
    </row>
    <row r="35" spans="1:4" ht="18" customHeight="1" x14ac:dyDescent="0.15">
      <c r="A35" s="8" t="s">
        <v>20</v>
      </c>
      <c r="B35" s="21" t="s">
        <v>220</v>
      </c>
      <c r="C35" s="6" t="s">
        <v>220</v>
      </c>
      <c r="D35" s="5" t="s">
        <v>220</v>
      </c>
    </row>
    <row r="36" spans="1:4" ht="18" customHeight="1" x14ac:dyDescent="0.15">
      <c r="A36" s="8">
        <v>25</v>
      </c>
      <c r="B36" s="21" t="s">
        <v>220</v>
      </c>
      <c r="C36" s="6" t="s">
        <v>220</v>
      </c>
      <c r="D36" s="5" t="s">
        <v>220</v>
      </c>
    </row>
    <row r="37" spans="1:4" ht="18" customHeight="1" x14ac:dyDescent="0.15">
      <c r="A37" s="8">
        <v>26</v>
      </c>
      <c r="B37" s="21" t="s">
        <v>220</v>
      </c>
      <c r="C37" s="6" t="s">
        <v>220</v>
      </c>
      <c r="D37" s="5" t="s">
        <v>220</v>
      </c>
    </row>
    <row r="38" spans="1:4" ht="18" customHeight="1" x14ac:dyDescent="0.15">
      <c r="A38" s="8">
        <v>27</v>
      </c>
      <c r="B38" s="21" t="s">
        <v>220</v>
      </c>
      <c r="C38" s="6" t="s">
        <v>220</v>
      </c>
      <c r="D38" s="5" t="s">
        <v>220</v>
      </c>
    </row>
    <row r="39" spans="1:4" ht="18" customHeight="1" x14ac:dyDescent="0.15">
      <c r="A39" s="8">
        <v>28</v>
      </c>
      <c r="B39" s="21" t="s">
        <v>220</v>
      </c>
      <c r="C39" s="6" t="s">
        <v>220</v>
      </c>
      <c r="D39" s="5" t="s">
        <v>220</v>
      </c>
    </row>
    <row r="40" spans="1:4" ht="18" customHeight="1" x14ac:dyDescent="0.15">
      <c r="A40" s="8">
        <v>29</v>
      </c>
      <c r="B40" s="21" t="s">
        <v>220</v>
      </c>
      <c r="C40" s="6" t="s">
        <v>220</v>
      </c>
      <c r="D40" s="5" t="s">
        <v>220</v>
      </c>
    </row>
    <row r="41" spans="1:4" ht="18" customHeight="1" x14ac:dyDescent="0.15">
      <c r="A41" s="8" t="s">
        <v>19</v>
      </c>
      <c r="B41" s="21" t="s">
        <v>220</v>
      </c>
      <c r="C41" s="6" t="s">
        <v>220</v>
      </c>
      <c r="D41" s="5" t="s">
        <v>220</v>
      </c>
    </row>
    <row r="42" spans="1:4" ht="18" customHeight="1" x14ac:dyDescent="0.15">
      <c r="A42" s="8">
        <v>30</v>
      </c>
      <c r="B42" s="21" t="s">
        <v>220</v>
      </c>
      <c r="C42" s="6" t="s">
        <v>220</v>
      </c>
      <c r="D42" s="5" t="s">
        <v>220</v>
      </c>
    </row>
    <row r="43" spans="1:4" ht="18" customHeight="1" x14ac:dyDescent="0.15">
      <c r="A43" s="8">
        <v>31</v>
      </c>
      <c r="B43" s="21" t="s">
        <v>220</v>
      </c>
      <c r="C43" s="6" t="s">
        <v>220</v>
      </c>
      <c r="D43" s="5" t="s">
        <v>220</v>
      </c>
    </row>
    <row r="44" spans="1:4" ht="18" customHeight="1" x14ac:dyDescent="0.15">
      <c r="A44" s="8">
        <v>32</v>
      </c>
      <c r="B44" s="21" t="s">
        <v>220</v>
      </c>
      <c r="C44" s="6" t="s">
        <v>220</v>
      </c>
      <c r="D44" s="5" t="s">
        <v>220</v>
      </c>
    </row>
    <row r="45" spans="1:4" ht="18" customHeight="1" x14ac:dyDescent="0.15">
      <c r="A45" s="8">
        <v>33</v>
      </c>
      <c r="B45" s="21" t="s">
        <v>220</v>
      </c>
      <c r="C45" s="6" t="s">
        <v>220</v>
      </c>
      <c r="D45" s="5" t="s">
        <v>220</v>
      </c>
    </row>
    <row r="46" spans="1:4" ht="18" customHeight="1" x14ac:dyDescent="0.15">
      <c r="A46" s="8">
        <v>34</v>
      </c>
      <c r="B46" s="21" t="s">
        <v>220</v>
      </c>
      <c r="C46" s="6" t="s">
        <v>220</v>
      </c>
      <c r="D46" s="5" t="s">
        <v>220</v>
      </c>
    </row>
    <row r="47" spans="1:4" ht="18" customHeight="1" x14ac:dyDescent="0.15">
      <c r="A47" s="8" t="s">
        <v>18</v>
      </c>
      <c r="B47" s="21" t="s">
        <v>220</v>
      </c>
      <c r="C47" s="6" t="s">
        <v>220</v>
      </c>
      <c r="D47" s="5" t="s">
        <v>220</v>
      </c>
    </row>
    <row r="48" spans="1:4" ht="18" customHeight="1" x14ac:dyDescent="0.15">
      <c r="A48" s="8">
        <v>35</v>
      </c>
      <c r="B48" s="21" t="s">
        <v>220</v>
      </c>
      <c r="C48" s="6" t="s">
        <v>220</v>
      </c>
      <c r="D48" s="5" t="s">
        <v>220</v>
      </c>
    </row>
    <row r="49" spans="1:4" ht="18" customHeight="1" x14ac:dyDescent="0.15">
      <c r="A49" s="8">
        <v>36</v>
      </c>
      <c r="B49" s="21" t="s">
        <v>220</v>
      </c>
      <c r="C49" s="6" t="s">
        <v>220</v>
      </c>
      <c r="D49" s="5" t="s">
        <v>220</v>
      </c>
    </row>
    <row r="50" spans="1:4" ht="18" customHeight="1" x14ac:dyDescent="0.15">
      <c r="A50" s="8">
        <v>37</v>
      </c>
      <c r="B50" s="21" t="s">
        <v>220</v>
      </c>
      <c r="C50" s="6" t="s">
        <v>220</v>
      </c>
      <c r="D50" s="5" t="s">
        <v>220</v>
      </c>
    </row>
    <row r="51" spans="1:4" ht="18" customHeight="1" x14ac:dyDescent="0.15">
      <c r="A51" s="8">
        <v>38</v>
      </c>
      <c r="B51" s="21" t="s">
        <v>220</v>
      </c>
      <c r="C51" s="6" t="s">
        <v>220</v>
      </c>
      <c r="D51" s="5" t="s">
        <v>220</v>
      </c>
    </row>
    <row r="52" spans="1:4" ht="18" customHeight="1" x14ac:dyDescent="0.15">
      <c r="A52" s="8">
        <v>39</v>
      </c>
      <c r="B52" s="21" t="s">
        <v>220</v>
      </c>
      <c r="C52" s="6" t="s">
        <v>220</v>
      </c>
      <c r="D52" s="5" t="s">
        <v>220</v>
      </c>
    </row>
    <row r="53" spans="1:4" ht="18" customHeight="1" x14ac:dyDescent="0.15">
      <c r="A53" s="8" t="s">
        <v>17</v>
      </c>
      <c r="B53" s="21" t="s">
        <v>220</v>
      </c>
      <c r="C53" s="6" t="s">
        <v>220</v>
      </c>
      <c r="D53" s="5" t="s">
        <v>220</v>
      </c>
    </row>
    <row r="54" spans="1:4" ht="18" customHeight="1" x14ac:dyDescent="0.15">
      <c r="A54" s="8">
        <v>40</v>
      </c>
      <c r="B54" s="21" t="s">
        <v>220</v>
      </c>
      <c r="C54" s="6" t="s">
        <v>220</v>
      </c>
      <c r="D54" s="5" t="s">
        <v>220</v>
      </c>
    </row>
    <row r="55" spans="1:4" ht="18" customHeight="1" x14ac:dyDescent="0.15">
      <c r="A55" s="8">
        <v>41</v>
      </c>
      <c r="B55" s="21" t="s">
        <v>220</v>
      </c>
      <c r="C55" s="6" t="s">
        <v>220</v>
      </c>
      <c r="D55" s="5" t="s">
        <v>220</v>
      </c>
    </row>
    <row r="56" spans="1:4" ht="18" customHeight="1" x14ac:dyDescent="0.15">
      <c r="A56" s="8">
        <v>42</v>
      </c>
      <c r="B56" s="21" t="s">
        <v>220</v>
      </c>
      <c r="C56" s="6" t="s">
        <v>220</v>
      </c>
      <c r="D56" s="5" t="s">
        <v>220</v>
      </c>
    </row>
    <row r="57" spans="1:4" ht="18" customHeight="1" x14ac:dyDescent="0.15">
      <c r="A57" s="8">
        <v>43</v>
      </c>
      <c r="B57" s="21" t="s">
        <v>220</v>
      </c>
      <c r="C57" s="6" t="s">
        <v>220</v>
      </c>
      <c r="D57" s="5" t="s">
        <v>220</v>
      </c>
    </row>
    <row r="58" spans="1:4" ht="18" customHeight="1" x14ac:dyDescent="0.15">
      <c r="A58" s="8">
        <v>44</v>
      </c>
      <c r="B58" s="21" t="s">
        <v>220</v>
      </c>
      <c r="C58" s="6" t="s">
        <v>220</v>
      </c>
      <c r="D58" s="5" t="s">
        <v>220</v>
      </c>
    </row>
    <row r="59" spans="1:4" ht="18" customHeight="1" x14ac:dyDescent="0.15">
      <c r="A59" s="8" t="s">
        <v>16</v>
      </c>
      <c r="B59" s="21" t="s">
        <v>220</v>
      </c>
      <c r="C59" s="6" t="s">
        <v>220</v>
      </c>
      <c r="D59" s="5" t="s">
        <v>220</v>
      </c>
    </row>
    <row r="60" spans="1:4" ht="18" customHeight="1" x14ac:dyDescent="0.15">
      <c r="A60" s="8">
        <v>45</v>
      </c>
      <c r="B60" s="21" t="s">
        <v>220</v>
      </c>
      <c r="C60" s="6" t="s">
        <v>220</v>
      </c>
      <c r="D60" s="5" t="s">
        <v>220</v>
      </c>
    </row>
    <row r="61" spans="1:4" ht="18" customHeight="1" x14ac:dyDescent="0.15">
      <c r="A61" s="8">
        <v>46</v>
      </c>
      <c r="B61" s="21" t="s">
        <v>220</v>
      </c>
      <c r="C61" s="6" t="s">
        <v>220</v>
      </c>
      <c r="D61" s="5" t="s">
        <v>220</v>
      </c>
    </row>
    <row r="62" spans="1:4" ht="18" customHeight="1" x14ac:dyDescent="0.15">
      <c r="A62" s="8">
        <v>47</v>
      </c>
      <c r="B62" s="21" t="s">
        <v>220</v>
      </c>
      <c r="C62" s="6" t="s">
        <v>220</v>
      </c>
      <c r="D62" s="5" t="s">
        <v>220</v>
      </c>
    </row>
    <row r="63" spans="1:4" ht="18" customHeight="1" x14ac:dyDescent="0.15">
      <c r="A63" s="8">
        <v>48</v>
      </c>
      <c r="B63" s="21" t="s">
        <v>220</v>
      </c>
      <c r="C63" s="6" t="s">
        <v>220</v>
      </c>
      <c r="D63" s="5" t="s">
        <v>220</v>
      </c>
    </row>
    <row r="64" spans="1:4" ht="18" customHeight="1" x14ac:dyDescent="0.15">
      <c r="A64" s="8">
        <v>49</v>
      </c>
      <c r="B64" s="21" t="s">
        <v>220</v>
      </c>
      <c r="C64" s="6" t="s">
        <v>220</v>
      </c>
      <c r="D64" s="5" t="s">
        <v>220</v>
      </c>
    </row>
    <row r="65" spans="1:4" ht="18" customHeight="1" x14ac:dyDescent="0.15">
      <c r="A65" s="8" t="s">
        <v>15</v>
      </c>
      <c r="B65" s="21" t="s">
        <v>220</v>
      </c>
      <c r="C65" s="6" t="s">
        <v>220</v>
      </c>
      <c r="D65" s="5" t="s">
        <v>220</v>
      </c>
    </row>
    <row r="66" spans="1:4" ht="18" customHeight="1" x14ac:dyDescent="0.15">
      <c r="A66" s="8">
        <v>50</v>
      </c>
      <c r="B66" s="21" t="s">
        <v>220</v>
      </c>
      <c r="C66" s="6" t="s">
        <v>220</v>
      </c>
      <c r="D66" s="5" t="s">
        <v>220</v>
      </c>
    </row>
    <row r="67" spans="1:4" ht="18" customHeight="1" x14ac:dyDescent="0.15">
      <c r="A67" s="8">
        <v>51</v>
      </c>
      <c r="B67" s="21" t="s">
        <v>220</v>
      </c>
      <c r="C67" s="6" t="s">
        <v>220</v>
      </c>
      <c r="D67" s="5" t="s">
        <v>220</v>
      </c>
    </row>
    <row r="68" spans="1:4" ht="18" customHeight="1" x14ac:dyDescent="0.15">
      <c r="A68" s="8">
        <v>52</v>
      </c>
      <c r="B68" s="21" t="s">
        <v>220</v>
      </c>
      <c r="C68" s="6" t="s">
        <v>220</v>
      </c>
      <c r="D68" s="5" t="s">
        <v>220</v>
      </c>
    </row>
    <row r="69" spans="1:4" ht="18" customHeight="1" x14ac:dyDescent="0.15">
      <c r="A69" s="8">
        <v>53</v>
      </c>
      <c r="B69" s="21" t="s">
        <v>220</v>
      </c>
      <c r="C69" s="6" t="s">
        <v>220</v>
      </c>
      <c r="D69" s="5" t="s">
        <v>220</v>
      </c>
    </row>
    <row r="70" spans="1:4" ht="18" customHeight="1" x14ac:dyDescent="0.15">
      <c r="A70" s="8">
        <v>54</v>
      </c>
      <c r="B70" s="21" t="s">
        <v>220</v>
      </c>
      <c r="C70" s="6" t="s">
        <v>220</v>
      </c>
      <c r="D70" s="5" t="s">
        <v>220</v>
      </c>
    </row>
    <row r="71" spans="1:4" ht="18" customHeight="1" x14ac:dyDescent="0.15">
      <c r="A71" s="8" t="s">
        <v>14</v>
      </c>
      <c r="B71" s="21" t="s">
        <v>220</v>
      </c>
      <c r="C71" s="6" t="s">
        <v>220</v>
      </c>
      <c r="D71" s="5" t="s">
        <v>220</v>
      </c>
    </row>
    <row r="72" spans="1:4" ht="18" customHeight="1" x14ac:dyDescent="0.15">
      <c r="A72" s="8">
        <v>55</v>
      </c>
      <c r="B72" s="21" t="s">
        <v>220</v>
      </c>
      <c r="C72" s="6" t="s">
        <v>220</v>
      </c>
      <c r="D72" s="5" t="s">
        <v>220</v>
      </c>
    </row>
    <row r="73" spans="1:4" ht="18" customHeight="1" x14ac:dyDescent="0.15">
      <c r="A73" s="8">
        <v>56</v>
      </c>
      <c r="B73" s="21" t="s">
        <v>220</v>
      </c>
      <c r="C73" s="6" t="s">
        <v>220</v>
      </c>
      <c r="D73" s="5" t="s">
        <v>220</v>
      </c>
    </row>
    <row r="74" spans="1:4" ht="18" customHeight="1" x14ac:dyDescent="0.15">
      <c r="A74" s="8">
        <v>57</v>
      </c>
      <c r="B74" s="21" t="s">
        <v>220</v>
      </c>
      <c r="C74" s="6" t="s">
        <v>220</v>
      </c>
      <c r="D74" s="5" t="s">
        <v>220</v>
      </c>
    </row>
    <row r="75" spans="1:4" ht="18" customHeight="1" x14ac:dyDescent="0.15">
      <c r="A75" s="8">
        <v>58</v>
      </c>
      <c r="B75" s="21" t="s">
        <v>220</v>
      </c>
      <c r="C75" s="6" t="s">
        <v>220</v>
      </c>
      <c r="D75" s="5" t="s">
        <v>220</v>
      </c>
    </row>
    <row r="76" spans="1:4" ht="18" customHeight="1" x14ac:dyDescent="0.15">
      <c r="A76" s="8">
        <v>59</v>
      </c>
      <c r="B76" s="21" t="s">
        <v>220</v>
      </c>
      <c r="C76" s="6" t="s">
        <v>220</v>
      </c>
      <c r="D76" s="5" t="s">
        <v>220</v>
      </c>
    </row>
    <row r="77" spans="1:4" ht="18" customHeight="1" x14ac:dyDescent="0.15">
      <c r="A77" s="8" t="s">
        <v>13</v>
      </c>
      <c r="B77" s="21" t="s">
        <v>220</v>
      </c>
      <c r="C77" s="6" t="s">
        <v>220</v>
      </c>
      <c r="D77" s="5" t="s">
        <v>220</v>
      </c>
    </row>
    <row r="78" spans="1:4" ht="18" customHeight="1" x14ac:dyDescent="0.15">
      <c r="A78" s="8">
        <v>60</v>
      </c>
      <c r="B78" s="21" t="s">
        <v>220</v>
      </c>
      <c r="C78" s="6" t="s">
        <v>220</v>
      </c>
      <c r="D78" s="5" t="s">
        <v>220</v>
      </c>
    </row>
    <row r="79" spans="1:4" ht="18" customHeight="1" x14ac:dyDescent="0.15">
      <c r="A79" s="8">
        <v>61</v>
      </c>
      <c r="B79" s="21" t="s">
        <v>220</v>
      </c>
      <c r="C79" s="6" t="s">
        <v>220</v>
      </c>
      <c r="D79" s="5" t="s">
        <v>220</v>
      </c>
    </row>
    <row r="80" spans="1:4" ht="18" customHeight="1" x14ac:dyDescent="0.15">
      <c r="A80" s="8">
        <v>62</v>
      </c>
      <c r="B80" s="21" t="s">
        <v>220</v>
      </c>
      <c r="C80" s="6" t="s">
        <v>220</v>
      </c>
      <c r="D80" s="5" t="s">
        <v>220</v>
      </c>
    </row>
    <row r="81" spans="1:4" ht="18" customHeight="1" x14ac:dyDescent="0.15">
      <c r="A81" s="8">
        <v>63</v>
      </c>
      <c r="B81" s="21" t="s">
        <v>220</v>
      </c>
      <c r="C81" s="6" t="s">
        <v>220</v>
      </c>
      <c r="D81" s="5" t="s">
        <v>220</v>
      </c>
    </row>
    <row r="82" spans="1:4" ht="18" customHeight="1" x14ac:dyDescent="0.15">
      <c r="A82" s="8">
        <v>64</v>
      </c>
      <c r="B82" s="21" t="s">
        <v>220</v>
      </c>
      <c r="C82" s="6" t="s">
        <v>220</v>
      </c>
      <c r="D82" s="5" t="s">
        <v>220</v>
      </c>
    </row>
    <row r="83" spans="1:4" ht="18" customHeight="1" x14ac:dyDescent="0.15">
      <c r="A83" s="8" t="s">
        <v>12</v>
      </c>
      <c r="B83" s="21" t="s">
        <v>220</v>
      </c>
      <c r="C83" s="6" t="s">
        <v>220</v>
      </c>
      <c r="D83" s="5" t="s">
        <v>220</v>
      </c>
    </row>
    <row r="84" spans="1:4" ht="18" customHeight="1" x14ac:dyDescent="0.15">
      <c r="A84" s="8" t="s">
        <v>11</v>
      </c>
      <c r="B84" s="21">
        <v>35</v>
      </c>
      <c r="C84" s="6">
        <v>30</v>
      </c>
      <c r="D84" s="5">
        <v>65</v>
      </c>
    </row>
    <row r="85" spans="1:4" ht="18" customHeight="1" x14ac:dyDescent="0.15">
      <c r="A85" s="8">
        <v>65</v>
      </c>
      <c r="B85" s="21" t="s">
        <v>220</v>
      </c>
      <c r="C85" s="6" t="s">
        <v>220</v>
      </c>
      <c r="D85" s="5" t="s">
        <v>220</v>
      </c>
    </row>
    <row r="86" spans="1:4" ht="18" customHeight="1" x14ac:dyDescent="0.15">
      <c r="A86" s="8">
        <v>66</v>
      </c>
      <c r="B86" s="21" t="s">
        <v>220</v>
      </c>
      <c r="C86" s="6" t="s">
        <v>220</v>
      </c>
      <c r="D86" s="5" t="s">
        <v>220</v>
      </c>
    </row>
    <row r="87" spans="1:4" ht="18" customHeight="1" x14ac:dyDescent="0.15">
      <c r="A87" s="8">
        <v>67</v>
      </c>
      <c r="B87" s="21" t="s">
        <v>220</v>
      </c>
      <c r="C87" s="6" t="s">
        <v>220</v>
      </c>
      <c r="D87" s="5" t="s">
        <v>220</v>
      </c>
    </row>
    <row r="88" spans="1:4" ht="18" customHeight="1" x14ac:dyDescent="0.15">
      <c r="A88" s="8">
        <v>68</v>
      </c>
      <c r="B88" s="21" t="s">
        <v>220</v>
      </c>
      <c r="C88" s="6" t="s">
        <v>220</v>
      </c>
      <c r="D88" s="5" t="s">
        <v>220</v>
      </c>
    </row>
    <row r="89" spans="1:4" ht="18" customHeight="1" x14ac:dyDescent="0.15">
      <c r="A89" s="8">
        <v>69</v>
      </c>
      <c r="B89" s="21" t="s">
        <v>220</v>
      </c>
      <c r="C89" s="6" t="s">
        <v>220</v>
      </c>
      <c r="D89" s="5" t="s">
        <v>220</v>
      </c>
    </row>
    <row r="90" spans="1:4" ht="18" customHeight="1" x14ac:dyDescent="0.15">
      <c r="A90" s="8" t="s">
        <v>10</v>
      </c>
      <c r="B90" s="21" t="s">
        <v>220</v>
      </c>
      <c r="C90" s="6" t="s">
        <v>220</v>
      </c>
      <c r="D90" s="5" t="s">
        <v>220</v>
      </c>
    </row>
    <row r="91" spans="1:4" ht="18" customHeight="1" x14ac:dyDescent="0.15">
      <c r="A91" s="8">
        <v>70</v>
      </c>
      <c r="B91" s="21" t="s">
        <v>220</v>
      </c>
      <c r="C91" s="6" t="s">
        <v>220</v>
      </c>
      <c r="D91" s="5" t="s">
        <v>220</v>
      </c>
    </row>
    <row r="92" spans="1:4" ht="18" customHeight="1" x14ac:dyDescent="0.15">
      <c r="A92" s="8">
        <v>71</v>
      </c>
      <c r="B92" s="21" t="s">
        <v>220</v>
      </c>
      <c r="C92" s="6" t="s">
        <v>220</v>
      </c>
      <c r="D92" s="5" t="s">
        <v>220</v>
      </c>
    </row>
    <row r="93" spans="1:4" ht="18" customHeight="1" x14ac:dyDescent="0.15">
      <c r="A93" s="8">
        <v>72</v>
      </c>
      <c r="B93" s="21" t="s">
        <v>220</v>
      </c>
      <c r="C93" s="6" t="s">
        <v>220</v>
      </c>
      <c r="D93" s="5" t="s">
        <v>220</v>
      </c>
    </row>
    <row r="94" spans="1:4" ht="18" customHeight="1" x14ac:dyDescent="0.15">
      <c r="A94" s="8">
        <v>73</v>
      </c>
      <c r="B94" s="21" t="s">
        <v>220</v>
      </c>
      <c r="C94" s="6" t="s">
        <v>220</v>
      </c>
      <c r="D94" s="5" t="s">
        <v>220</v>
      </c>
    </row>
    <row r="95" spans="1:4" ht="18" customHeight="1" x14ac:dyDescent="0.15">
      <c r="A95" s="8">
        <v>74</v>
      </c>
      <c r="B95" s="21" t="s">
        <v>220</v>
      </c>
      <c r="C95" s="6" t="s">
        <v>220</v>
      </c>
      <c r="D95" s="5" t="s">
        <v>220</v>
      </c>
    </row>
    <row r="96" spans="1:4" ht="18" customHeight="1" x14ac:dyDescent="0.15">
      <c r="A96" s="8" t="s">
        <v>9</v>
      </c>
      <c r="B96" s="21" t="s">
        <v>220</v>
      </c>
      <c r="C96" s="6" t="s">
        <v>220</v>
      </c>
      <c r="D96" s="5" t="s">
        <v>220</v>
      </c>
    </row>
    <row r="97" spans="1:4" ht="18" customHeight="1" x14ac:dyDescent="0.15">
      <c r="A97" s="8">
        <v>75</v>
      </c>
      <c r="B97" s="21" t="s">
        <v>220</v>
      </c>
      <c r="C97" s="6" t="s">
        <v>220</v>
      </c>
      <c r="D97" s="5" t="s">
        <v>220</v>
      </c>
    </row>
    <row r="98" spans="1:4" ht="18" customHeight="1" x14ac:dyDescent="0.15">
      <c r="A98" s="8">
        <v>76</v>
      </c>
      <c r="B98" s="21" t="s">
        <v>220</v>
      </c>
      <c r="C98" s="6" t="s">
        <v>220</v>
      </c>
      <c r="D98" s="5" t="s">
        <v>220</v>
      </c>
    </row>
    <row r="99" spans="1:4" ht="18" customHeight="1" x14ac:dyDescent="0.15">
      <c r="A99" s="8">
        <v>77</v>
      </c>
      <c r="B99" s="21" t="s">
        <v>220</v>
      </c>
      <c r="C99" s="6" t="s">
        <v>220</v>
      </c>
      <c r="D99" s="5" t="s">
        <v>220</v>
      </c>
    </row>
    <row r="100" spans="1:4" ht="18" customHeight="1" x14ac:dyDescent="0.15">
      <c r="A100" s="8">
        <v>78</v>
      </c>
      <c r="B100" s="21" t="s">
        <v>220</v>
      </c>
      <c r="C100" s="6" t="s">
        <v>220</v>
      </c>
      <c r="D100" s="5" t="s">
        <v>220</v>
      </c>
    </row>
    <row r="101" spans="1:4" ht="18" customHeight="1" x14ac:dyDescent="0.15">
      <c r="A101" s="8">
        <v>79</v>
      </c>
      <c r="B101" s="21" t="s">
        <v>220</v>
      </c>
      <c r="C101" s="6" t="s">
        <v>220</v>
      </c>
      <c r="D101" s="5" t="s">
        <v>220</v>
      </c>
    </row>
    <row r="102" spans="1:4" ht="18" customHeight="1" x14ac:dyDescent="0.15">
      <c r="A102" s="8" t="s">
        <v>8</v>
      </c>
      <c r="B102" s="21" t="s">
        <v>220</v>
      </c>
      <c r="C102" s="6" t="s">
        <v>220</v>
      </c>
      <c r="D102" s="5" t="s">
        <v>220</v>
      </c>
    </row>
    <row r="103" spans="1:4" ht="18" customHeight="1" x14ac:dyDescent="0.15">
      <c r="A103" s="8">
        <v>80</v>
      </c>
      <c r="B103" s="21" t="s">
        <v>220</v>
      </c>
      <c r="C103" s="6" t="s">
        <v>220</v>
      </c>
      <c r="D103" s="5" t="s">
        <v>220</v>
      </c>
    </row>
    <row r="104" spans="1:4" ht="18" customHeight="1" x14ac:dyDescent="0.15">
      <c r="A104" s="8">
        <v>81</v>
      </c>
      <c r="B104" s="21" t="s">
        <v>220</v>
      </c>
      <c r="C104" s="6" t="s">
        <v>220</v>
      </c>
      <c r="D104" s="5" t="s">
        <v>220</v>
      </c>
    </row>
    <row r="105" spans="1:4" ht="18" customHeight="1" x14ac:dyDescent="0.15">
      <c r="A105" s="8">
        <v>82</v>
      </c>
      <c r="B105" s="21" t="s">
        <v>220</v>
      </c>
      <c r="C105" s="6" t="s">
        <v>220</v>
      </c>
      <c r="D105" s="5" t="s">
        <v>220</v>
      </c>
    </row>
    <row r="106" spans="1:4" ht="18" customHeight="1" x14ac:dyDescent="0.15">
      <c r="A106" s="8">
        <v>83</v>
      </c>
      <c r="B106" s="21" t="s">
        <v>220</v>
      </c>
      <c r="C106" s="6" t="s">
        <v>220</v>
      </c>
      <c r="D106" s="5" t="s">
        <v>220</v>
      </c>
    </row>
    <row r="107" spans="1:4" ht="18" customHeight="1" x14ac:dyDescent="0.15">
      <c r="A107" s="8">
        <v>84</v>
      </c>
      <c r="B107" s="21" t="s">
        <v>220</v>
      </c>
      <c r="C107" s="6" t="s">
        <v>220</v>
      </c>
      <c r="D107" s="5" t="s">
        <v>220</v>
      </c>
    </row>
    <row r="108" spans="1:4" ht="18" customHeight="1" x14ac:dyDescent="0.15">
      <c r="A108" s="8" t="s">
        <v>7</v>
      </c>
      <c r="B108" s="21" t="s">
        <v>220</v>
      </c>
      <c r="C108" s="6" t="s">
        <v>220</v>
      </c>
      <c r="D108" s="5" t="s">
        <v>220</v>
      </c>
    </row>
    <row r="109" spans="1:4" ht="18" customHeight="1" x14ac:dyDescent="0.15">
      <c r="A109" s="8">
        <v>85</v>
      </c>
      <c r="B109" s="21" t="s">
        <v>220</v>
      </c>
      <c r="C109" s="6" t="s">
        <v>220</v>
      </c>
      <c r="D109" s="5" t="s">
        <v>220</v>
      </c>
    </row>
    <row r="110" spans="1:4" ht="18" customHeight="1" x14ac:dyDescent="0.15">
      <c r="A110" s="8">
        <v>86</v>
      </c>
      <c r="B110" s="21" t="s">
        <v>220</v>
      </c>
      <c r="C110" s="6" t="s">
        <v>220</v>
      </c>
      <c r="D110" s="5" t="s">
        <v>220</v>
      </c>
    </row>
    <row r="111" spans="1:4" ht="18" customHeight="1" x14ac:dyDescent="0.15">
      <c r="A111" s="8">
        <v>87</v>
      </c>
      <c r="B111" s="21" t="s">
        <v>220</v>
      </c>
      <c r="C111" s="6" t="s">
        <v>220</v>
      </c>
      <c r="D111" s="5" t="s">
        <v>220</v>
      </c>
    </row>
    <row r="112" spans="1:4" ht="18" customHeight="1" x14ac:dyDescent="0.15">
      <c r="A112" s="8">
        <v>88</v>
      </c>
      <c r="B112" s="21" t="s">
        <v>220</v>
      </c>
      <c r="C112" s="6" t="s">
        <v>220</v>
      </c>
      <c r="D112" s="5" t="s">
        <v>220</v>
      </c>
    </row>
    <row r="113" spans="1:4" ht="18" customHeight="1" x14ac:dyDescent="0.15">
      <c r="A113" s="8">
        <v>89</v>
      </c>
      <c r="B113" s="21" t="s">
        <v>220</v>
      </c>
      <c r="C113" s="6" t="s">
        <v>220</v>
      </c>
      <c r="D113" s="5" t="s">
        <v>220</v>
      </c>
    </row>
    <row r="114" spans="1:4" ht="18" customHeight="1" x14ac:dyDescent="0.15">
      <c r="A114" s="8" t="s">
        <v>6</v>
      </c>
      <c r="B114" s="21" t="s">
        <v>220</v>
      </c>
      <c r="C114" s="6" t="s">
        <v>220</v>
      </c>
      <c r="D114" s="5" t="s">
        <v>220</v>
      </c>
    </row>
    <row r="115" spans="1:4" ht="18" customHeight="1" x14ac:dyDescent="0.15">
      <c r="A115" s="8">
        <v>90</v>
      </c>
      <c r="B115" s="21" t="s">
        <v>220</v>
      </c>
      <c r="C115" s="6" t="s">
        <v>220</v>
      </c>
      <c r="D115" s="5" t="s">
        <v>220</v>
      </c>
    </row>
    <row r="116" spans="1:4" ht="18" customHeight="1" x14ac:dyDescent="0.15">
      <c r="A116" s="8">
        <v>91</v>
      </c>
      <c r="B116" s="21" t="s">
        <v>220</v>
      </c>
      <c r="C116" s="6" t="s">
        <v>220</v>
      </c>
      <c r="D116" s="5" t="s">
        <v>220</v>
      </c>
    </row>
    <row r="117" spans="1:4" ht="18" customHeight="1" x14ac:dyDescent="0.15">
      <c r="A117" s="8">
        <v>92</v>
      </c>
      <c r="B117" s="21" t="s">
        <v>220</v>
      </c>
      <c r="C117" s="6" t="s">
        <v>220</v>
      </c>
      <c r="D117" s="5" t="s">
        <v>220</v>
      </c>
    </row>
    <row r="118" spans="1:4" ht="18" customHeight="1" x14ac:dyDescent="0.15">
      <c r="A118" s="8">
        <v>93</v>
      </c>
      <c r="B118" s="21" t="s">
        <v>220</v>
      </c>
      <c r="C118" s="6" t="s">
        <v>220</v>
      </c>
      <c r="D118" s="5" t="s">
        <v>220</v>
      </c>
    </row>
    <row r="119" spans="1:4" ht="18" customHeight="1" x14ac:dyDescent="0.15">
      <c r="A119" s="8">
        <v>94</v>
      </c>
      <c r="B119" s="21" t="s">
        <v>220</v>
      </c>
      <c r="C119" s="6" t="s">
        <v>220</v>
      </c>
      <c r="D119" s="5" t="s">
        <v>220</v>
      </c>
    </row>
    <row r="120" spans="1:4" ht="18" customHeight="1" x14ac:dyDescent="0.15">
      <c r="A120" s="8" t="s">
        <v>5</v>
      </c>
      <c r="B120" s="21" t="s">
        <v>220</v>
      </c>
      <c r="C120" s="6" t="s">
        <v>220</v>
      </c>
      <c r="D120" s="5" t="s">
        <v>220</v>
      </c>
    </row>
    <row r="121" spans="1:4" ht="18" customHeight="1" x14ac:dyDescent="0.15">
      <c r="A121" s="8">
        <v>95</v>
      </c>
      <c r="B121" s="21" t="s">
        <v>220</v>
      </c>
      <c r="C121" s="6" t="s">
        <v>220</v>
      </c>
      <c r="D121" s="5" t="s">
        <v>220</v>
      </c>
    </row>
    <row r="122" spans="1:4" ht="18" customHeight="1" x14ac:dyDescent="0.15">
      <c r="A122" s="8">
        <v>96</v>
      </c>
      <c r="B122" s="21" t="s">
        <v>220</v>
      </c>
      <c r="C122" s="6" t="s">
        <v>220</v>
      </c>
      <c r="D122" s="5" t="s">
        <v>220</v>
      </c>
    </row>
    <row r="123" spans="1:4" ht="18" customHeight="1" x14ac:dyDescent="0.15">
      <c r="A123" s="8">
        <v>97</v>
      </c>
      <c r="B123" s="21" t="s">
        <v>220</v>
      </c>
      <c r="C123" s="6" t="s">
        <v>220</v>
      </c>
      <c r="D123" s="5" t="s">
        <v>220</v>
      </c>
    </row>
    <row r="124" spans="1:4" ht="18" customHeight="1" x14ac:dyDescent="0.15">
      <c r="A124" s="8">
        <v>98</v>
      </c>
      <c r="B124" s="21" t="s">
        <v>220</v>
      </c>
      <c r="C124" s="6" t="s">
        <v>220</v>
      </c>
      <c r="D124" s="5" t="s">
        <v>220</v>
      </c>
    </row>
    <row r="125" spans="1:4" ht="18" customHeight="1" x14ac:dyDescent="0.15">
      <c r="A125" s="8">
        <v>99</v>
      </c>
      <c r="B125" s="21" t="s">
        <v>220</v>
      </c>
      <c r="C125" s="6" t="s">
        <v>220</v>
      </c>
      <c r="D125" s="5" t="s">
        <v>220</v>
      </c>
    </row>
    <row r="126" spans="1:4" ht="18" customHeight="1" x14ac:dyDescent="0.15">
      <c r="A126" s="8" t="s">
        <v>4</v>
      </c>
      <c r="B126" s="21" t="s">
        <v>220</v>
      </c>
      <c r="C126" s="6" t="s">
        <v>220</v>
      </c>
      <c r="D126" s="5" t="s">
        <v>220</v>
      </c>
    </row>
    <row r="127" spans="1:4" ht="18" customHeight="1" x14ac:dyDescent="0.15">
      <c r="A127" s="8">
        <v>100</v>
      </c>
      <c r="B127" s="21" t="s">
        <v>220</v>
      </c>
      <c r="C127" s="6" t="s">
        <v>220</v>
      </c>
      <c r="D127" s="5" t="s">
        <v>220</v>
      </c>
    </row>
    <row r="128" spans="1:4" ht="18" customHeight="1" x14ac:dyDescent="0.15">
      <c r="A128" s="9" t="s">
        <v>3</v>
      </c>
      <c r="B128" s="21" t="s">
        <v>220</v>
      </c>
      <c r="C128" s="6" t="s">
        <v>220</v>
      </c>
      <c r="D128" s="5" t="s">
        <v>220</v>
      </c>
    </row>
    <row r="129" spans="1:4" ht="18" customHeight="1" x14ac:dyDescent="0.15">
      <c r="A129" s="8" t="s">
        <v>2</v>
      </c>
      <c r="B129" s="21" t="s">
        <v>220</v>
      </c>
      <c r="C129" s="6" t="s">
        <v>220</v>
      </c>
      <c r="D129" s="5" t="s">
        <v>220</v>
      </c>
    </row>
    <row r="130" spans="1:4" ht="18" customHeight="1" x14ac:dyDescent="0.15">
      <c r="A130" s="8" t="s">
        <v>1</v>
      </c>
      <c r="B130" s="21">
        <v>38</v>
      </c>
      <c r="C130" s="6">
        <v>35</v>
      </c>
      <c r="D130" s="5">
        <v>73</v>
      </c>
    </row>
    <row r="131" spans="1:4" ht="18" customHeight="1" x14ac:dyDescent="0.15">
      <c r="A131" s="4" t="s">
        <v>0</v>
      </c>
      <c r="B131" s="20">
        <v>77</v>
      </c>
      <c r="C131" s="2">
        <v>70</v>
      </c>
      <c r="D131" s="1">
        <v>1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CF95CF-1CDD-445E-9EF7-21649C68378D}">
  <sheetPr codeName="Sheet9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1</v>
      </c>
      <c r="D7" s="5">
        <v>1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1</v>
      </c>
      <c r="D10" s="5">
        <v>1</v>
      </c>
    </row>
    <row r="11" spans="1:4" ht="18" customHeight="1" x14ac:dyDescent="0.15">
      <c r="A11" s="8">
        <v>5</v>
      </c>
      <c r="B11" s="26">
        <v>1</v>
      </c>
      <c r="C11" s="6">
        <v>0</v>
      </c>
      <c r="D11" s="5">
        <v>1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0</v>
      </c>
      <c r="C13" s="6">
        <v>1</v>
      </c>
      <c r="D13" s="5">
        <v>1</v>
      </c>
    </row>
    <row r="14" spans="1:4" ht="18" customHeight="1" x14ac:dyDescent="0.15">
      <c r="A14" s="8">
        <v>8</v>
      </c>
      <c r="B14" s="26">
        <v>2</v>
      </c>
      <c r="C14" s="6">
        <v>0</v>
      </c>
      <c r="D14" s="5">
        <v>2</v>
      </c>
    </row>
    <row r="15" spans="1:4" ht="18" customHeight="1" x14ac:dyDescent="0.15">
      <c r="A15" s="8">
        <v>9</v>
      </c>
      <c r="B15" s="26">
        <v>0</v>
      </c>
      <c r="C15" s="6">
        <v>0</v>
      </c>
      <c r="D15" s="5">
        <v>0</v>
      </c>
    </row>
    <row r="16" spans="1:4" ht="18" customHeight="1" x14ac:dyDescent="0.15">
      <c r="A16" s="8" t="s">
        <v>24</v>
      </c>
      <c r="B16" s="21">
        <v>3</v>
      </c>
      <c r="C16" s="6">
        <v>2</v>
      </c>
      <c r="D16" s="5">
        <v>5</v>
      </c>
    </row>
    <row r="17" spans="1:4" ht="18" customHeight="1" x14ac:dyDescent="0.15">
      <c r="A17" s="8">
        <v>10</v>
      </c>
      <c r="B17" s="21">
        <v>2</v>
      </c>
      <c r="C17" s="6">
        <v>0</v>
      </c>
      <c r="D17" s="5">
        <v>2</v>
      </c>
    </row>
    <row r="18" spans="1:4" ht="18" customHeight="1" x14ac:dyDescent="0.15">
      <c r="A18" s="8">
        <v>11</v>
      </c>
      <c r="B18" s="21">
        <v>0</v>
      </c>
      <c r="C18" s="6">
        <v>1</v>
      </c>
      <c r="D18" s="5">
        <v>1</v>
      </c>
    </row>
    <row r="19" spans="1:4" ht="18" customHeight="1" x14ac:dyDescent="0.15">
      <c r="A19" s="8">
        <v>12</v>
      </c>
      <c r="B19" s="21">
        <v>1</v>
      </c>
      <c r="C19" s="6">
        <v>0</v>
      </c>
      <c r="D19" s="5">
        <v>1</v>
      </c>
    </row>
    <row r="20" spans="1:4" ht="18" customHeight="1" x14ac:dyDescent="0.15">
      <c r="A20" s="8">
        <v>13</v>
      </c>
      <c r="B20" s="21">
        <v>2</v>
      </c>
      <c r="C20" s="6">
        <v>1</v>
      </c>
      <c r="D20" s="5">
        <v>3</v>
      </c>
    </row>
    <row r="21" spans="1:4" ht="18" customHeight="1" x14ac:dyDescent="0.15">
      <c r="A21" s="8">
        <v>14</v>
      </c>
      <c r="B21" s="21">
        <v>0</v>
      </c>
      <c r="C21" s="6">
        <v>0</v>
      </c>
      <c r="D21" s="5">
        <v>0</v>
      </c>
    </row>
    <row r="22" spans="1:4" ht="18" customHeight="1" x14ac:dyDescent="0.15">
      <c r="A22" s="8" t="s">
        <v>23</v>
      </c>
      <c r="B22" s="21">
        <v>5</v>
      </c>
      <c r="C22" s="6">
        <v>2</v>
      </c>
      <c r="D22" s="5">
        <v>7</v>
      </c>
    </row>
    <row r="23" spans="1:4" ht="18" customHeight="1" x14ac:dyDescent="0.15">
      <c r="A23" s="8" t="s">
        <v>22</v>
      </c>
      <c r="B23" s="21">
        <v>8</v>
      </c>
      <c r="C23" s="6">
        <v>5</v>
      </c>
      <c r="D23" s="5">
        <v>13</v>
      </c>
    </row>
    <row r="24" spans="1:4" ht="18" customHeight="1" x14ac:dyDescent="0.15">
      <c r="A24" s="8">
        <v>15</v>
      </c>
      <c r="B24" s="21">
        <v>2</v>
      </c>
      <c r="C24" s="6">
        <v>0</v>
      </c>
      <c r="D24" s="5">
        <v>2</v>
      </c>
    </row>
    <row r="25" spans="1:4" ht="18" customHeight="1" x14ac:dyDescent="0.15">
      <c r="A25" s="8">
        <v>16</v>
      </c>
      <c r="B25" s="21">
        <v>0</v>
      </c>
      <c r="C25" s="6">
        <v>1</v>
      </c>
      <c r="D25" s="5">
        <v>1</v>
      </c>
    </row>
    <row r="26" spans="1:4" ht="18" customHeight="1" x14ac:dyDescent="0.15">
      <c r="A26" s="8">
        <v>17</v>
      </c>
      <c r="B26" s="21">
        <v>1</v>
      </c>
      <c r="C26" s="6">
        <v>1</v>
      </c>
      <c r="D26" s="5">
        <v>2</v>
      </c>
    </row>
    <row r="27" spans="1:4" ht="18" customHeight="1" x14ac:dyDescent="0.15">
      <c r="A27" s="8">
        <v>18</v>
      </c>
      <c r="B27" s="21">
        <v>3</v>
      </c>
      <c r="C27" s="6">
        <v>1</v>
      </c>
      <c r="D27" s="5">
        <v>4</v>
      </c>
    </row>
    <row r="28" spans="1:4" ht="18" customHeight="1" x14ac:dyDescent="0.15">
      <c r="A28" s="8">
        <v>19</v>
      </c>
      <c r="B28" s="21">
        <v>0</v>
      </c>
      <c r="C28" s="6">
        <v>1</v>
      </c>
      <c r="D28" s="5">
        <v>1</v>
      </c>
    </row>
    <row r="29" spans="1:4" ht="18" customHeight="1" x14ac:dyDescent="0.15">
      <c r="A29" s="8" t="s">
        <v>21</v>
      </c>
      <c r="B29" s="21">
        <v>6</v>
      </c>
      <c r="C29" s="6">
        <v>4</v>
      </c>
      <c r="D29" s="5">
        <v>10</v>
      </c>
    </row>
    <row r="30" spans="1:4" ht="18" customHeight="1" x14ac:dyDescent="0.15">
      <c r="A30" s="8">
        <v>20</v>
      </c>
      <c r="B30" s="21">
        <v>1</v>
      </c>
      <c r="C30" s="6">
        <v>1</v>
      </c>
      <c r="D30" s="5">
        <v>2</v>
      </c>
    </row>
    <row r="31" spans="1:4" ht="18" customHeight="1" x14ac:dyDescent="0.15">
      <c r="A31" s="8">
        <v>21</v>
      </c>
      <c r="B31" s="21">
        <v>1</v>
      </c>
      <c r="C31" s="6">
        <v>1</v>
      </c>
      <c r="D31" s="5">
        <v>2</v>
      </c>
    </row>
    <row r="32" spans="1:4" ht="18" customHeight="1" x14ac:dyDescent="0.15">
      <c r="A32" s="8">
        <v>22</v>
      </c>
      <c r="B32" s="21">
        <v>1</v>
      </c>
      <c r="C32" s="6">
        <v>1</v>
      </c>
      <c r="D32" s="5">
        <v>2</v>
      </c>
    </row>
    <row r="33" spans="1:4" ht="18" customHeight="1" x14ac:dyDescent="0.15">
      <c r="A33" s="8">
        <v>23</v>
      </c>
      <c r="B33" s="21">
        <v>2</v>
      </c>
      <c r="C33" s="6">
        <v>1</v>
      </c>
      <c r="D33" s="5">
        <v>3</v>
      </c>
    </row>
    <row r="34" spans="1:4" ht="18" customHeight="1" x14ac:dyDescent="0.15">
      <c r="A34" s="8">
        <v>24</v>
      </c>
      <c r="B34" s="21">
        <v>2</v>
      </c>
      <c r="C34" s="6">
        <v>0</v>
      </c>
      <c r="D34" s="5">
        <v>2</v>
      </c>
    </row>
    <row r="35" spans="1:4" ht="18" customHeight="1" x14ac:dyDescent="0.15">
      <c r="A35" s="8" t="s">
        <v>20</v>
      </c>
      <c r="B35" s="21">
        <v>7</v>
      </c>
      <c r="C35" s="6">
        <v>4</v>
      </c>
      <c r="D35" s="5">
        <v>11</v>
      </c>
    </row>
    <row r="36" spans="1:4" ht="18" customHeight="1" x14ac:dyDescent="0.15">
      <c r="A36" s="8">
        <v>25</v>
      </c>
      <c r="B36" s="21">
        <v>0</v>
      </c>
      <c r="C36" s="6">
        <v>0</v>
      </c>
      <c r="D36" s="5">
        <v>0</v>
      </c>
    </row>
    <row r="37" spans="1:4" ht="18" customHeight="1" x14ac:dyDescent="0.15">
      <c r="A37" s="8">
        <v>26</v>
      </c>
      <c r="B37" s="21">
        <v>1</v>
      </c>
      <c r="C37" s="6">
        <v>1</v>
      </c>
      <c r="D37" s="5">
        <v>2</v>
      </c>
    </row>
    <row r="38" spans="1:4" ht="18" customHeight="1" x14ac:dyDescent="0.15">
      <c r="A38" s="8">
        <v>27</v>
      </c>
      <c r="B38" s="21">
        <v>1</v>
      </c>
      <c r="C38" s="6">
        <v>0</v>
      </c>
      <c r="D38" s="5">
        <v>1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0</v>
      </c>
      <c r="C40" s="6">
        <v>0</v>
      </c>
      <c r="D40" s="5">
        <v>0</v>
      </c>
    </row>
    <row r="41" spans="1:4" ht="18" customHeight="1" x14ac:dyDescent="0.15">
      <c r="A41" s="8" t="s">
        <v>19</v>
      </c>
      <c r="B41" s="21">
        <v>2</v>
      </c>
      <c r="C41" s="6">
        <v>1</v>
      </c>
      <c r="D41" s="5">
        <v>3</v>
      </c>
    </row>
    <row r="42" spans="1:4" ht="18" customHeight="1" x14ac:dyDescent="0.15">
      <c r="A42" s="8">
        <v>30</v>
      </c>
      <c r="B42" s="21">
        <v>0</v>
      </c>
      <c r="C42" s="6">
        <v>1</v>
      </c>
      <c r="D42" s="5">
        <v>1</v>
      </c>
    </row>
    <row r="43" spans="1:4" ht="18" customHeight="1" x14ac:dyDescent="0.15">
      <c r="A43" s="8">
        <v>31</v>
      </c>
      <c r="B43" s="21">
        <v>1</v>
      </c>
      <c r="C43" s="6">
        <v>0</v>
      </c>
      <c r="D43" s="5">
        <v>1</v>
      </c>
    </row>
    <row r="44" spans="1:4" ht="18" customHeight="1" x14ac:dyDescent="0.15">
      <c r="A44" s="8">
        <v>32</v>
      </c>
      <c r="B44" s="21">
        <v>1</v>
      </c>
      <c r="C44" s="6">
        <v>1</v>
      </c>
      <c r="D44" s="5">
        <v>2</v>
      </c>
    </row>
    <row r="45" spans="1:4" ht="18" customHeight="1" x14ac:dyDescent="0.15">
      <c r="A45" s="8">
        <v>33</v>
      </c>
      <c r="B45" s="21">
        <v>1</v>
      </c>
      <c r="C45" s="6">
        <v>0</v>
      </c>
      <c r="D45" s="5">
        <v>1</v>
      </c>
    </row>
    <row r="46" spans="1:4" ht="18" customHeight="1" x14ac:dyDescent="0.15">
      <c r="A46" s="8">
        <v>34</v>
      </c>
      <c r="B46" s="21">
        <v>2</v>
      </c>
      <c r="C46" s="6">
        <v>1</v>
      </c>
      <c r="D46" s="5">
        <v>3</v>
      </c>
    </row>
    <row r="47" spans="1:4" ht="18" customHeight="1" x14ac:dyDescent="0.15">
      <c r="A47" s="8" t="s">
        <v>18</v>
      </c>
      <c r="B47" s="21">
        <v>5</v>
      </c>
      <c r="C47" s="6">
        <v>3</v>
      </c>
      <c r="D47" s="5">
        <v>8</v>
      </c>
    </row>
    <row r="48" spans="1:4" ht="18" customHeight="1" x14ac:dyDescent="0.15">
      <c r="A48" s="8">
        <v>35</v>
      </c>
      <c r="B48" s="21">
        <v>3</v>
      </c>
      <c r="C48" s="6">
        <v>0</v>
      </c>
      <c r="D48" s="5">
        <v>3</v>
      </c>
    </row>
    <row r="49" spans="1:4" ht="18" customHeight="1" x14ac:dyDescent="0.15">
      <c r="A49" s="8">
        <v>36</v>
      </c>
      <c r="B49" s="21">
        <v>0</v>
      </c>
      <c r="C49" s="6">
        <v>1</v>
      </c>
      <c r="D49" s="5">
        <v>1</v>
      </c>
    </row>
    <row r="50" spans="1:4" ht="18" customHeight="1" x14ac:dyDescent="0.15">
      <c r="A50" s="8">
        <v>37</v>
      </c>
      <c r="B50" s="21">
        <v>2</v>
      </c>
      <c r="C50" s="6">
        <v>0</v>
      </c>
      <c r="D50" s="5">
        <v>2</v>
      </c>
    </row>
    <row r="51" spans="1:4" ht="18" customHeight="1" x14ac:dyDescent="0.15">
      <c r="A51" s="8">
        <v>38</v>
      </c>
      <c r="B51" s="21">
        <v>1</v>
      </c>
      <c r="C51" s="6">
        <v>0</v>
      </c>
      <c r="D51" s="5">
        <v>1</v>
      </c>
    </row>
    <row r="52" spans="1:4" ht="18" customHeight="1" x14ac:dyDescent="0.15">
      <c r="A52" s="8">
        <v>39</v>
      </c>
      <c r="B52" s="21">
        <v>1</v>
      </c>
      <c r="C52" s="6">
        <v>1</v>
      </c>
      <c r="D52" s="5">
        <v>2</v>
      </c>
    </row>
    <row r="53" spans="1:4" ht="18" customHeight="1" x14ac:dyDescent="0.15">
      <c r="A53" s="8" t="s">
        <v>17</v>
      </c>
      <c r="B53" s="21">
        <v>7</v>
      </c>
      <c r="C53" s="6">
        <v>2</v>
      </c>
      <c r="D53" s="5">
        <v>9</v>
      </c>
    </row>
    <row r="54" spans="1:4" ht="18" customHeight="1" x14ac:dyDescent="0.15">
      <c r="A54" s="8">
        <v>40</v>
      </c>
      <c r="B54" s="21">
        <v>1</v>
      </c>
      <c r="C54" s="6">
        <v>0</v>
      </c>
      <c r="D54" s="5">
        <v>1</v>
      </c>
    </row>
    <row r="55" spans="1:4" ht="18" customHeight="1" x14ac:dyDescent="0.15">
      <c r="A55" s="8">
        <v>41</v>
      </c>
      <c r="B55" s="21">
        <v>0</v>
      </c>
      <c r="C55" s="6">
        <v>2</v>
      </c>
      <c r="D55" s="5">
        <v>2</v>
      </c>
    </row>
    <row r="56" spans="1:4" ht="18" customHeight="1" x14ac:dyDescent="0.15">
      <c r="A56" s="8">
        <v>42</v>
      </c>
      <c r="B56" s="21">
        <v>1</v>
      </c>
      <c r="C56" s="6">
        <v>0</v>
      </c>
      <c r="D56" s="5">
        <v>1</v>
      </c>
    </row>
    <row r="57" spans="1:4" ht="18" customHeight="1" x14ac:dyDescent="0.15">
      <c r="A57" s="8">
        <v>43</v>
      </c>
      <c r="B57" s="21">
        <v>1</v>
      </c>
      <c r="C57" s="6">
        <v>1</v>
      </c>
      <c r="D57" s="5">
        <v>2</v>
      </c>
    </row>
    <row r="58" spans="1:4" ht="18" customHeight="1" x14ac:dyDescent="0.15">
      <c r="A58" s="8">
        <v>44</v>
      </c>
      <c r="B58" s="21">
        <v>4</v>
      </c>
      <c r="C58" s="6">
        <v>3</v>
      </c>
      <c r="D58" s="5">
        <v>7</v>
      </c>
    </row>
    <row r="59" spans="1:4" ht="18" customHeight="1" x14ac:dyDescent="0.15">
      <c r="A59" s="8" t="s">
        <v>16</v>
      </c>
      <c r="B59" s="21">
        <v>7</v>
      </c>
      <c r="C59" s="6">
        <v>6</v>
      </c>
      <c r="D59" s="5">
        <v>13</v>
      </c>
    </row>
    <row r="60" spans="1:4" ht="18" customHeight="1" x14ac:dyDescent="0.15">
      <c r="A60" s="8">
        <v>45</v>
      </c>
      <c r="B60" s="21">
        <v>3</v>
      </c>
      <c r="C60" s="6">
        <v>1</v>
      </c>
      <c r="D60" s="5">
        <v>4</v>
      </c>
    </row>
    <row r="61" spans="1:4" ht="18" customHeight="1" x14ac:dyDescent="0.15">
      <c r="A61" s="8">
        <v>46</v>
      </c>
      <c r="B61" s="21">
        <v>0</v>
      </c>
      <c r="C61" s="6">
        <v>2</v>
      </c>
      <c r="D61" s="5">
        <v>2</v>
      </c>
    </row>
    <row r="62" spans="1:4" ht="18" customHeight="1" x14ac:dyDescent="0.15">
      <c r="A62" s="8">
        <v>47</v>
      </c>
      <c r="B62" s="21">
        <v>3</v>
      </c>
      <c r="C62" s="6">
        <v>1</v>
      </c>
      <c r="D62" s="5">
        <v>4</v>
      </c>
    </row>
    <row r="63" spans="1:4" ht="18" customHeight="1" x14ac:dyDescent="0.15">
      <c r="A63" s="8">
        <v>48</v>
      </c>
      <c r="B63" s="21">
        <v>3</v>
      </c>
      <c r="C63" s="6">
        <v>1</v>
      </c>
      <c r="D63" s="5">
        <v>4</v>
      </c>
    </row>
    <row r="64" spans="1:4" ht="18" customHeight="1" x14ac:dyDescent="0.15">
      <c r="A64" s="8">
        <v>49</v>
      </c>
      <c r="B64" s="21">
        <v>2</v>
      </c>
      <c r="C64" s="6">
        <v>2</v>
      </c>
      <c r="D64" s="5">
        <v>4</v>
      </c>
    </row>
    <row r="65" spans="1:4" ht="18" customHeight="1" x14ac:dyDescent="0.15">
      <c r="A65" s="8" t="s">
        <v>15</v>
      </c>
      <c r="B65" s="21">
        <v>11</v>
      </c>
      <c r="C65" s="6">
        <v>7</v>
      </c>
      <c r="D65" s="5">
        <v>18</v>
      </c>
    </row>
    <row r="66" spans="1:4" ht="18" customHeight="1" x14ac:dyDescent="0.15">
      <c r="A66" s="8">
        <v>50</v>
      </c>
      <c r="B66" s="21">
        <v>2</v>
      </c>
      <c r="C66" s="6">
        <v>3</v>
      </c>
      <c r="D66" s="5">
        <v>5</v>
      </c>
    </row>
    <row r="67" spans="1:4" ht="18" customHeight="1" x14ac:dyDescent="0.15">
      <c r="A67" s="8">
        <v>51</v>
      </c>
      <c r="B67" s="21">
        <v>5</v>
      </c>
      <c r="C67" s="6">
        <v>3</v>
      </c>
      <c r="D67" s="5">
        <v>8</v>
      </c>
    </row>
    <row r="68" spans="1:4" ht="18" customHeight="1" x14ac:dyDescent="0.15">
      <c r="A68" s="8">
        <v>52</v>
      </c>
      <c r="B68" s="21">
        <v>2</v>
      </c>
      <c r="C68" s="6">
        <v>4</v>
      </c>
      <c r="D68" s="5">
        <v>6</v>
      </c>
    </row>
    <row r="69" spans="1:4" ht="18" customHeight="1" x14ac:dyDescent="0.15">
      <c r="A69" s="8">
        <v>53</v>
      </c>
      <c r="B69" s="21">
        <v>5</v>
      </c>
      <c r="C69" s="6">
        <v>2</v>
      </c>
      <c r="D69" s="5">
        <v>7</v>
      </c>
    </row>
    <row r="70" spans="1:4" ht="18" customHeight="1" x14ac:dyDescent="0.15">
      <c r="A70" s="8">
        <v>54</v>
      </c>
      <c r="B70" s="21">
        <v>3</v>
      </c>
      <c r="C70" s="6">
        <v>1</v>
      </c>
      <c r="D70" s="5">
        <v>4</v>
      </c>
    </row>
    <row r="71" spans="1:4" ht="18" customHeight="1" x14ac:dyDescent="0.15">
      <c r="A71" s="8" t="s">
        <v>14</v>
      </c>
      <c r="B71" s="21">
        <v>17</v>
      </c>
      <c r="C71" s="6">
        <v>13</v>
      </c>
      <c r="D71" s="5">
        <v>30</v>
      </c>
    </row>
    <row r="72" spans="1:4" ht="18" customHeight="1" x14ac:dyDescent="0.15">
      <c r="A72" s="8">
        <v>55</v>
      </c>
      <c r="B72" s="21">
        <v>4</v>
      </c>
      <c r="C72" s="6">
        <v>2</v>
      </c>
      <c r="D72" s="5">
        <v>6</v>
      </c>
    </row>
    <row r="73" spans="1:4" ht="18" customHeight="1" x14ac:dyDescent="0.15">
      <c r="A73" s="8">
        <v>56</v>
      </c>
      <c r="B73" s="21">
        <v>3</v>
      </c>
      <c r="C73" s="6">
        <v>1</v>
      </c>
      <c r="D73" s="5">
        <v>4</v>
      </c>
    </row>
    <row r="74" spans="1:4" ht="18" customHeight="1" x14ac:dyDescent="0.15">
      <c r="A74" s="8">
        <v>57</v>
      </c>
      <c r="B74" s="21">
        <v>1</v>
      </c>
      <c r="C74" s="6">
        <v>4</v>
      </c>
      <c r="D74" s="5">
        <v>5</v>
      </c>
    </row>
    <row r="75" spans="1:4" ht="18" customHeight="1" x14ac:dyDescent="0.15">
      <c r="A75" s="8">
        <v>58</v>
      </c>
      <c r="B75" s="21">
        <v>4</v>
      </c>
      <c r="C75" s="6">
        <v>1</v>
      </c>
      <c r="D75" s="5">
        <v>5</v>
      </c>
    </row>
    <row r="76" spans="1:4" ht="18" customHeight="1" x14ac:dyDescent="0.15">
      <c r="A76" s="8">
        <v>59</v>
      </c>
      <c r="B76" s="21">
        <v>2</v>
      </c>
      <c r="C76" s="6">
        <v>1</v>
      </c>
      <c r="D76" s="5">
        <v>3</v>
      </c>
    </row>
    <row r="77" spans="1:4" ht="18" customHeight="1" x14ac:dyDescent="0.15">
      <c r="A77" s="8" t="s">
        <v>13</v>
      </c>
      <c r="B77" s="21">
        <v>14</v>
      </c>
      <c r="C77" s="6">
        <v>9</v>
      </c>
      <c r="D77" s="5">
        <v>23</v>
      </c>
    </row>
    <row r="78" spans="1:4" ht="18" customHeight="1" x14ac:dyDescent="0.15">
      <c r="A78" s="8">
        <v>60</v>
      </c>
      <c r="B78" s="21">
        <v>1</v>
      </c>
      <c r="C78" s="6">
        <v>1</v>
      </c>
      <c r="D78" s="5">
        <v>2</v>
      </c>
    </row>
    <row r="79" spans="1:4" ht="18" customHeight="1" x14ac:dyDescent="0.15">
      <c r="A79" s="8">
        <v>61</v>
      </c>
      <c r="B79" s="21">
        <v>1</v>
      </c>
      <c r="C79" s="6">
        <v>3</v>
      </c>
      <c r="D79" s="5">
        <v>4</v>
      </c>
    </row>
    <row r="80" spans="1:4" ht="18" customHeight="1" x14ac:dyDescent="0.15">
      <c r="A80" s="8">
        <v>62</v>
      </c>
      <c r="B80" s="21">
        <v>0</v>
      </c>
      <c r="C80" s="6">
        <v>0</v>
      </c>
      <c r="D80" s="5">
        <v>0</v>
      </c>
    </row>
    <row r="81" spans="1:4" ht="18" customHeight="1" x14ac:dyDescent="0.15">
      <c r="A81" s="8">
        <v>63</v>
      </c>
      <c r="B81" s="21">
        <v>0</v>
      </c>
      <c r="C81" s="6">
        <v>2</v>
      </c>
      <c r="D81" s="5">
        <v>2</v>
      </c>
    </row>
    <row r="82" spans="1:4" ht="18" customHeight="1" x14ac:dyDescent="0.15">
      <c r="A82" s="8">
        <v>64</v>
      </c>
      <c r="B82" s="21">
        <v>0</v>
      </c>
      <c r="C82" s="6">
        <v>4</v>
      </c>
      <c r="D82" s="5">
        <v>4</v>
      </c>
    </row>
    <row r="83" spans="1:4" ht="18" customHeight="1" x14ac:dyDescent="0.15">
      <c r="A83" s="8" t="s">
        <v>12</v>
      </c>
      <c r="B83" s="21">
        <v>2</v>
      </c>
      <c r="C83" s="6">
        <v>10</v>
      </c>
      <c r="D83" s="5">
        <v>12</v>
      </c>
    </row>
    <row r="84" spans="1:4" ht="18" customHeight="1" x14ac:dyDescent="0.15">
      <c r="A84" s="8" t="s">
        <v>11</v>
      </c>
      <c r="B84" s="21">
        <v>78</v>
      </c>
      <c r="C84" s="6">
        <v>59</v>
      </c>
      <c r="D84" s="5">
        <v>137</v>
      </c>
    </row>
    <row r="85" spans="1:4" ht="18" customHeight="1" x14ac:dyDescent="0.15">
      <c r="A85" s="8">
        <v>65</v>
      </c>
      <c r="B85" s="21">
        <v>0</v>
      </c>
      <c r="C85" s="6">
        <v>2</v>
      </c>
      <c r="D85" s="5">
        <v>2</v>
      </c>
    </row>
    <row r="86" spans="1:4" ht="18" customHeight="1" x14ac:dyDescent="0.15">
      <c r="A86" s="8">
        <v>66</v>
      </c>
      <c r="B86" s="21">
        <v>1</v>
      </c>
      <c r="C86" s="6">
        <v>1</v>
      </c>
      <c r="D86" s="5">
        <v>2</v>
      </c>
    </row>
    <row r="87" spans="1:4" ht="18" customHeight="1" x14ac:dyDescent="0.15">
      <c r="A87" s="8">
        <v>67</v>
      </c>
      <c r="B87" s="21">
        <v>5</v>
      </c>
      <c r="C87" s="6">
        <v>1</v>
      </c>
      <c r="D87" s="5">
        <v>6</v>
      </c>
    </row>
    <row r="88" spans="1:4" ht="18" customHeight="1" x14ac:dyDescent="0.15">
      <c r="A88" s="8">
        <v>68</v>
      </c>
      <c r="B88" s="21">
        <v>0</v>
      </c>
      <c r="C88" s="6">
        <v>2</v>
      </c>
      <c r="D88" s="5">
        <v>2</v>
      </c>
    </row>
    <row r="89" spans="1:4" ht="18" customHeight="1" x14ac:dyDescent="0.15">
      <c r="A89" s="8">
        <v>69</v>
      </c>
      <c r="B89" s="21">
        <v>3</v>
      </c>
      <c r="C89" s="6">
        <v>2</v>
      </c>
      <c r="D89" s="5">
        <v>5</v>
      </c>
    </row>
    <row r="90" spans="1:4" ht="18" customHeight="1" x14ac:dyDescent="0.15">
      <c r="A90" s="8" t="s">
        <v>10</v>
      </c>
      <c r="B90" s="21">
        <v>9</v>
      </c>
      <c r="C90" s="6">
        <v>8</v>
      </c>
      <c r="D90" s="5">
        <v>17</v>
      </c>
    </row>
    <row r="91" spans="1:4" ht="18" customHeight="1" x14ac:dyDescent="0.15">
      <c r="A91" s="8">
        <v>70</v>
      </c>
      <c r="B91" s="21">
        <v>1</v>
      </c>
      <c r="C91" s="6">
        <v>3</v>
      </c>
      <c r="D91" s="5">
        <v>4</v>
      </c>
    </row>
    <row r="92" spans="1:4" ht="18" customHeight="1" x14ac:dyDescent="0.15">
      <c r="A92" s="8">
        <v>71</v>
      </c>
      <c r="B92" s="21">
        <v>5</v>
      </c>
      <c r="C92" s="6">
        <v>2</v>
      </c>
      <c r="D92" s="5">
        <v>7</v>
      </c>
    </row>
    <row r="93" spans="1:4" ht="18" customHeight="1" x14ac:dyDescent="0.15">
      <c r="A93" s="8">
        <v>72</v>
      </c>
      <c r="B93" s="21">
        <v>3</v>
      </c>
      <c r="C93" s="6">
        <v>3</v>
      </c>
      <c r="D93" s="5">
        <v>6</v>
      </c>
    </row>
    <row r="94" spans="1:4" ht="18" customHeight="1" x14ac:dyDescent="0.15">
      <c r="A94" s="8">
        <v>73</v>
      </c>
      <c r="B94" s="21">
        <v>1</v>
      </c>
      <c r="C94" s="6">
        <v>2</v>
      </c>
      <c r="D94" s="5">
        <v>3</v>
      </c>
    </row>
    <row r="95" spans="1:4" ht="18" customHeight="1" x14ac:dyDescent="0.15">
      <c r="A95" s="8">
        <v>74</v>
      </c>
      <c r="B95" s="21">
        <v>2</v>
      </c>
      <c r="C95" s="6">
        <v>2</v>
      </c>
      <c r="D95" s="5">
        <v>4</v>
      </c>
    </row>
    <row r="96" spans="1:4" ht="18" customHeight="1" x14ac:dyDescent="0.15">
      <c r="A96" s="8" t="s">
        <v>9</v>
      </c>
      <c r="B96" s="21">
        <v>12</v>
      </c>
      <c r="C96" s="6">
        <v>12</v>
      </c>
      <c r="D96" s="5">
        <v>24</v>
      </c>
    </row>
    <row r="97" spans="1:4" ht="18" customHeight="1" x14ac:dyDescent="0.15">
      <c r="A97" s="8">
        <v>75</v>
      </c>
      <c r="B97" s="21">
        <v>4</v>
      </c>
      <c r="C97" s="6">
        <v>3</v>
      </c>
      <c r="D97" s="5">
        <v>7</v>
      </c>
    </row>
    <row r="98" spans="1:4" ht="18" customHeight="1" x14ac:dyDescent="0.15">
      <c r="A98" s="8">
        <v>76</v>
      </c>
      <c r="B98" s="21">
        <v>3</v>
      </c>
      <c r="C98" s="6">
        <v>5</v>
      </c>
      <c r="D98" s="5">
        <v>8</v>
      </c>
    </row>
    <row r="99" spans="1:4" ht="18" customHeight="1" x14ac:dyDescent="0.15">
      <c r="A99" s="8">
        <v>77</v>
      </c>
      <c r="B99" s="21">
        <v>0</v>
      </c>
      <c r="C99" s="6">
        <v>0</v>
      </c>
      <c r="D99" s="5">
        <v>0</v>
      </c>
    </row>
    <row r="100" spans="1:4" ht="18" customHeight="1" x14ac:dyDescent="0.15">
      <c r="A100" s="8">
        <v>78</v>
      </c>
      <c r="B100" s="21">
        <v>4</v>
      </c>
      <c r="C100" s="6">
        <v>6</v>
      </c>
      <c r="D100" s="5">
        <v>10</v>
      </c>
    </row>
    <row r="101" spans="1:4" ht="18" customHeight="1" x14ac:dyDescent="0.15">
      <c r="A101" s="8">
        <v>79</v>
      </c>
      <c r="B101" s="21">
        <v>1</v>
      </c>
      <c r="C101" s="6">
        <v>0</v>
      </c>
      <c r="D101" s="5">
        <v>1</v>
      </c>
    </row>
    <row r="102" spans="1:4" ht="18" customHeight="1" x14ac:dyDescent="0.15">
      <c r="A102" s="8" t="s">
        <v>8</v>
      </c>
      <c r="B102" s="21">
        <v>12</v>
      </c>
      <c r="C102" s="6">
        <v>14</v>
      </c>
      <c r="D102" s="5">
        <v>26</v>
      </c>
    </row>
    <row r="103" spans="1:4" ht="18" customHeight="1" x14ac:dyDescent="0.15">
      <c r="A103" s="8">
        <v>80</v>
      </c>
      <c r="B103" s="21">
        <v>0</v>
      </c>
      <c r="C103" s="6">
        <v>1</v>
      </c>
      <c r="D103" s="5">
        <v>1</v>
      </c>
    </row>
    <row r="104" spans="1:4" ht="18" customHeight="1" x14ac:dyDescent="0.15">
      <c r="A104" s="8">
        <v>81</v>
      </c>
      <c r="B104" s="21">
        <v>1</v>
      </c>
      <c r="C104" s="6">
        <v>0</v>
      </c>
      <c r="D104" s="5">
        <v>1</v>
      </c>
    </row>
    <row r="105" spans="1:4" ht="18" customHeight="1" x14ac:dyDescent="0.15">
      <c r="A105" s="8">
        <v>82</v>
      </c>
      <c r="B105" s="21">
        <v>1</v>
      </c>
      <c r="C105" s="6">
        <v>2</v>
      </c>
      <c r="D105" s="5">
        <v>3</v>
      </c>
    </row>
    <row r="106" spans="1:4" ht="18" customHeight="1" x14ac:dyDescent="0.15">
      <c r="A106" s="8">
        <v>83</v>
      </c>
      <c r="B106" s="21">
        <v>1</v>
      </c>
      <c r="C106" s="6">
        <v>0</v>
      </c>
      <c r="D106" s="5">
        <v>1</v>
      </c>
    </row>
    <row r="107" spans="1:4" ht="18" customHeight="1" x14ac:dyDescent="0.15">
      <c r="A107" s="8">
        <v>84</v>
      </c>
      <c r="B107" s="21">
        <v>1</v>
      </c>
      <c r="C107" s="6">
        <v>5</v>
      </c>
      <c r="D107" s="5">
        <v>6</v>
      </c>
    </row>
    <row r="108" spans="1:4" ht="18" customHeight="1" x14ac:dyDescent="0.15">
      <c r="A108" s="8" t="s">
        <v>7</v>
      </c>
      <c r="B108" s="21">
        <v>4</v>
      </c>
      <c r="C108" s="6">
        <v>8</v>
      </c>
      <c r="D108" s="5">
        <v>12</v>
      </c>
    </row>
    <row r="109" spans="1:4" ht="18" customHeight="1" x14ac:dyDescent="0.15">
      <c r="A109" s="8">
        <v>85</v>
      </c>
      <c r="B109" s="21">
        <v>1</v>
      </c>
      <c r="C109" s="6">
        <v>0</v>
      </c>
      <c r="D109" s="5">
        <v>1</v>
      </c>
    </row>
    <row r="110" spans="1:4" ht="18" customHeight="1" x14ac:dyDescent="0.15">
      <c r="A110" s="8">
        <v>86</v>
      </c>
      <c r="B110" s="21">
        <v>0</v>
      </c>
      <c r="C110" s="6">
        <v>1</v>
      </c>
      <c r="D110" s="5">
        <v>1</v>
      </c>
    </row>
    <row r="111" spans="1:4" ht="18" customHeight="1" x14ac:dyDescent="0.15">
      <c r="A111" s="8">
        <v>87</v>
      </c>
      <c r="B111" s="21">
        <v>0</v>
      </c>
      <c r="C111" s="6">
        <v>1</v>
      </c>
      <c r="D111" s="5">
        <v>1</v>
      </c>
    </row>
    <row r="112" spans="1:4" ht="18" customHeight="1" x14ac:dyDescent="0.15">
      <c r="A112" s="8">
        <v>88</v>
      </c>
      <c r="B112" s="21">
        <v>1</v>
      </c>
      <c r="C112" s="6">
        <v>0</v>
      </c>
      <c r="D112" s="5">
        <v>1</v>
      </c>
    </row>
    <row r="113" spans="1:4" ht="18" customHeight="1" x14ac:dyDescent="0.15">
      <c r="A113" s="8">
        <v>89</v>
      </c>
      <c r="B113" s="21">
        <v>1</v>
      </c>
      <c r="C113" s="6">
        <v>2</v>
      </c>
      <c r="D113" s="5">
        <v>3</v>
      </c>
    </row>
    <row r="114" spans="1:4" ht="18" customHeight="1" x14ac:dyDescent="0.15">
      <c r="A114" s="8" t="s">
        <v>6</v>
      </c>
      <c r="B114" s="21">
        <v>3</v>
      </c>
      <c r="C114" s="6">
        <v>4</v>
      </c>
      <c r="D114" s="5">
        <v>7</v>
      </c>
    </row>
    <row r="115" spans="1:4" ht="18" customHeight="1" x14ac:dyDescent="0.15">
      <c r="A115" s="8">
        <v>90</v>
      </c>
      <c r="B115" s="21">
        <v>0</v>
      </c>
      <c r="C115" s="6">
        <v>2</v>
      </c>
      <c r="D115" s="5">
        <v>2</v>
      </c>
    </row>
    <row r="116" spans="1:4" ht="18" customHeight="1" x14ac:dyDescent="0.15">
      <c r="A116" s="8">
        <v>91</v>
      </c>
      <c r="B116" s="21">
        <v>0</v>
      </c>
      <c r="C116" s="6">
        <v>2</v>
      </c>
      <c r="D116" s="5">
        <v>2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0</v>
      </c>
      <c r="C118" s="6">
        <v>0</v>
      </c>
      <c r="D118" s="5">
        <v>0</v>
      </c>
    </row>
    <row r="119" spans="1:4" ht="18" customHeight="1" x14ac:dyDescent="0.15">
      <c r="A119" s="8">
        <v>94</v>
      </c>
      <c r="B119" s="21">
        <v>0</v>
      </c>
      <c r="C119" s="6">
        <v>0</v>
      </c>
      <c r="D119" s="5">
        <v>0</v>
      </c>
    </row>
    <row r="120" spans="1:4" ht="18" customHeight="1" x14ac:dyDescent="0.15">
      <c r="A120" s="8" t="s">
        <v>5</v>
      </c>
      <c r="B120" s="21">
        <v>0</v>
      </c>
      <c r="C120" s="6">
        <v>4</v>
      </c>
      <c r="D120" s="5">
        <v>4</v>
      </c>
    </row>
    <row r="121" spans="1:4" ht="18" customHeight="1" x14ac:dyDescent="0.15">
      <c r="A121" s="8">
        <v>95</v>
      </c>
      <c r="B121" s="21">
        <v>0</v>
      </c>
      <c r="C121" s="6">
        <v>0</v>
      </c>
      <c r="D121" s="5">
        <v>0</v>
      </c>
    </row>
    <row r="122" spans="1:4" ht="18" customHeight="1" x14ac:dyDescent="0.15">
      <c r="A122" s="8">
        <v>96</v>
      </c>
      <c r="B122" s="21">
        <v>1</v>
      </c>
      <c r="C122" s="6">
        <v>2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</v>
      </c>
      <c r="C126" s="6">
        <v>4</v>
      </c>
      <c r="D126" s="5">
        <v>5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41</v>
      </c>
      <c r="C130" s="6">
        <v>55</v>
      </c>
      <c r="D130" s="5">
        <v>96</v>
      </c>
    </row>
    <row r="131" spans="1:4" ht="18" customHeight="1" x14ac:dyDescent="0.15">
      <c r="A131" s="4" t="s">
        <v>0</v>
      </c>
      <c r="B131" s="20">
        <v>127</v>
      </c>
      <c r="C131" s="2">
        <v>119</v>
      </c>
      <c r="D131" s="1">
        <v>24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F1CBCB-5094-4E69-A663-19726EFAA25F}">
  <sheetPr codeName="Sheet9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0</v>
      </c>
      <c r="D5" s="30">
        <v>1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2</v>
      </c>
      <c r="D7" s="5">
        <v>2</v>
      </c>
    </row>
    <row r="8" spans="1:4" ht="18" customHeight="1" x14ac:dyDescent="0.15">
      <c r="A8" s="8">
        <v>3</v>
      </c>
      <c r="B8" s="26">
        <v>2</v>
      </c>
      <c r="C8" s="6">
        <v>0</v>
      </c>
      <c r="D8" s="5">
        <v>2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3</v>
      </c>
      <c r="C10" s="6">
        <v>2</v>
      </c>
      <c r="D10" s="5">
        <v>5</v>
      </c>
    </row>
    <row r="11" spans="1:4" ht="18" customHeight="1" x14ac:dyDescent="0.15">
      <c r="A11" s="8">
        <v>5</v>
      </c>
      <c r="B11" s="26">
        <v>3</v>
      </c>
      <c r="C11" s="6">
        <v>2</v>
      </c>
      <c r="D11" s="5">
        <v>5</v>
      </c>
    </row>
    <row r="12" spans="1:4" ht="18" customHeight="1" x14ac:dyDescent="0.15">
      <c r="A12" s="8">
        <v>6</v>
      </c>
      <c r="B12" s="26">
        <v>0</v>
      </c>
      <c r="C12" s="6">
        <v>4</v>
      </c>
      <c r="D12" s="5">
        <v>4</v>
      </c>
    </row>
    <row r="13" spans="1:4" ht="18" customHeight="1" x14ac:dyDescent="0.15">
      <c r="A13" s="8">
        <v>7</v>
      </c>
      <c r="B13" s="26">
        <v>2</v>
      </c>
      <c r="C13" s="6">
        <v>4</v>
      </c>
      <c r="D13" s="5">
        <v>6</v>
      </c>
    </row>
    <row r="14" spans="1:4" ht="18" customHeight="1" x14ac:dyDescent="0.15">
      <c r="A14" s="8">
        <v>8</v>
      </c>
      <c r="B14" s="26">
        <v>7</v>
      </c>
      <c r="C14" s="6">
        <v>1</v>
      </c>
      <c r="D14" s="5">
        <v>8</v>
      </c>
    </row>
    <row r="15" spans="1:4" ht="18" customHeight="1" x14ac:dyDescent="0.15">
      <c r="A15" s="8">
        <v>9</v>
      </c>
      <c r="B15" s="26">
        <v>4</v>
      </c>
      <c r="C15" s="6">
        <v>2</v>
      </c>
      <c r="D15" s="5">
        <v>6</v>
      </c>
    </row>
    <row r="16" spans="1:4" ht="18" customHeight="1" x14ac:dyDescent="0.15">
      <c r="A16" s="8" t="s">
        <v>24</v>
      </c>
      <c r="B16" s="21">
        <v>16</v>
      </c>
      <c r="C16" s="6">
        <v>13</v>
      </c>
      <c r="D16" s="5">
        <v>29</v>
      </c>
    </row>
    <row r="17" spans="1:4" ht="18" customHeight="1" x14ac:dyDescent="0.15">
      <c r="A17" s="8">
        <v>10</v>
      </c>
      <c r="B17" s="21">
        <v>6</v>
      </c>
      <c r="C17" s="6">
        <v>4</v>
      </c>
      <c r="D17" s="5">
        <v>10</v>
      </c>
    </row>
    <row r="18" spans="1:4" ht="18" customHeight="1" x14ac:dyDescent="0.15">
      <c r="A18" s="8">
        <v>11</v>
      </c>
      <c r="B18" s="21">
        <v>6</v>
      </c>
      <c r="C18" s="6">
        <v>3</v>
      </c>
      <c r="D18" s="5">
        <v>9</v>
      </c>
    </row>
    <row r="19" spans="1:4" ht="18" customHeight="1" x14ac:dyDescent="0.15">
      <c r="A19" s="8">
        <v>12</v>
      </c>
      <c r="B19" s="21">
        <v>1</v>
      </c>
      <c r="C19" s="6">
        <v>4</v>
      </c>
      <c r="D19" s="5">
        <v>5</v>
      </c>
    </row>
    <row r="20" spans="1:4" ht="18" customHeight="1" x14ac:dyDescent="0.15">
      <c r="A20" s="8">
        <v>13</v>
      </c>
      <c r="B20" s="21">
        <v>5</v>
      </c>
      <c r="C20" s="6">
        <v>5</v>
      </c>
      <c r="D20" s="5">
        <v>10</v>
      </c>
    </row>
    <row r="21" spans="1:4" ht="18" customHeight="1" x14ac:dyDescent="0.15">
      <c r="A21" s="8">
        <v>14</v>
      </c>
      <c r="B21" s="21">
        <v>8</v>
      </c>
      <c r="C21" s="6">
        <v>2</v>
      </c>
      <c r="D21" s="5">
        <v>10</v>
      </c>
    </row>
    <row r="22" spans="1:4" ht="18" customHeight="1" x14ac:dyDescent="0.15">
      <c r="A22" s="8" t="s">
        <v>23</v>
      </c>
      <c r="B22" s="21">
        <v>26</v>
      </c>
      <c r="C22" s="6">
        <v>18</v>
      </c>
      <c r="D22" s="5">
        <v>44</v>
      </c>
    </row>
    <row r="23" spans="1:4" ht="18" customHeight="1" x14ac:dyDescent="0.15">
      <c r="A23" s="8" t="s">
        <v>22</v>
      </c>
      <c r="B23" s="21">
        <v>45</v>
      </c>
      <c r="C23" s="6">
        <v>33</v>
      </c>
      <c r="D23" s="5">
        <v>78</v>
      </c>
    </row>
    <row r="24" spans="1:4" ht="18" customHeight="1" x14ac:dyDescent="0.15">
      <c r="A24" s="8">
        <v>15</v>
      </c>
      <c r="B24" s="21">
        <v>9</v>
      </c>
      <c r="C24" s="6">
        <v>3</v>
      </c>
      <c r="D24" s="5">
        <v>12</v>
      </c>
    </row>
    <row r="25" spans="1:4" ht="18" customHeight="1" x14ac:dyDescent="0.15">
      <c r="A25" s="8">
        <v>16</v>
      </c>
      <c r="B25" s="21">
        <v>5</v>
      </c>
      <c r="C25" s="6">
        <v>3</v>
      </c>
      <c r="D25" s="5">
        <v>8</v>
      </c>
    </row>
    <row r="26" spans="1:4" ht="18" customHeight="1" x14ac:dyDescent="0.15">
      <c r="A26" s="8">
        <v>17</v>
      </c>
      <c r="B26" s="21">
        <v>4</v>
      </c>
      <c r="C26" s="6">
        <v>6</v>
      </c>
      <c r="D26" s="5">
        <v>10</v>
      </c>
    </row>
    <row r="27" spans="1:4" ht="18" customHeight="1" x14ac:dyDescent="0.15">
      <c r="A27" s="8">
        <v>18</v>
      </c>
      <c r="B27" s="21">
        <v>7</v>
      </c>
      <c r="C27" s="6">
        <v>2</v>
      </c>
      <c r="D27" s="5">
        <v>9</v>
      </c>
    </row>
    <row r="28" spans="1:4" ht="18" customHeight="1" x14ac:dyDescent="0.15">
      <c r="A28" s="8">
        <v>19</v>
      </c>
      <c r="B28" s="21">
        <v>6</v>
      </c>
      <c r="C28" s="6">
        <v>7</v>
      </c>
      <c r="D28" s="5">
        <v>13</v>
      </c>
    </row>
    <row r="29" spans="1:4" ht="18" customHeight="1" x14ac:dyDescent="0.15">
      <c r="A29" s="8" t="s">
        <v>21</v>
      </c>
      <c r="B29" s="21">
        <v>31</v>
      </c>
      <c r="C29" s="6">
        <v>21</v>
      </c>
      <c r="D29" s="5">
        <v>52</v>
      </c>
    </row>
    <row r="30" spans="1:4" ht="18" customHeight="1" x14ac:dyDescent="0.15">
      <c r="A30" s="8">
        <v>20</v>
      </c>
      <c r="B30" s="21">
        <v>6</v>
      </c>
      <c r="C30" s="6">
        <v>6</v>
      </c>
      <c r="D30" s="5">
        <v>12</v>
      </c>
    </row>
    <row r="31" spans="1:4" ht="18" customHeight="1" x14ac:dyDescent="0.15">
      <c r="A31" s="8">
        <v>21</v>
      </c>
      <c r="B31" s="21">
        <v>6</v>
      </c>
      <c r="C31" s="6">
        <v>6</v>
      </c>
      <c r="D31" s="5">
        <v>12</v>
      </c>
    </row>
    <row r="32" spans="1:4" ht="18" customHeight="1" x14ac:dyDescent="0.15">
      <c r="A32" s="8">
        <v>22</v>
      </c>
      <c r="B32" s="21">
        <v>8</v>
      </c>
      <c r="C32" s="6">
        <v>4</v>
      </c>
      <c r="D32" s="5">
        <v>12</v>
      </c>
    </row>
    <row r="33" spans="1:4" ht="18" customHeight="1" x14ac:dyDescent="0.15">
      <c r="A33" s="8">
        <v>23</v>
      </c>
      <c r="B33" s="21">
        <v>4</v>
      </c>
      <c r="C33" s="6">
        <v>5</v>
      </c>
      <c r="D33" s="5">
        <v>9</v>
      </c>
    </row>
    <row r="34" spans="1:4" ht="18" customHeight="1" x14ac:dyDescent="0.15">
      <c r="A34" s="8">
        <v>24</v>
      </c>
      <c r="B34" s="21">
        <v>6</v>
      </c>
      <c r="C34" s="6">
        <v>3</v>
      </c>
      <c r="D34" s="5">
        <v>9</v>
      </c>
    </row>
    <row r="35" spans="1:4" ht="18" customHeight="1" x14ac:dyDescent="0.15">
      <c r="A35" s="8" t="s">
        <v>20</v>
      </c>
      <c r="B35" s="21">
        <v>30</v>
      </c>
      <c r="C35" s="6">
        <v>24</v>
      </c>
      <c r="D35" s="5">
        <v>54</v>
      </c>
    </row>
    <row r="36" spans="1:4" ht="18" customHeight="1" x14ac:dyDescent="0.15">
      <c r="A36" s="8">
        <v>25</v>
      </c>
      <c r="B36" s="21">
        <v>1</v>
      </c>
      <c r="C36" s="6">
        <v>1</v>
      </c>
      <c r="D36" s="5">
        <v>2</v>
      </c>
    </row>
    <row r="37" spans="1:4" ht="18" customHeight="1" x14ac:dyDescent="0.15">
      <c r="A37" s="8">
        <v>26</v>
      </c>
      <c r="B37" s="21">
        <v>2</v>
      </c>
      <c r="C37" s="6">
        <v>2</v>
      </c>
      <c r="D37" s="5">
        <v>4</v>
      </c>
    </row>
    <row r="38" spans="1:4" ht="18" customHeight="1" x14ac:dyDescent="0.15">
      <c r="A38" s="8">
        <v>27</v>
      </c>
      <c r="B38" s="21">
        <v>4</v>
      </c>
      <c r="C38" s="6">
        <v>2</v>
      </c>
      <c r="D38" s="5">
        <v>6</v>
      </c>
    </row>
    <row r="39" spans="1:4" ht="18" customHeight="1" x14ac:dyDescent="0.15">
      <c r="A39" s="8">
        <v>28</v>
      </c>
      <c r="B39" s="21">
        <v>4</v>
      </c>
      <c r="C39" s="6">
        <v>1</v>
      </c>
      <c r="D39" s="5">
        <v>5</v>
      </c>
    </row>
    <row r="40" spans="1:4" ht="18" customHeight="1" x14ac:dyDescent="0.15">
      <c r="A40" s="8">
        <v>29</v>
      </c>
      <c r="B40" s="21">
        <v>6</v>
      </c>
      <c r="C40" s="6">
        <v>2</v>
      </c>
      <c r="D40" s="5">
        <v>8</v>
      </c>
    </row>
    <row r="41" spans="1:4" ht="18" customHeight="1" x14ac:dyDescent="0.15">
      <c r="A41" s="8" t="s">
        <v>19</v>
      </c>
      <c r="B41" s="21">
        <v>17</v>
      </c>
      <c r="C41" s="6">
        <v>8</v>
      </c>
      <c r="D41" s="5">
        <v>25</v>
      </c>
    </row>
    <row r="42" spans="1:4" ht="18" customHeight="1" x14ac:dyDescent="0.15">
      <c r="A42" s="8">
        <v>30</v>
      </c>
      <c r="B42" s="21">
        <v>1</v>
      </c>
      <c r="C42" s="6">
        <v>1</v>
      </c>
      <c r="D42" s="5">
        <v>2</v>
      </c>
    </row>
    <row r="43" spans="1:4" ht="18" customHeight="1" x14ac:dyDescent="0.15">
      <c r="A43" s="8">
        <v>31</v>
      </c>
      <c r="B43" s="21">
        <v>3</v>
      </c>
      <c r="C43" s="6">
        <v>0</v>
      </c>
      <c r="D43" s="5">
        <v>3</v>
      </c>
    </row>
    <row r="44" spans="1:4" ht="18" customHeight="1" x14ac:dyDescent="0.15">
      <c r="A44" s="8">
        <v>32</v>
      </c>
      <c r="B44" s="21">
        <v>3</v>
      </c>
      <c r="C44" s="6">
        <v>3</v>
      </c>
      <c r="D44" s="5">
        <v>6</v>
      </c>
    </row>
    <row r="45" spans="1:4" ht="18" customHeight="1" x14ac:dyDescent="0.15">
      <c r="A45" s="8">
        <v>33</v>
      </c>
      <c r="B45" s="21">
        <v>4</v>
      </c>
      <c r="C45" s="6">
        <v>3</v>
      </c>
      <c r="D45" s="5">
        <v>7</v>
      </c>
    </row>
    <row r="46" spans="1:4" ht="18" customHeight="1" x14ac:dyDescent="0.15">
      <c r="A46" s="8">
        <v>34</v>
      </c>
      <c r="B46" s="21">
        <v>3</v>
      </c>
      <c r="C46" s="6">
        <v>3</v>
      </c>
      <c r="D46" s="5">
        <v>6</v>
      </c>
    </row>
    <row r="47" spans="1:4" ht="18" customHeight="1" x14ac:dyDescent="0.15">
      <c r="A47" s="8" t="s">
        <v>18</v>
      </c>
      <c r="B47" s="21">
        <v>14</v>
      </c>
      <c r="C47" s="6">
        <v>10</v>
      </c>
      <c r="D47" s="5">
        <v>24</v>
      </c>
    </row>
    <row r="48" spans="1:4" ht="18" customHeight="1" x14ac:dyDescent="0.15">
      <c r="A48" s="8">
        <v>35</v>
      </c>
      <c r="B48" s="21">
        <v>8</v>
      </c>
      <c r="C48" s="6">
        <v>2</v>
      </c>
      <c r="D48" s="5">
        <v>10</v>
      </c>
    </row>
    <row r="49" spans="1:4" ht="18" customHeight="1" x14ac:dyDescent="0.15">
      <c r="A49" s="8">
        <v>36</v>
      </c>
      <c r="B49" s="21">
        <v>1</v>
      </c>
      <c r="C49" s="6">
        <v>4</v>
      </c>
      <c r="D49" s="5">
        <v>5</v>
      </c>
    </row>
    <row r="50" spans="1:4" ht="18" customHeight="1" x14ac:dyDescent="0.15">
      <c r="A50" s="8">
        <v>37</v>
      </c>
      <c r="B50" s="21">
        <v>6</v>
      </c>
      <c r="C50" s="6">
        <v>8</v>
      </c>
      <c r="D50" s="5">
        <v>14</v>
      </c>
    </row>
    <row r="51" spans="1:4" ht="18" customHeight="1" x14ac:dyDescent="0.15">
      <c r="A51" s="8">
        <v>38</v>
      </c>
      <c r="B51" s="21">
        <v>5</v>
      </c>
      <c r="C51" s="6">
        <v>4</v>
      </c>
      <c r="D51" s="5">
        <v>9</v>
      </c>
    </row>
    <row r="52" spans="1:4" ht="18" customHeight="1" x14ac:dyDescent="0.15">
      <c r="A52" s="8">
        <v>39</v>
      </c>
      <c r="B52" s="21">
        <v>4</v>
      </c>
      <c r="C52" s="6">
        <v>5</v>
      </c>
      <c r="D52" s="5">
        <v>9</v>
      </c>
    </row>
    <row r="53" spans="1:4" ht="18" customHeight="1" x14ac:dyDescent="0.15">
      <c r="A53" s="8" t="s">
        <v>17</v>
      </c>
      <c r="B53" s="21">
        <v>24</v>
      </c>
      <c r="C53" s="6">
        <v>23</v>
      </c>
      <c r="D53" s="5">
        <v>47</v>
      </c>
    </row>
    <row r="54" spans="1:4" ht="18" customHeight="1" x14ac:dyDescent="0.15">
      <c r="A54" s="8">
        <v>40</v>
      </c>
      <c r="B54" s="21">
        <v>8</v>
      </c>
      <c r="C54" s="6">
        <v>4</v>
      </c>
      <c r="D54" s="5">
        <v>12</v>
      </c>
    </row>
    <row r="55" spans="1:4" ht="18" customHeight="1" x14ac:dyDescent="0.15">
      <c r="A55" s="8">
        <v>41</v>
      </c>
      <c r="B55" s="21">
        <v>3</v>
      </c>
      <c r="C55" s="6">
        <v>5</v>
      </c>
      <c r="D55" s="5">
        <v>8</v>
      </c>
    </row>
    <row r="56" spans="1:4" ht="18" customHeight="1" x14ac:dyDescent="0.15">
      <c r="A56" s="8">
        <v>42</v>
      </c>
      <c r="B56" s="21">
        <v>4</v>
      </c>
      <c r="C56" s="6">
        <v>4</v>
      </c>
      <c r="D56" s="5">
        <v>8</v>
      </c>
    </row>
    <row r="57" spans="1:4" ht="18" customHeight="1" x14ac:dyDescent="0.15">
      <c r="A57" s="8">
        <v>43</v>
      </c>
      <c r="B57" s="21">
        <v>8</v>
      </c>
      <c r="C57" s="6">
        <v>5</v>
      </c>
      <c r="D57" s="5">
        <v>13</v>
      </c>
    </row>
    <row r="58" spans="1:4" ht="18" customHeight="1" x14ac:dyDescent="0.15">
      <c r="A58" s="8">
        <v>44</v>
      </c>
      <c r="B58" s="21">
        <v>11</v>
      </c>
      <c r="C58" s="6">
        <v>11</v>
      </c>
      <c r="D58" s="5">
        <v>22</v>
      </c>
    </row>
    <row r="59" spans="1:4" ht="18" customHeight="1" x14ac:dyDescent="0.15">
      <c r="A59" s="8" t="s">
        <v>16</v>
      </c>
      <c r="B59" s="21">
        <v>34</v>
      </c>
      <c r="C59" s="6">
        <v>29</v>
      </c>
      <c r="D59" s="5">
        <v>63</v>
      </c>
    </row>
    <row r="60" spans="1:4" ht="18" customHeight="1" x14ac:dyDescent="0.15">
      <c r="A60" s="8">
        <v>45</v>
      </c>
      <c r="B60" s="21">
        <v>8</v>
      </c>
      <c r="C60" s="6">
        <v>7</v>
      </c>
      <c r="D60" s="5">
        <v>15</v>
      </c>
    </row>
    <row r="61" spans="1:4" ht="18" customHeight="1" x14ac:dyDescent="0.15">
      <c r="A61" s="8">
        <v>46</v>
      </c>
      <c r="B61" s="21">
        <v>3</v>
      </c>
      <c r="C61" s="6">
        <v>4</v>
      </c>
      <c r="D61" s="5">
        <v>7</v>
      </c>
    </row>
    <row r="62" spans="1:4" ht="18" customHeight="1" x14ac:dyDescent="0.15">
      <c r="A62" s="8">
        <v>47</v>
      </c>
      <c r="B62" s="21">
        <v>8</v>
      </c>
      <c r="C62" s="6">
        <v>6</v>
      </c>
      <c r="D62" s="5">
        <v>14</v>
      </c>
    </row>
    <row r="63" spans="1:4" ht="18" customHeight="1" x14ac:dyDescent="0.15">
      <c r="A63" s="8">
        <v>48</v>
      </c>
      <c r="B63" s="21">
        <v>7</v>
      </c>
      <c r="C63" s="6">
        <v>7</v>
      </c>
      <c r="D63" s="5">
        <v>14</v>
      </c>
    </row>
    <row r="64" spans="1:4" ht="18" customHeight="1" x14ac:dyDescent="0.15">
      <c r="A64" s="8">
        <v>49</v>
      </c>
      <c r="B64" s="21">
        <v>6</v>
      </c>
      <c r="C64" s="6">
        <v>6</v>
      </c>
      <c r="D64" s="5">
        <v>12</v>
      </c>
    </row>
    <row r="65" spans="1:4" ht="18" customHeight="1" x14ac:dyDescent="0.15">
      <c r="A65" s="8" t="s">
        <v>15</v>
      </c>
      <c r="B65" s="21">
        <v>32</v>
      </c>
      <c r="C65" s="6">
        <v>30</v>
      </c>
      <c r="D65" s="5">
        <v>62</v>
      </c>
    </row>
    <row r="66" spans="1:4" ht="18" customHeight="1" x14ac:dyDescent="0.15">
      <c r="A66" s="8">
        <v>50</v>
      </c>
      <c r="B66" s="21">
        <v>10</v>
      </c>
      <c r="C66" s="6">
        <v>12</v>
      </c>
      <c r="D66" s="5">
        <v>22</v>
      </c>
    </row>
    <row r="67" spans="1:4" ht="18" customHeight="1" x14ac:dyDescent="0.15">
      <c r="A67" s="8">
        <v>51</v>
      </c>
      <c r="B67" s="21">
        <v>15</v>
      </c>
      <c r="C67" s="6">
        <v>8</v>
      </c>
      <c r="D67" s="5">
        <v>23</v>
      </c>
    </row>
    <row r="68" spans="1:4" ht="18" customHeight="1" x14ac:dyDescent="0.15">
      <c r="A68" s="8">
        <v>52</v>
      </c>
      <c r="B68" s="21">
        <v>13</v>
      </c>
      <c r="C68" s="6">
        <v>12</v>
      </c>
      <c r="D68" s="5">
        <v>25</v>
      </c>
    </row>
    <row r="69" spans="1:4" ht="18" customHeight="1" x14ac:dyDescent="0.15">
      <c r="A69" s="8">
        <v>53</v>
      </c>
      <c r="B69" s="21">
        <v>11</v>
      </c>
      <c r="C69" s="6">
        <v>8</v>
      </c>
      <c r="D69" s="5">
        <v>19</v>
      </c>
    </row>
    <row r="70" spans="1:4" ht="18" customHeight="1" x14ac:dyDescent="0.15">
      <c r="A70" s="8">
        <v>54</v>
      </c>
      <c r="B70" s="21">
        <v>9</v>
      </c>
      <c r="C70" s="6">
        <v>6</v>
      </c>
      <c r="D70" s="5">
        <v>15</v>
      </c>
    </row>
    <row r="71" spans="1:4" ht="18" customHeight="1" x14ac:dyDescent="0.15">
      <c r="A71" s="8" t="s">
        <v>14</v>
      </c>
      <c r="B71" s="21">
        <v>58</v>
      </c>
      <c r="C71" s="6">
        <v>46</v>
      </c>
      <c r="D71" s="5">
        <v>104</v>
      </c>
    </row>
    <row r="72" spans="1:4" ht="18" customHeight="1" x14ac:dyDescent="0.15">
      <c r="A72" s="8">
        <v>55</v>
      </c>
      <c r="B72" s="21">
        <v>9</v>
      </c>
      <c r="C72" s="6">
        <v>7</v>
      </c>
      <c r="D72" s="5">
        <v>16</v>
      </c>
    </row>
    <row r="73" spans="1:4" ht="18" customHeight="1" x14ac:dyDescent="0.15">
      <c r="A73" s="8">
        <v>56</v>
      </c>
      <c r="B73" s="21">
        <v>8</v>
      </c>
      <c r="C73" s="6">
        <v>6</v>
      </c>
      <c r="D73" s="5">
        <v>14</v>
      </c>
    </row>
    <row r="74" spans="1:4" ht="18" customHeight="1" x14ac:dyDescent="0.15">
      <c r="A74" s="8">
        <v>57</v>
      </c>
      <c r="B74" s="21">
        <v>2</v>
      </c>
      <c r="C74" s="6">
        <v>11</v>
      </c>
      <c r="D74" s="5">
        <v>13</v>
      </c>
    </row>
    <row r="75" spans="1:4" ht="18" customHeight="1" x14ac:dyDescent="0.15">
      <c r="A75" s="8">
        <v>58</v>
      </c>
      <c r="B75" s="21">
        <v>8</v>
      </c>
      <c r="C75" s="6">
        <v>13</v>
      </c>
      <c r="D75" s="5">
        <v>21</v>
      </c>
    </row>
    <row r="76" spans="1:4" ht="18" customHeight="1" x14ac:dyDescent="0.15">
      <c r="A76" s="8">
        <v>59</v>
      </c>
      <c r="B76" s="21">
        <v>8</v>
      </c>
      <c r="C76" s="6">
        <v>4</v>
      </c>
      <c r="D76" s="5">
        <v>12</v>
      </c>
    </row>
    <row r="77" spans="1:4" ht="18" customHeight="1" x14ac:dyDescent="0.15">
      <c r="A77" s="8" t="s">
        <v>13</v>
      </c>
      <c r="B77" s="21">
        <v>35</v>
      </c>
      <c r="C77" s="6">
        <v>41</v>
      </c>
      <c r="D77" s="5">
        <v>76</v>
      </c>
    </row>
    <row r="78" spans="1:4" ht="18" customHeight="1" x14ac:dyDescent="0.15">
      <c r="A78" s="8">
        <v>60</v>
      </c>
      <c r="B78" s="21">
        <v>6</v>
      </c>
      <c r="C78" s="6">
        <v>7</v>
      </c>
      <c r="D78" s="5">
        <v>13</v>
      </c>
    </row>
    <row r="79" spans="1:4" ht="18" customHeight="1" x14ac:dyDescent="0.15">
      <c r="A79" s="8">
        <v>61</v>
      </c>
      <c r="B79" s="21">
        <v>7</v>
      </c>
      <c r="C79" s="6">
        <v>9</v>
      </c>
      <c r="D79" s="5">
        <v>16</v>
      </c>
    </row>
    <row r="80" spans="1:4" ht="18" customHeight="1" x14ac:dyDescent="0.15">
      <c r="A80" s="8">
        <v>62</v>
      </c>
      <c r="B80" s="21">
        <v>8</v>
      </c>
      <c r="C80" s="6">
        <v>7</v>
      </c>
      <c r="D80" s="5">
        <v>15</v>
      </c>
    </row>
    <row r="81" spans="1:4" ht="18" customHeight="1" x14ac:dyDescent="0.15">
      <c r="A81" s="8">
        <v>63</v>
      </c>
      <c r="B81" s="21">
        <v>3</v>
      </c>
      <c r="C81" s="6">
        <v>9</v>
      </c>
      <c r="D81" s="5">
        <v>12</v>
      </c>
    </row>
    <row r="82" spans="1:4" ht="18" customHeight="1" x14ac:dyDescent="0.15">
      <c r="A82" s="8">
        <v>64</v>
      </c>
      <c r="B82" s="21">
        <v>4</v>
      </c>
      <c r="C82" s="6">
        <v>8</v>
      </c>
      <c r="D82" s="5">
        <v>12</v>
      </c>
    </row>
    <row r="83" spans="1:4" ht="18" customHeight="1" x14ac:dyDescent="0.15">
      <c r="A83" s="8" t="s">
        <v>12</v>
      </c>
      <c r="B83" s="21">
        <v>28</v>
      </c>
      <c r="C83" s="6">
        <v>40</v>
      </c>
      <c r="D83" s="5">
        <v>68</v>
      </c>
    </row>
    <row r="84" spans="1:4" ht="18" customHeight="1" x14ac:dyDescent="0.15">
      <c r="A84" s="8" t="s">
        <v>11</v>
      </c>
      <c r="B84" s="21">
        <v>303</v>
      </c>
      <c r="C84" s="6">
        <v>272</v>
      </c>
      <c r="D84" s="5">
        <v>575</v>
      </c>
    </row>
    <row r="85" spans="1:4" ht="18" customHeight="1" x14ac:dyDescent="0.15">
      <c r="A85" s="8">
        <v>65</v>
      </c>
      <c r="B85" s="21">
        <v>4</v>
      </c>
      <c r="C85" s="6">
        <v>8</v>
      </c>
      <c r="D85" s="5">
        <v>12</v>
      </c>
    </row>
    <row r="86" spans="1:4" ht="18" customHeight="1" x14ac:dyDescent="0.15">
      <c r="A86" s="8">
        <v>66</v>
      </c>
      <c r="B86" s="21">
        <v>7</v>
      </c>
      <c r="C86" s="6">
        <v>9</v>
      </c>
      <c r="D86" s="5">
        <v>16</v>
      </c>
    </row>
    <row r="87" spans="1:4" ht="18" customHeight="1" x14ac:dyDescent="0.15">
      <c r="A87" s="8">
        <v>67</v>
      </c>
      <c r="B87" s="21">
        <v>11</v>
      </c>
      <c r="C87" s="6">
        <v>15</v>
      </c>
      <c r="D87" s="5">
        <v>26</v>
      </c>
    </row>
    <row r="88" spans="1:4" ht="18" customHeight="1" x14ac:dyDescent="0.15">
      <c r="A88" s="8">
        <v>68</v>
      </c>
      <c r="B88" s="21">
        <v>8</v>
      </c>
      <c r="C88" s="6">
        <v>9</v>
      </c>
      <c r="D88" s="5">
        <v>17</v>
      </c>
    </row>
    <row r="89" spans="1:4" ht="18" customHeight="1" x14ac:dyDescent="0.15">
      <c r="A89" s="8">
        <v>69</v>
      </c>
      <c r="B89" s="21">
        <v>15</v>
      </c>
      <c r="C89" s="6">
        <v>10</v>
      </c>
      <c r="D89" s="5">
        <v>25</v>
      </c>
    </row>
    <row r="90" spans="1:4" ht="18" customHeight="1" x14ac:dyDescent="0.15">
      <c r="A90" s="8" t="s">
        <v>10</v>
      </c>
      <c r="B90" s="21">
        <v>45</v>
      </c>
      <c r="C90" s="6">
        <v>51</v>
      </c>
      <c r="D90" s="5">
        <v>96</v>
      </c>
    </row>
    <row r="91" spans="1:4" ht="18" customHeight="1" x14ac:dyDescent="0.15">
      <c r="A91" s="8">
        <v>70</v>
      </c>
      <c r="B91" s="21">
        <v>9</v>
      </c>
      <c r="C91" s="6">
        <v>9</v>
      </c>
      <c r="D91" s="5">
        <v>18</v>
      </c>
    </row>
    <row r="92" spans="1:4" ht="18" customHeight="1" x14ac:dyDescent="0.15">
      <c r="A92" s="8">
        <v>71</v>
      </c>
      <c r="B92" s="21">
        <v>14</v>
      </c>
      <c r="C92" s="6">
        <v>15</v>
      </c>
      <c r="D92" s="5">
        <v>29</v>
      </c>
    </row>
    <row r="93" spans="1:4" ht="18" customHeight="1" x14ac:dyDescent="0.15">
      <c r="A93" s="8">
        <v>72</v>
      </c>
      <c r="B93" s="21">
        <v>21</v>
      </c>
      <c r="C93" s="6">
        <v>13</v>
      </c>
      <c r="D93" s="5">
        <v>34</v>
      </c>
    </row>
    <row r="94" spans="1:4" ht="18" customHeight="1" x14ac:dyDescent="0.15">
      <c r="A94" s="8">
        <v>73</v>
      </c>
      <c r="B94" s="21">
        <v>14</v>
      </c>
      <c r="C94" s="6">
        <v>13</v>
      </c>
      <c r="D94" s="5">
        <v>27</v>
      </c>
    </row>
    <row r="95" spans="1:4" ht="18" customHeight="1" x14ac:dyDescent="0.15">
      <c r="A95" s="8">
        <v>74</v>
      </c>
      <c r="B95" s="21">
        <v>13</v>
      </c>
      <c r="C95" s="6">
        <v>12</v>
      </c>
      <c r="D95" s="5">
        <v>25</v>
      </c>
    </row>
    <row r="96" spans="1:4" ht="18" customHeight="1" x14ac:dyDescent="0.15">
      <c r="A96" s="8" t="s">
        <v>9</v>
      </c>
      <c r="B96" s="21">
        <v>71</v>
      </c>
      <c r="C96" s="6">
        <v>62</v>
      </c>
      <c r="D96" s="5">
        <v>133</v>
      </c>
    </row>
    <row r="97" spans="1:4" ht="18" customHeight="1" x14ac:dyDescent="0.15">
      <c r="A97" s="8">
        <v>75</v>
      </c>
      <c r="B97" s="21">
        <v>10</v>
      </c>
      <c r="C97" s="6">
        <v>15</v>
      </c>
      <c r="D97" s="5">
        <v>25</v>
      </c>
    </row>
    <row r="98" spans="1:4" ht="18" customHeight="1" x14ac:dyDescent="0.15">
      <c r="A98" s="8">
        <v>76</v>
      </c>
      <c r="B98" s="21">
        <v>16</v>
      </c>
      <c r="C98" s="6">
        <v>16</v>
      </c>
      <c r="D98" s="5">
        <v>32</v>
      </c>
    </row>
    <row r="99" spans="1:4" ht="18" customHeight="1" x14ac:dyDescent="0.15">
      <c r="A99" s="8">
        <v>77</v>
      </c>
      <c r="B99" s="21">
        <v>9</v>
      </c>
      <c r="C99" s="6">
        <v>12</v>
      </c>
      <c r="D99" s="5">
        <v>21</v>
      </c>
    </row>
    <row r="100" spans="1:4" ht="18" customHeight="1" x14ac:dyDescent="0.15">
      <c r="A100" s="8">
        <v>78</v>
      </c>
      <c r="B100" s="21">
        <v>16</v>
      </c>
      <c r="C100" s="6">
        <v>12</v>
      </c>
      <c r="D100" s="5">
        <v>28</v>
      </c>
    </row>
    <row r="101" spans="1:4" ht="18" customHeight="1" x14ac:dyDescent="0.15">
      <c r="A101" s="8">
        <v>79</v>
      </c>
      <c r="B101" s="21">
        <v>8</v>
      </c>
      <c r="C101" s="6">
        <v>9</v>
      </c>
      <c r="D101" s="5">
        <v>17</v>
      </c>
    </row>
    <row r="102" spans="1:4" ht="18" customHeight="1" x14ac:dyDescent="0.15">
      <c r="A102" s="8" t="s">
        <v>8</v>
      </c>
      <c r="B102" s="21">
        <v>59</v>
      </c>
      <c r="C102" s="6">
        <v>64</v>
      </c>
      <c r="D102" s="5">
        <v>123</v>
      </c>
    </row>
    <row r="103" spans="1:4" ht="18" customHeight="1" x14ac:dyDescent="0.15">
      <c r="A103" s="8">
        <v>80</v>
      </c>
      <c r="B103" s="21">
        <v>2</v>
      </c>
      <c r="C103" s="6">
        <v>3</v>
      </c>
      <c r="D103" s="5">
        <v>5</v>
      </c>
    </row>
    <row r="104" spans="1:4" ht="18" customHeight="1" x14ac:dyDescent="0.15">
      <c r="A104" s="8">
        <v>81</v>
      </c>
      <c r="B104" s="21">
        <v>8</v>
      </c>
      <c r="C104" s="6">
        <v>7</v>
      </c>
      <c r="D104" s="5">
        <v>15</v>
      </c>
    </row>
    <row r="105" spans="1:4" ht="18" customHeight="1" x14ac:dyDescent="0.15">
      <c r="A105" s="8">
        <v>82</v>
      </c>
      <c r="B105" s="21">
        <v>6</v>
      </c>
      <c r="C105" s="6">
        <v>9</v>
      </c>
      <c r="D105" s="5">
        <v>15</v>
      </c>
    </row>
    <row r="106" spans="1:4" ht="18" customHeight="1" x14ac:dyDescent="0.15">
      <c r="A106" s="8">
        <v>83</v>
      </c>
      <c r="B106" s="21">
        <v>7</v>
      </c>
      <c r="C106" s="6">
        <v>9</v>
      </c>
      <c r="D106" s="5">
        <v>16</v>
      </c>
    </row>
    <row r="107" spans="1:4" ht="18" customHeight="1" x14ac:dyDescent="0.15">
      <c r="A107" s="8">
        <v>84</v>
      </c>
      <c r="B107" s="21">
        <v>4</v>
      </c>
      <c r="C107" s="6">
        <v>13</v>
      </c>
      <c r="D107" s="5">
        <v>17</v>
      </c>
    </row>
    <row r="108" spans="1:4" ht="18" customHeight="1" x14ac:dyDescent="0.15">
      <c r="A108" s="8" t="s">
        <v>7</v>
      </c>
      <c r="B108" s="21">
        <v>27</v>
      </c>
      <c r="C108" s="6">
        <v>41</v>
      </c>
      <c r="D108" s="5">
        <v>68</v>
      </c>
    </row>
    <row r="109" spans="1:4" ht="18" customHeight="1" x14ac:dyDescent="0.15">
      <c r="A109" s="8">
        <v>85</v>
      </c>
      <c r="B109" s="21">
        <v>3</v>
      </c>
      <c r="C109" s="6">
        <v>5</v>
      </c>
      <c r="D109" s="5">
        <v>8</v>
      </c>
    </row>
    <row r="110" spans="1:4" ht="18" customHeight="1" x14ac:dyDescent="0.15">
      <c r="A110" s="8">
        <v>86</v>
      </c>
      <c r="B110" s="21">
        <v>6</v>
      </c>
      <c r="C110" s="6">
        <v>5</v>
      </c>
      <c r="D110" s="5">
        <v>11</v>
      </c>
    </row>
    <row r="111" spans="1:4" ht="18" customHeight="1" x14ac:dyDescent="0.15">
      <c r="A111" s="8">
        <v>87</v>
      </c>
      <c r="B111" s="21">
        <v>3</v>
      </c>
      <c r="C111" s="6">
        <v>2</v>
      </c>
      <c r="D111" s="5">
        <v>5</v>
      </c>
    </row>
    <row r="112" spans="1:4" ht="18" customHeight="1" x14ac:dyDescent="0.15">
      <c r="A112" s="8">
        <v>88</v>
      </c>
      <c r="B112" s="21">
        <v>4</v>
      </c>
      <c r="C112" s="6">
        <v>7</v>
      </c>
      <c r="D112" s="5">
        <v>11</v>
      </c>
    </row>
    <row r="113" spans="1:4" ht="18" customHeight="1" x14ac:dyDescent="0.15">
      <c r="A113" s="8">
        <v>89</v>
      </c>
      <c r="B113" s="21">
        <v>4</v>
      </c>
      <c r="C113" s="6">
        <v>6</v>
      </c>
      <c r="D113" s="5">
        <v>10</v>
      </c>
    </row>
    <row r="114" spans="1:4" ht="18" customHeight="1" x14ac:dyDescent="0.15">
      <c r="A114" s="8" t="s">
        <v>6</v>
      </c>
      <c r="B114" s="21">
        <v>20</v>
      </c>
      <c r="C114" s="6">
        <v>25</v>
      </c>
      <c r="D114" s="5">
        <v>45</v>
      </c>
    </row>
    <row r="115" spans="1:4" ht="18" customHeight="1" x14ac:dyDescent="0.15">
      <c r="A115" s="8">
        <v>90</v>
      </c>
      <c r="B115" s="21">
        <v>3</v>
      </c>
      <c r="C115" s="6">
        <v>9</v>
      </c>
      <c r="D115" s="5">
        <v>12</v>
      </c>
    </row>
    <row r="116" spans="1:4" ht="18" customHeight="1" x14ac:dyDescent="0.15">
      <c r="A116" s="8">
        <v>91</v>
      </c>
      <c r="B116" s="21">
        <v>2</v>
      </c>
      <c r="C116" s="6">
        <v>6</v>
      </c>
      <c r="D116" s="5">
        <v>8</v>
      </c>
    </row>
    <row r="117" spans="1:4" ht="18" customHeight="1" x14ac:dyDescent="0.15">
      <c r="A117" s="8">
        <v>92</v>
      </c>
      <c r="B117" s="21">
        <v>1</v>
      </c>
      <c r="C117" s="6">
        <v>7</v>
      </c>
      <c r="D117" s="5">
        <v>8</v>
      </c>
    </row>
    <row r="118" spans="1:4" ht="18" customHeight="1" x14ac:dyDescent="0.15">
      <c r="A118" s="8">
        <v>93</v>
      </c>
      <c r="B118" s="21">
        <v>0</v>
      </c>
      <c r="C118" s="6">
        <v>6</v>
      </c>
      <c r="D118" s="5">
        <v>6</v>
      </c>
    </row>
    <row r="119" spans="1:4" ht="18" customHeight="1" x14ac:dyDescent="0.15">
      <c r="A119" s="8">
        <v>94</v>
      </c>
      <c r="B119" s="21">
        <v>2</v>
      </c>
      <c r="C119" s="6">
        <v>2</v>
      </c>
      <c r="D119" s="5">
        <v>4</v>
      </c>
    </row>
    <row r="120" spans="1:4" ht="18" customHeight="1" x14ac:dyDescent="0.15">
      <c r="A120" s="8" t="s">
        <v>5</v>
      </c>
      <c r="B120" s="21">
        <v>8</v>
      </c>
      <c r="C120" s="6">
        <v>30</v>
      </c>
      <c r="D120" s="5">
        <v>38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1</v>
      </c>
      <c r="C122" s="6">
        <v>4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4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</v>
      </c>
      <c r="C126" s="6">
        <v>13</v>
      </c>
      <c r="D126" s="5">
        <v>14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231</v>
      </c>
      <c r="C130" s="6">
        <v>287</v>
      </c>
      <c r="D130" s="5">
        <v>518</v>
      </c>
    </row>
    <row r="131" spans="1:4" ht="18" customHeight="1" x14ac:dyDescent="0.15">
      <c r="A131" s="4" t="s">
        <v>0</v>
      </c>
      <c r="B131" s="20">
        <v>579</v>
      </c>
      <c r="C131" s="2">
        <v>592</v>
      </c>
      <c r="D131" s="1">
        <v>117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172334-A7E4-4EA5-A077-3CDB92E5C7DD}">
  <sheetPr codeName="Sheet9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1</v>
      </c>
      <c r="D5" s="30">
        <v>1</v>
      </c>
    </row>
    <row r="6" spans="1:4" ht="18" customHeight="1" x14ac:dyDescent="0.15">
      <c r="A6" s="8">
        <v>1</v>
      </c>
      <c r="B6" s="26">
        <v>3</v>
      </c>
      <c r="C6" s="6">
        <v>2</v>
      </c>
      <c r="D6" s="5">
        <v>5</v>
      </c>
    </row>
    <row r="7" spans="1:4" ht="18" customHeight="1" x14ac:dyDescent="0.15">
      <c r="A7" s="8">
        <v>2</v>
      </c>
      <c r="B7" s="26">
        <v>0</v>
      </c>
      <c r="C7" s="6">
        <v>3</v>
      </c>
      <c r="D7" s="5">
        <v>3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1</v>
      </c>
      <c r="C9" s="28">
        <v>3</v>
      </c>
      <c r="D9" s="27">
        <v>4</v>
      </c>
    </row>
    <row r="10" spans="1:4" ht="18" customHeight="1" x14ac:dyDescent="0.15">
      <c r="A10" s="8" t="s">
        <v>25</v>
      </c>
      <c r="B10" s="21">
        <v>4</v>
      </c>
      <c r="C10" s="6">
        <v>9</v>
      </c>
      <c r="D10" s="5">
        <v>13</v>
      </c>
    </row>
    <row r="11" spans="1:4" ht="18" customHeight="1" x14ac:dyDescent="0.15">
      <c r="A11" s="8">
        <v>5</v>
      </c>
      <c r="B11" s="26">
        <v>2</v>
      </c>
      <c r="C11" s="6">
        <v>3</v>
      </c>
      <c r="D11" s="5">
        <v>5</v>
      </c>
    </row>
    <row r="12" spans="1:4" ht="18" customHeight="1" x14ac:dyDescent="0.15">
      <c r="A12" s="8">
        <v>6</v>
      </c>
      <c r="B12" s="26">
        <v>1</v>
      </c>
      <c r="C12" s="6">
        <v>2</v>
      </c>
      <c r="D12" s="5">
        <v>3</v>
      </c>
    </row>
    <row r="13" spans="1:4" ht="18" customHeight="1" x14ac:dyDescent="0.15">
      <c r="A13" s="8">
        <v>7</v>
      </c>
      <c r="B13" s="26">
        <v>0</v>
      </c>
      <c r="C13" s="6">
        <v>1</v>
      </c>
      <c r="D13" s="5">
        <v>1</v>
      </c>
    </row>
    <row r="14" spans="1:4" ht="18" customHeight="1" x14ac:dyDescent="0.15">
      <c r="A14" s="8">
        <v>8</v>
      </c>
      <c r="B14" s="26">
        <v>2</v>
      </c>
      <c r="C14" s="6">
        <v>1</v>
      </c>
      <c r="D14" s="5">
        <v>3</v>
      </c>
    </row>
    <row r="15" spans="1:4" ht="18" customHeight="1" x14ac:dyDescent="0.15">
      <c r="A15" s="8">
        <v>9</v>
      </c>
      <c r="B15" s="26">
        <v>1</v>
      </c>
      <c r="C15" s="6">
        <v>1</v>
      </c>
      <c r="D15" s="5">
        <v>2</v>
      </c>
    </row>
    <row r="16" spans="1:4" ht="18" customHeight="1" x14ac:dyDescent="0.15">
      <c r="A16" s="8" t="s">
        <v>24</v>
      </c>
      <c r="B16" s="21">
        <v>6</v>
      </c>
      <c r="C16" s="6">
        <v>8</v>
      </c>
      <c r="D16" s="5">
        <v>14</v>
      </c>
    </row>
    <row r="17" spans="1:4" ht="18" customHeight="1" x14ac:dyDescent="0.15">
      <c r="A17" s="8">
        <v>10</v>
      </c>
      <c r="B17" s="21">
        <v>1</v>
      </c>
      <c r="C17" s="6">
        <v>2</v>
      </c>
      <c r="D17" s="5">
        <v>3</v>
      </c>
    </row>
    <row r="18" spans="1:4" ht="18" customHeight="1" x14ac:dyDescent="0.15">
      <c r="A18" s="8">
        <v>11</v>
      </c>
      <c r="B18" s="21">
        <v>2</v>
      </c>
      <c r="C18" s="6">
        <v>1</v>
      </c>
      <c r="D18" s="5">
        <v>3</v>
      </c>
    </row>
    <row r="19" spans="1:4" ht="18" customHeight="1" x14ac:dyDescent="0.15">
      <c r="A19" s="8">
        <v>12</v>
      </c>
      <c r="B19" s="21">
        <v>2</v>
      </c>
      <c r="C19" s="6">
        <v>1</v>
      </c>
      <c r="D19" s="5">
        <v>3</v>
      </c>
    </row>
    <row r="20" spans="1:4" ht="18" customHeight="1" x14ac:dyDescent="0.15">
      <c r="A20" s="8">
        <v>13</v>
      </c>
      <c r="B20" s="21">
        <v>4</v>
      </c>
      <c r="C20" s="6">
        <v>2</v>
      </c>
      <c r="D20" s="5">
        <v>6</v>
      </c>
    </row>
    <row r="21" spans="1:4" ht="18" customHeight="1" x14ac:dyDescent="0.15">
      <c r="A21" s="8">
        <v>14</v>
      </c>
      <c r="B21" s="21">
        <v>7</v>
      </c>
      <c r="C21" s="6">
        <v>2</v>
      </c>
      <c r="D21" s="5">
        <v>9</v>
      </c>
    </row>
    <row r="22" spans="1:4" ht="18" customHeight="1" x14ac:dyDescent="0.15">
      <c r="A22" s="8" t="s">
        <v>23</v>
      </c>
      <c r="B22" s="21">
        <v>16</v>
      </c>
      <c r="C22" s="6">
        <v>8</v>
      </c>
      <c r="D22" s="5">
        <v>24</v>
      </c>
    </row>
    <row r="23" spans="1:4" ht="18" customHeight="1" x14ac:dyDescent="0.15">
      <c r="A23" s="8" t="s">
        <v>22</v>
      </c>
      <c r="B23" s="21">
        <v>26</v>
      </c>
      <c r="C23" s="6">
        <v>25</v>
      </c>
      <c r="D23" s="5">
        <v>51</v>
      </c>
    </row>
    <row r="24" spans="1:4" ht="18" customHeight="1" x14ac:dyDescent="0.15">
      <c r="A24" s="8">
        <v>15</v>
      </c>
      <c r="B24" s="21">
        <v>7</v>
      </c>
      <c r="C24" s="6">
        <v>1</v>
      </c>
      <c r="D24" s="5">
        <v>8</v>
      </c>
    </row>
    <row r="25" spans="1:4" ht="18" customHeight="1" x14ac:dyDescent="0.15">
      <c r="A25" s="8">
        <v>16</v>
      </c>
      <c r="B25" s="21">
        <v>7</v>
      </c>
      <c r="C25" s="6">
        <v>2</v>
      </c>
      <c r="D25" s="5">
        <v>9</v>
      </c>
    </row>
    <row r="26" spans="1:4" ht="18" customHeight="1" x14ac:dyDescent="0.15">
      <c r="A26" s="8">
        <v>17</v>
      </c>
      <c r="B26" s="21">
        <v>2</v>
      </c>
      <c r="C26" s="6">
        <v>2</v>
      </c>
      <c r="D26" s="5">
        <v>4</v>
      </c>
    </row>
    <row r="27" spans="1:4" ht="18" customHeight="1" x14ac:dyDescent="0.15">
      <c r="A27" s="8">
        <v>18</v>
      </c>
      <c r="B27" s="21">
        <v>7</v>
      </c>
      <c r="C27" s="6">
        <v>2</v>
      </c>
      <c r="D27" s="5">
        <v>9</v>
      </c>
    </row>
    <row r="28" spans="1:4" ht="18" customHeight="1" x14ac:dyDescent="0.15">
      <c r="A28" s="8">
        <v>19</v>
      </c>
      <c r="B28" s="21">
        <v>7</v>
      </c>
      <c r="C28" s="6">
        <v>5</v>
      </c>
      <c r="D28" s="5">
        <v>12</v>
      </c>
    </row>
    <row r="29" spans="1:4" ht="18" customHeight="1" x14ac:dyDescent="0.15">
      <c r="A29" s="8" t="s">
        <v>21</v>
      </c>
      <c r="B29" s="21">
        <v>30</v>
      </c>
      <c r="C29" s="6">
        <v>12</v>
      </c>
      <c r="D29" s="5">
        <v>42</v>
      </c>
    </row>
    <row r="30" spans="1:4" ht="18" customHeight="1" x14ac:dyDescent="0.15">
      <c r="A30" s="8">
        <v>20</v>
      </c>
      <c r="B30" s="21">
        <v>5</v>
      </c>
      <c r="C30" s="6">
        <v>3</v>
      </c>
      <c r="D30" s="5">
        <v>8</v>
      </c>
    </row>
    <row r="31" spans="1:4" ht="18" customHeight="1" x14ac:dyDescent="0.15">
      <c r="A31" s="8">
        <v>21</v>
      </c>
      <c r="B31" s="21">
        <v>7</v>
      </c>
      <c r="C31" s="6">
        <v>5</v>
      </c>
      <c r="D31" s="5">
        <v>12</v>
      </c>
    </row>
    <row r="32" spans="1:4" ht="18" customHeight="1" x14ac:dyDescent="0.15">
      <c r="A32" s="8">
        <v>22</v>
      </c>
      <c r="B32" s="21">
        <v>5</v>
      </c>
      <c r="C32" s="6">
        <v>6</v>
      </c>
      <c r="D32" s="5">
        <v>11</v>
      </c>
    </row>
    <row r="33" spans="1:4" ht="18" customHeight="1" x14ac:dyDescent="0.15">
      <c r="A33" s="8">
        <v>23</v>
      </c>
      <c r="B33" s="21">
        <v>1</v>
      </c>
      <c r="C33" s="6">
        <v>3</v>
      </c>
      <c r="D33" s="5">
        <v>4</v>
      </c>
    </row>
    <row r="34" spans="1:4" ht="18" customHeight="1" x14ac:dyDescent="0.15">
      <c r="A34" s="8">
        <v>24</v>
      </c>
      <c r="B34" s="21">
        <v>1</v>
      </c>
      <c r="C34" s="6">
        <v>5</v>
      </c>
      <c r="D34" s="5">
        <v>6</v>
      </c>
    </row>
    <row r="35" spans="1:4" ht="18" customHeight="1" x14ac:dyDescent="0.15">
      <c r="A35" s="8" t="s">
        <v>20</v>
      </c>
      <c r="B35" s="21">
        <v>19</v>
      </c>
      <c r="C35" s="6">
        <v>22</v>
      </c>
      <c r="D35" s="5">
        <v>41</v>
      </c>
    </row>
    <row r="36" spans="1:4" ht="18" customHeight="1" x14ac:dyDescent="0.15">
      <c r="A36" s="8">
        <v>25</v>
      </c>
      <c r="B36" s="21">
        <v>3</v>
      </c>
      <c r="C36" s="6">
        <v>1</v>
      </c>
      <c r="D36" s="5">
        <v>4</v>
      </c>
    </row>
    <row r="37" spans="1:4" ht="18" customHeight="1" x14ac:dyDescent="0.15">
      <c r="A37" s="8">
        <v>26</v>
      </c>
      <c r="B37" s="21">
        <v>2</v>
      </c>
      <c r="C37" s="6">
        <v>2</v>
      </c>
      <c r="D37" s="5">
        <v>4</v>
      </c>
    </row>
    <row r="38" spans="1:4" ht="18" customHeight="1" x14ac:dyDescent="0.15">
      <c r="A38" s="8">
        <v>27</v>
      </c>
      <c r="B38" s="21">
        <v>6</v>
      </c>
      <c r="C38" s="6">
        <v>3</v>
      </c>
      <c r="D38" s="5">
        <v>9</v>
      </c>
    </row>
    <row r="39" spans="1:4" ht="18" customHeight="1" x14ac:dyDescent="0.15">
      <c r="A39" s="8">
        <v>28</v>
      </c>
      <c r="B39" s="21">
        <v>1</v>
      </c>
      <c r="C39" s="6">
        <v>1</v>
      </c>
      <c r="D39" s="5">
        <v>2</v>
      </c>
    </row>
    <row r="40" spans="1:4" ht="18" customHeight="1" x14ac:dyDescent="0.15">
      <c r="A40" s="8">
        <v>29</v>
      </c>
      <c r="B40" s="21">
        <v>4</v>
      </c>
      <c r="C40" s="6">
        <v>4</v>
      </c>
      <c r="D40" s="5">
        <v>8</v>
      </c>
    </row>
    <row r="41" spans="1:4" ht="18" customHeight="1" x14ac:dyDescent="0.15">
      <c r="A41" s="8" t="s">
        <v>19</v>
      </c>
      <c r="B41" s="21">
        <v>16</v>
      </c>
      <c r="C41" s="6">
        <v>11</v>
      </c>
      <c r="D41" s="5">
        <v>27</v>
      </c>
    </row>
    <row r="42" spans="1:4" ht="18" customHeight="1" x14ac:dyDescent="0.15">
      <c r="A42" s="8">
        <v>30</v>
      </c>
      <c r="B42" s="21">
        <v>2</v>
      </c>
      <c r="C42" s="6">
        <v>3</v>
      </c>
      <c r="D42" s="5">
        <v>5</v>
      </c>
    </row>
    <row r="43" spans="1:4" ht="18" customHeight="1" x14ac:dyDescent="0.15">
      <c r="A43" s="8">
        <v>31</v>
      </c>
      <c r="B43" s="21">
        <v>1</v>
      </c>
      <c r="C43" s="6">
        <v>5</v>
      </c>
      <c r="D43" s="5">
        <v>6</v>
      </c>
    </row>
    <row r="44" spans="1:4" ht="18" customHeight="1" x14ac:dyDescent="0.15">
      <c r="A44" s="8">
        <v>32</v>
      </c>
      <c r="B44" s="21">
        <v>1</v>
      </c>
      <c r="C44" s="6">
        <v>1</v>
      </c>
      <c r="D44" s="5">
        <v>2</v>
      </c>
    </row>
    <row r="45" spans="1:4" ht="18" customHeight="1" x14ac:dyDescent="0.15">
      <c r="A45" s="8">
        <v>33</v>
      </c>
      <c r="B45" s="21">
        <v>3</v>
      </c>
      <c r="C45" s="6">
        <v>2</v>
      </c>
      <c r="D45" s="5">
        <v>5</v>
      </c>
    </row>
    <row r="46" spans="1:4" ht="18" customHeight="1" x14ac:dyDescent="0.15">
      <c r="A46" s="8">
        <v>34</v>
      </c>
      <c r="B46" s="21">
        <v>5</v>
      </c>
      <c r="C46" s="6">
        <v>1</v>
      </c>
      <c r="D46" s="5">
        <v>6</v>
      </c>
    </row>
    <row r="47" spans="1:4" ht="18" customHeight="1" x14ac:dyDescent="0.15">
      <c r="A47" s="8" t="s">
        <v>18</v>
      </c>
      <c r="B47" s="21">
        <v>12</v>
      </c>
      <c r="C47" s="6">
        <v>12</v>
      </c>
      <c r="D47" s="5">
        <v>24</v>
      </c>
    </row>
    <row r="48" spans="1:4" ht="18" customHeight="1" x14ac:dyDescent="0.15">
      <c r="A48" s="8">
        <v>35</v>
      </c>
      <c r="B48" s="21">
        <v>2</v>
      </c>
      <c r="C48" s="6">
        <v>1</v>
      </c>
      <c r="D48" s="5">
        <v>3</v>
      </c>
    </row>
    <row r="49" spans="1:4" ht="18" customHeight="1" x14ac:dyDescent="0.15">
      <c r="A49" s="8">
        <v>36</v>
      </c>
      <c r="B49" s="21">
        <v>4</v>
      </c>
      <c r="C49" s="6">
        <v>1</v>
      </c>
      <c r="D49" s="5">
        <v>5</v>
      </c>
    </row>
    <row r="50" spans="1:4" ht="18" customHeight="1" x14ac:dyDescent="0.15">
      <c r="A50" s="8">
        <v>37</v>
      </c>
      <c r="B50" s="21">
        <v>1</v>
      </c>
      <c r="C50" s="6">
        <v>4</v>
      </c>
      <c r="D50" s="5">
        <v>5</v>
      </c>
    </row>
    <row r="51" spans="1:4" ht="18" customHeight="1" x14ac:dyDescent="0.15">
      <c r="A51" s="8">
        <v>38</v>
      </c>
      <c r="B51" s="21">
        <v>2</v>
      </c>
      <c r="C51" s="6">
        <v>0</v>
      </c>
      <c r="D51" s="5">
        <v>2</v>
      </c>
    </row>
    <row r="52" spans="1:4" ht="18" customHeight="1" x14ac:dyDescent="0.15">
      <c r="A52" s="8">
        <v>39</v>
      </c>
      <c r="B52" s="21">
        <v>4</v>
      </c>
      <c r="C52" s="6">
        <v>6</v>
      </c>
      <c r="D52" s="5">
        <v>10</v>
      </c>
    </row>
    <row r="53" spans="1:4" ht="18" customHeight="1" x14ac:dyDescent="0.15">
      <c r="A53" s="8" t="s">
        <v>17</v>
      </c>
      <c r="B53" s="21">
        <v>13</v>
      </c>
      <c r="C53" s="6">
        <v>12</v>
      </c>
      <c r="D53" s="5">
        <v>25</v>
      </c>
    </row>
    <row r="54" spans="1:4" ht="18" customHeight="1" x14ac:dyDescent="0.15">
      <c r="A54" s="8">
        <v>40</v>
      </c>
      <c r="B54" s="21">
        <v>4</v>
      </c>
      <c r="C54" s="6">
        <v>2</v>
      </c>
      <c r="D54" s="5">
        <v>6</v>
      </c>
    </row>
    <row r="55" spans="1:4" ht="18" customHeight="1" x14ac:dyDescent="0.15">
      <c r="A55" s="8">
        <v>41</v>
      </c>
      <c r="B55" s="21">
        <v>3</v>
      </c>
      <c r="C55" s="6">
        <v>6</v>
      </c>
      <c r="D55" s="5">
        <v>9</v>
      </c>
    </row>
    <row r="56" spans="1:4" ht="18" customHeight="1" x14ac:dyDescent="0.15">
      <c r="A56" s="8">
        <v>42</v>
      </c>
      <c r="B56" s="21">
        <v>8</v>
      </c>
      <c r="C56" s="6">
        <v>0</v>
      </c>
      <c r="D56" s="5">
        <v>8</v>
      </c>
    </row>
    <row r="57" spans="1:4" ht="18" customHeight="1" x14ac:dyDescent="0.15">
      <c r="A57" s="8">
        <v>43</v>
      </c>
      <c r="B57" s="21">
        <v>5</v>
      </c>
      <c r="C57" s="6">
        <v>1</v>
      </c>
      <c r="D57" s="5">
        <v>6</v>
      </c>
    </row>
    <row r="58" spans="1:4" ht="18" customHeight="1" x14ac:dyDescent="0.15">
      <c r="A58" s="8">
        <v>44</v>
      </c>
      <c r="B58" s="21">
        <v>3</v>
      </c>
      <c r="C58" s="6">
        <v>2</v>
      </c>
      <c r="D58" s="5">
        <v>5</v>
      </c>
    </row>
    <row r="59" spans="1:4" ht="18" customHeight="1" x14ac:dyDescent="0.15">
      <c r="A59" s="8" t="s">
        <v>16</v>
      </c>
      <c r="B59" s="21">
        <v>23</v>
      </c>
      <c r="C59" s="6">
        <v>11</v>
      </c>
      <c r="D59" s="5">
        <v>34</v>
      </c>
    </row>
    <row r="60" spans="1:4" ht="18" customHeight="1" x14ac:dyDescent="0.15">
      <c r="A60" s="8">
        <v>45</v>
      </c>
      <c r="B60" s="21">
        <v>6</v>
      </c>
      <c r="C60" s="6">
        <v>8</v>
      </c>
      <c r="D60" s="5">
        <v>14</v>
      </c>
    </row>
    <row r="61" spans="1:4" ht="18" customHeight="1" x14ac:dyDescent="0.15">
      <c r="A61" s="8">
        <v>46</v>
      </c>
      <c r="B61" s="21">
        <v>3</v>
      </c>
      <c r="C61" s="6">
        <v>5</v>
      </c>
      <c r="D61" s="5">
        <v>8</v>
      </c>
    </row>
    <row r="62" spans="1:4" ht="18" customHeight="1" x14ac:dyDescent="0.15">
      <c r="A62" s="8">
        <v>47</v>
      </c>
      <c r="B62" s="21">
        <v>7</v>
      </c>
      <c r="C62" s="6">
        <v>2</v>
      </c>
      <c r="D62" s="5">
        <v>9</v>
      </c>
    </row>
    <row r="63" spans="1:4" ht="18" customHeight="1" x14ac:dyDescent="0.15">
      <c r="A63" s="8">
        <v>48</v>
      </c>
      <c r="B63" s="21">
        <v>6</v>
      </c>
      <c r="C63" s="6">
        <v>2</v>
      </c>
      <c r="D63" s="5">
        <v>8</v>
      </c>
    </row>
    <row r="64" spans="1:4" ht="18" customHeight="1" x14ac:dyDescent="0.15">
      <c r="A64" s="8">
        <v>49</v>
      </c>
      <c r="B64" s="21">
        <v>10</v>
      </c>
      <c r="C64" s="6">
        <v>6</v>
      </c>
      <c r="D64" s="5">
        <v>16</v>
      </c>
    </row>
    <row r="65" spans="1:4" ht="18" customHeight="1" x14ac:dyDescent="0.15">
      <c r="A65" s="8" t="s">
        <v>15</v>
      </c>
      <c r="B65" s="21">
        <v>32</v>
      </c>
      <c r="C65" s="6">
        <v>23</v>
      </c>
      <c r="D65" s="5">
        <v>55</v>
      </c>
    </row>
    <row r="66" spans="1:4" ht="18" customHeight="1" x14ac:dyDescent="0.15">
      <c r="A66" s="8">
        <v>50</v>
      </c>
      <c r="B66" s="21">
        <v>6</v>
      </c>
      <c r="C66" s="6">
        <v>7</v>
      </c>
      <c r="D66" s="5">
        <v>13</v>
      </c>
    </row>
    <row r="67" spans="1:4" ht="18" customHeight="1" x14ac:dyDescent="0.15">
      <c r="A67" s="8">
        <v>51</v>
      </c>
      <c r="B67" s="21">
        <v>8</v>
      </c>
      <c r="C67" s="6">
        <v>5</v>
      </c>
      <c r="D67" s="5">
        <v>13</v>
      </c>
    </row>
    <row r="68" spans="1:4" ht="18" customHeight="1" x14ac:dyDescent="0.15">
      <c r="A68" s="8">
        <v>52</v>
      </c>
      <c r="B68" s="21">
        <v>8</v>
      </c>
      <c r="C68" s="6">
        <v>9</v>
      </c>
      <c r="D68" s="5">
        <v>17</v>
      </c>
    </row>
    <row r="69" spans="1:4" ht="18" customHeight="1" x14ac:dyDescent="0.15">
      <c r="A69" s="8">
        <v>53</v>
      </c>
      <c r="B69" s="21">
        <v>7</v>
      </c>
      <c r="C69" s="6">
        <v>5</v>
      </c>
      <c r="D69" s="5">
        <v>12</v>
      </c>
    </row>
    <row r="70" spans="1:4" ht="18" customHeight="1" x14ac:dyDescent="0.15">
      <c r="A70" s="8">
        <v>54</v>
      </c>
      <c r="B70" s="21">
        <v>3</v>
      </c>
      <c r="C70" s="6">
        <v>7</v>
      </c>
      <c r="D70" s="5">
        <v>10</v>
      </c>
    </row>
    <row r="71" spans="1:4" ht="18" customHeight="1" x14ac:dyDescent="0.15">
      <c r="A71" s="8" t="s">
        <v>14</v>
      </c>
      <c r="B71" s="21">
        <v>32</v>
      </c>
      <c r="C71" s="6">
        <v>33</v>
      </c>
      <c r="D71" s="5">
        <v>65</v>
      </c>
    </row>
    <row r="72" spans="1:4" ht="18" customHeight="1" x14ac:dyDescent="0.15">
      <c r="A72" s="8">
        <v>55</v>
      </c>
      <c r="B72" s="21">
        <v>6</v>
      </c>
      <c r="C72" s="6">
        <v>9</v>
      </c>
      <c r="D72" s="5">
        <v>15</v>
      </c>
    </row>
    <row r="73" spans="1:4" ht="18" customHeight="1" x14ac:dyDescent="0.15">
      <c r="A73" s="8">
        <v>56</v>
      </c>
      <c r="B73" s="21">
        <v>6</v>
      </c>
      <c r="C73" s="6">
        <v>7</v>
      </c>
      <c r="D73" s="5">
        <v>13</v>
      </c>
    </row>
    <row r="74" spans="1:4" ht="18" customHeight="1" x14ac:dyDescent="0.15">
      <c r="A74" s="8">
        <v>57</v>
      </c>
      <c r="B74" s="21">
        <v>6</v>
      </c>
      <c r="C74" s="6">
        <v>7</v>
      </c>
      <c r="D74" s="5">
        <v>13</v>
      </c>
    </row>
    <row r="75" spans="1:4" ht="18" customHeight="1" x14ac:dyDescent="0.15">
      <c r="A75" s="8">
        <v>58</v>
      </c>
      <c r="B75" s="21">
        <v>5</v>
      </c>
      <c r="C75" s="6">
        <v>3</v>
      </c>
      <c r="D75" s="5">
        <v>8</v>
      </c>
    </row>
    <row r="76" spans="1:4" ht="18" customHeight="1" x14ac:dyDescent="0.15">
      <c r="A76" s="8">
        <v>59</v>
      </c>
      <c r="B76" s="21">
        <v>5</v>
      </c>
      <c r="C76" s="6">
        <v>5</v>
      </c>
      <c r="D76" s="5">
        <v>10</v>
      </c>
    </row>
    <row r="77" spans="1:4" ht="18" customHeight="1" x14ac:dyDescent="0.15">
      <c r="A77" s="8" t="s">
        <v>13</v>
      </c>
      <c r="B77" s="21">
        <v>28</v>
      </c>
      <c r="C77" s="6">
        <v>31</v>
      </c>
      <c r="D77" s="5">
        <v>59</v>
      </c>
    </row>
    <row r="78" spans="1:4" ht="18" customHeight="1" x14ac:dyDescent="0.15">
      <c r="A78" s="8">
        <v>60</v>
      </c>
      <c r="B78" s="21">
        <v>2</v>
      </c>
      <c r="C78" s="6">
        <v>6</v>
      </c>
      <c r="D78" s="5">
        <v>8</v>
      </c>
    </row>
    <row r="79" spans="1:4" ht="18" customHeight="1" x14ac:dyDescent="0.15">
      <c r="A79" s="8">
        <v>61</v>
      </c>
      <c r="B79" s="21">
        <v>6</v>
      </c>
      <c r="C79" s="6">
        <v>3</v>
      </c>
      <c r="D79" s="5">
        <v>9</v>
      </c>
    </row>
    <row r="80" spans="1:4" ht="18" customHeight="1" x14ac:dyDescent="0.15">
      <c r="A80" s="8">
        <v>62</v>
      </c>
      <c r="B80" s="21">
        <v>6</v>
      </c>
      <c r="C80" s="6">
        <v>7</v>
      </c>
      <c r="D80" s="5">
        <v>13</v>
      </c>
    </row>
    <row r="81" spans="1:4" ht="18" customHeight="1" x14ac:dyDescent="0.15">
      <c r="A81" s="8">
        <v>63</v>
      </c>
      <c r="B81" s="21">
        <v>6</v>
      </c>
      <c r="C81" s="6">
        <v>4</v>
      </c>
      <c r="D81" s="5">
        <v>10</v>
      </c>
    </row>
    <row r="82" spans="1:4" ht="18" customHeight="1" x14ac:dyDescent="0.15">
      <c r="A82" s="8">
        <v>64</v>
      </c>
      <c r="B82" s="21">
        <v>5</v>
      </c>
      <c r="C82" s="6">
        <v>7</v>
      </c>
      <c r="D82" s="5">
        <v>12</v>
      </c>
    </row>
    <row r="83" spans="1:4" ht="18" customHeight="1" x14ac:dyDescent="0.15">
      <c r="A83" s="8" t="s">
        <v>12</v>
      </c>
      <c r="B83" s="21">
        <v>25</v>
      </c>
      <c r="C83" s="6">
        <v>27</v>
      </c>
      <c r="D83" s="5">
        <v>52</v>
      </c>
    </row>
    <row r="84" spans="1:4" ht="18" customHeight="1" x14ac:dyDescent="0.15">
      <c r="A84" s="8" t="s">
        <v>11</v>
      </c>
      <c r="B84" s="21">
        <v>230</v>
      </c>
      <c r="C84" s="6">
        <v>194</v>
      </c>
      <c r="D84" s="5">
        <v>424</v>
      </c>
    </row>
    <row r="85" spans="1:4" ht="18" customHeight="1" x14ac:dyDescent="0.15">
      <c r="A85" s="8">
        <v>65</v>
      </c>
      <c r="B85" s="21">
        <v>4</v>
      </c>
      <c r="C85" s="6">
        <v>4</v>
      </c>
      <c r="D85" s="5">
        <v>8</v>
      </c>
    </row>
    <row r="86" spans="1:4" ht="18" customHeight="1" x14ac:dyDescent="0.15">
      <c r="A86" s="8">
        <v>66</v>
      </c>
      <c r="B86" s="21">
        <v>6</v>
      </c>
      <c r="C86" s="6">
        <v>11</v>
      </c>
      <c r="D86" s="5">
        <v>17</v>
      </c>
    </row>
    <row r="87" spans="1:4" ht="18" customHeight="1" x14ac:dyDescent="0.15">
      <c r="A87" s="8">
        <v>67</v>
      </c>
      <c r="B87" s="21">
        <v>7</v>
      </c>
      <c r="C87" s="6">
        <v>4</v>
      </c>
      <c r="D87" s="5">
        <v>11</v>
      </c>
    </row>
    <row r="88" spans="1:4" ht="18" customHeight="1" x14ac:dyDescent="0.15">
      <c r="A88" s="8">
        <v>68</v>
      </c>
      <c r="B88" s="21">
        <v>4</v>
      </c>
      <c r="C88" s="6">
        <v>4</v>
      </c>
      <c r="D88" s="5">
        <v>8</v>
      </c>
    </row>
    <row r="89" spans="1:4" ht="18" customHeight="1" x14ac:dyDescent="0.15">
      <c r="A89" s="8">
        <v>69</v>
      </c>
      <c r="B89" s="21">
        <v>6</v>
      </c>
      <c r="C89" s="6">
        <v>4</v>
      </c>
      <c r="D89" s="5">
        <v>10</v>
      </c>
    </row>
    <row r="90" spans="1:4" ht="18" customHeight="1" x14ac:dyDescent="0.15">
      <c r="A90" s="8" t="s">
        <v>10</v>
      </c>
      <c r="B90" s="21">
        <v>27</v>
      </c>
      <c r="C90" s="6">
        <v>27</v>
      </c>
      <c r="D90" s="5">
        <v>54</v>
      </c>
    </row>
    <row r="91" spans="1:4" ht="18" customHeight="1" x14ac:dyDescent="0.15">
      <c r="A91" s="8">
        <v>70</v>
      </c>
      <c r="B91" s="21">
        <v>4</v>
      </c>
      <c r="C91" s="6">
        <v>10</v>
      </c>
      <c r="D91" s="5">
        <v>14</v>
      </c>
    </row>
    <row r="92" spans="1:4" ht="18" customHeight="1" x14ac:dyDescent="0.15">
      <c r="A92" s="8">
        <v>71</v>
      </c>
      <c r="B92" s="21">
        <v>10</v>
      </c>
      <c r="C92" s="6">
        <v>11</v>
      </c>
      <c r="D92" s="5">
        <v>21</v>
      </c>
    </row>
    <row r="93" spans="1:4" ht="18" customHeight="1" x14ac:dyDescent="0.15">
      <c r="A93" s="8">
        <v>72</v>
      </c>
      <c r="B93" s="21">
        <v>10</v>
      </c>
      <c r="C93" s="6">
        <v>5</v>
      </c>
      <c r="D93" s="5">
        <v>15</v>
      </c>
    </row>
    <row r="94" spans="1:4" ht="18" customHeight="1" x14ac:dyDescent="0.15">
      <c r="A94" s="8">
        <v>73</v>
      </c>
      <c r="B94" s="21">
        <v>10</v>
      </c>
      <c r="C94" s="6">
        <v>3</v>
      </c>
      <c r="D94" s="5">
        <v>13</v>
      </c>
    </row>
    <row r="95" spans="1:4" ht="18" customHeight="1" x14ac:dyDescent="0.15">
      <c r="A95" s="8">
        <v>74</v>
      </c>
      <c r="B95" s="21">
        <v>8</v>
      </c>
      <c r="C95" s="6">
        <v>9</v>
      </c>
      <c r="D95" s="5">
        <v>17</v>
      </c>
    </row>
    <row r="96" spans="1:4" ht="18" customHeight="1" x14ac:dyDescent="0.15">
      <c r="A96" s="8" t="s">
        <v>9</v>
      </c>
      <c r="B96" s="21">
        <v>42</v>
      </c>
      <c r="C96" s="6">
        <v>38</v>
      </c>
      <c r="D96" s="5">
        <v>80</v>
      </c>
    </row>
    <row r="97" spans="1:4" ht="18" customHeight="1" x14ac:dyDescent="0.15">
      <c r="A97" s="8">
        <v>75</v>
      </c>
      <c r="B97" s="21">
        <v>6</v>
      </c>
      <c r="C97" s="6">
        <v>11</v>
      </c>
      <c r="D97" s="5">
        <v>17</v>
      </c>
    </row>
    <row r="98" spans="1:4" ht="18" customHeight="1" x14ac:dyDescent="0.15">
      <c r="A98" s="8">
        <v>76</v>
      </c>
      <c r="B98" s="21">
        <v>9</v>
      </c>
      <c r="C98" s="6">
        <v>12</v>
      </c>
      <c r="D98" s="5">
        <v>21</v>
      </c>
    </row>
    <row r="99" spans="1:4" ht="18" customHeight="1" x14ac:dyDescent="0.15">
      <c r="A99" s="8">
        <v>77</v>
      </c>
      <c r="B99" s="21">
        <v>8</v>
      </c>
      <c r="C99" s="6">
        <v>13</v>
      </c>
      <c r="D99" s="5">
        <v>21</v>
      </c>
    </row>
    <row r="100" spans="1:4" ht="18" customHeight="1" x14ac:dyDescent="0.15">
      <c r="A100" s="8">
        <v>78</v>
      </c>
      <c r="B100" s="21">
        <v>8</v>
      </c>
      <c r="C100" s="6">
        <v>20</v>
      </c>
      <c r="D100" s="5">
        <v>28</v>
      </c>
    </row>
    <row r="101" spans="1:4" ht="18" customHeight="1" x14ac:dyDescent="0.15">
      <c r="A101" s="8">
        <v>79</v>
      </c>
      <c r="B101" s="21">
        <v>11</v>
      </c>
      <c r="C101" s="6">
        <v>7</v>
      </c>
      <c r="D101" s="5">
        <v>18</v>
      </c>
    </row>
    <row r="102" spans="1:4" ht="18" customHeight="1" x14ac:dyDescent="0.15">
      <c r="A102" s="8" t="s">
        <v>8</v>
      </c>
      <c r="B102" s="21">
        <v>42</v>
      </c>
      <c r="C102" s="6">
        <v>63</v>
      </c>
      <c r="D102" s="5">
        <v>105</v>
      </c>
    </row>
    <row r="103" spans="1:4" ht="18" customHeight="1" x14ac:dyDescent="0.15">
      <c r="A103" s="8">
        <v>80</v>
      </c>
      <c r="B103" s="21">
        <v>3</v>
      </c>
      <c r="C103" s="6">
        <v>4</v>
      </c>
      <c r="D103" s="5">
        <v>7</v>
      </c>
    </row>
    <row r="104" spans="1:4" ht="18" customHeight="1" x14ac:dyDescent="0.15">
      <c r="A104" s="8">
        <v>81</v>
      </c>
      <c r="B104" s="21">
        <v>9</v>
      </c>
      <c r="C104" s="6">
        <v>7</v>
      </c>
      <c r="D104" s="5">
        <v>16</v>
      </c>
    </row>
    <row r="105" spans="1:4" ht="18" customHeight="1" x14ac:dyDescent="0.15">
      <c r="A105" s="8">
        <v>82</v>
      </c>
      <c r="B105" s="21">
        <v>4</v>
      </c>
      <c r="C105" s="6">
        <v>9</v>
      </c>
      <c r="D105" s="5">
        <v>13</v>
      </c>
    </row>
    <row r="106" spans="1:4" ht="18" customHeight="1" x14ac:dyDescent="0.15">
      <c r="A106" s="8">
        <v>83</v>
      </c>
      <c r="B106" s="21">
        <v>4</v>
      </c>
      <c r="C106" s="6">
        <v>8</v>
      </c>
      <c r="D106" s="5">
        <v>12</v>
      </c>
    </row>
    <row r="107" spans="1:4" ht="18" customHeight="1" x14ac:dyDescent="0.15">
      <c r="A107" s="8">
        <v>84</v>
      </c>
      <c r="B107" s="21">
        <v>5</v>
      </c>
      <c r="C107" s="6">
        <v>6</v>
      </c>
      <c r="D107" s="5">
        <v>11</v>
      </c>
    </row>
    <row r="108" spans="1:4" ht="18" customHeight="1" x14ac:dyDescent="0.15">
      <c r="A108" s="8" t="s">
        <v>7</v>
      </c>
      <c r="B108" s="21">
        <v>25</v>
      </c>
      <c r="C108" s="6">
        <v>34</v>
      </c>
      <c r="D108" s="5">
        <v>59</v>
      </c>
    </row>
    <row r="109" spans="1:4" ht="18" customHeight="1" x14ac:dyDescent="0.15">
      <c r="A109" s="8">
        <v>85</v>
      </c>
      <c r="B109" s="21">
        <v>0</v>
      </c>
      <c r="C109" s="6">
        <v>1</v>
      </c>
      <c r="D109" s="5">
        <v>1</v>
      </c>
    </row>
    <row r="110" spans="1:4" ht="18" customHeight="1" x14ac:dyDescent="0.15">
      <c r="A110" s="8">
        <v>86</v>
      </c>
      <c r="B110" s="21">
        <v>5</v>
      </c>
      <c r="C110" s="6">
        <v>6</v>
      </c>
      <c r="D110" s="5">
        <v>11</v>
      </c>
    </row>
    <row r="111" spans="1:4" ht="18" customHeight="1" x14ac:dyDescent="0.15">
      <c r="A111" s="8">
        <v>87</v>
      </c>
      <c r="B111" s="21">
        <v>1</v>
      </c>
      <c r="C111" s="6">
        <v>11</v>
      </c>
      <c r="D111" s="5">
        <v>12</v>
      </c>
    </row>
    <row r="112" spans="1:4" ht="18" customHeight="1" x14ac:dyDescent="0.15">
      <c r="A112" s="8">
        <v>88</v>
      </c>
      <c r="B112" s="21">
        <v>2</v>
      </c>
      <c r="C112" s="6">
        <v>3</v>
      </c>
      <c r="D112" s="5">
        <v>5</v>
      </c>
    </row>
    <row r="113" spans="1:4" ht="18" customHeight="1" x14ac:dyDescent="0.15">
      <c r="A113" s="8">
        <v>89</v>
      </c>
      <c r="B113" s="21">
        <v>4</v>
      </c>
      <c r="C113" s="6">
        <v>3</v>
      </c>
      <c r="D113" s="5">
        <v>7</v>
      </c>
    </row>
    <row r="114" spans="1:4" ht="18" customHeight="1" x14ac:dyDescent="0.15">
      <c r="A114" s="8" t="s">
        <v>6</v>
      </c>
      <c r="B114" s="21">
        <v>12</v>
      </c>
      <c r="C114" s="6">
        <v>24</v>
      </c>
      <c r="D114" s="5">
        <v>36</v>
      </c>
    </row>
    <row r="115" spans="1:4" ht="18" customHeight="1" x14ac:dyDescent="0.15">
      <c r="A115" s="8">
        <v>90</v>
      </c>
      <c r="B115" s="21">
        <v>3</v>
      </c>
      <c r="C115" s="6">
        <v>6</v>
      </c>
      <c r="D115" s="5">
        <v>9</v>
      </c>
    </row>
    <row r="116" spans="1:4" ht="18" customHeight="1" x14ac:dyDescent="0.15">
      <c r="A116" s="8">
        <v>91</v>
      </c>
      <c r="B116" s="21">
        <v>2</v>
      </c>
      <c r="C116" s="6">
        <v>2</v>
      </c>
      <c r="D116" s="5">
        <v>4</v>
      </c>
    </row>
    <row r="117" spans="1:4" ht="18" customHeight="1" x14ac:dyDescent="0.15">
      <c r="A117" s="8">
        <v>92</v>
      </c>
      <c r="B117" s="21">
        <v>3</v>
      </c>
      <c r="C117" s="6">
        <v>2</v>
      </c>
      <c r="D117" s="5">
        <v>5</v>
      </c>
    </row>
    <row r="118" spans="1:4" ht="18" customHeight="1" x14ac:dyDescent="0.15">
      <c r="A118" s="8">
        <v>93</v>
      </c>
      <c r="B118" s="21">
        <v>1</v>
      </c>
      <c r="C118" s="6">
        <v>4</v>
      </c>
      <c r="D118" s="5">
        <v>5</v>
      </c>
    </row>
    <row r="119" spans="1:4" ht="18" customHeight="1" x14ac:dyDescent="0.15">
      <c r="A119" s="8">
        <v>94</v>
      </c>
      <c r="B119" s="21">
        <v>0</v>
      </c>
      <c r="C119" s="6">
        <v>3</v>
      </c>
      <c r="D119" s="5">
        <v>3</v>
      </c>
    </row>
    <row r="120" spans="1:4" ht="18" customHeight="1" x14ac:dyDescent="0.15">
      <c r="A120" s="8" t="s">
        <v>5</v>
      </c>
      <c r="B120" s="21">
        <v>9</v>
      </c>
      <c r="C120" s="6">
        <v>17</v>
      </c>
      <c r="D120" s="5">
        <v>26</v>
      </c>
    </row>
    <row r="121" spans="1:4" ht="18" customHeight="1" x14ac:dyDescent="0.15">
      <c r="A121" s="8">
        <v>95</v>
      </c>
      <c r="B121" s="21">
        <v>2</v>
      </c>
      <c r="C121" s="6">
        <v>3</v>
      </c>
      <c r="D121" s="5">
        <v>5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3</v>
      </c>
      <c r="C126" s="6">
        <v>6</v>
      </c>
      <c r="D126" s="5">
        <v>9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160</v>
      </c>
      <c r="C130" s="6">
        <v>212</v>
      </c>
      <c r="D130" s="5">
        <v>372</v>
      </c>
    </row>
    <row r="131" spans="1:4" ht="18" customHeight="1" x14ac:dyDescent="0.15">
      <c r="A131" s="4" t="s">
        <v>0</v>
      </c>
      <c r="B131" s="20">
        <v>416</v>
      </c>
      <c r="C131" s="2">
        <v>431</v>
      </c>
      <c r="D131" s="1">
        <v>8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240BAA-D870-4B27-BE98-A0745F00672C}">
  <sheetPr codeName="Sheet9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0</v>
      </c>
      <c r="D5" s="30">
        <v>1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1</v>
      </c>
      <c r="C7" s="6">
        <v>0</v>
      </c>
      <c r="D7" s="5">
        <v>1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1</v>
      </c>
      <c r="D9" s="27">
        <v>1</v>
      </c>
    </row>
    <row r="10" spans="1:4" ht="18" customHeight="1" x14ac:dyDescent="0.15">
      <c r="A10" s="8" t="s">
        <v>25</v>
      </c>
      <c r="B10" s="21">
        <v>2</v>
      </c>
      <c r="C10" s="6">
        <v>1</v>
      </c>
      <c r="D10" s="5">
        <v>3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1</v>
      </c>
      <c r="C16" s="6">
        <v>1</v>
      </c>
      <c r="D16" s="5">
        <v>2</v>
      </c>
    </row>
    <row r="17" spans="1:4" ht="18" customHeight="1" x14ac:dyDescent="0.15">
      <c r="A17" s="8">
        <v>10</v>
      </c>
      <c r="B17" s="21">
        <v>1</v>
      </c>
      <c r="C17" s="6">
        <v>2</v>
      </c>
      <c r="D17" s="5">
        <v>3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0</v>
      </c>
      <c r="C19" s="6">
        <v>0</v>
      </c>
      <c r="D19" s="5">
        <v>0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0</v>
      </c>
      <c r="C21" s="6">
        <v>0</v>
      </c>
      <c r="D21" s="5">
        <v>0</v>
      </c>
    </row>
    <row r="22" spans="1:4" ht="18" customHeight="1" x14ac:dyDescent="0.15">
      <c r="A22" s="8" t="s">
        <v>23</v>
      </c>
      <c r="B22" s="21">
        <v>1</v>
      </c>
      <c r="C22" s="6">
        <v>2</v>
      </c>
      <c r="D22" s="5">
        <v>3</v>
      </c>
    </row>
    <row r="23" spans="1:4" ht="18" customHeight="1" x14ac:dyDescent="0.15">
      <c r="A23" s="8" t="s">
        <v>22</v>
      </c>
      <c r="B23" s="21">
        <v>4</v>
      </c>
      <c r="C23" s="6">
        <v>4</v>
      </c>
      <c r="D23" s="5">
        <v>8</v>
      </c>
    </row>
    <row r="24" spans="1:4" ht="18" customHeight="1" x14ac:dyDescent="0.15">
      <c r="A24" s="8">
        <v>15</v>
      </c>
      <c r="B24" s="21">
        <v>1</v>
      </c>
      <c r="C24" s="6">
        <v>0</v>
      </c>
      <c r="D24" s="5">
        <v>1</v>
      </c>
    </row>
    <row r="25" spans="1:4" ht="18" customHeight="1" x14ac:dyDescent="0.15">
      <c r="A25" s="8">
        <v>16</v>
      </c>
      <c r="B25" s="21">
        <v>0</v>
      </c>
      <c r="C25" s="6">
        <v>0</v>
      </c>
      <c r="D25" s="5">
        <v>0</v>
      </c>
    </row>
    <row r="26" spans="1:4" ht="18" customHeight="1" x14ac:dyDescent="0.15">
      <c r="A26" s="8">
        <v>17</v>
      </c>
      <c r="B26" s="21">
        <v>1</v>
      </c>
      <c r="C26" s="6">
        <v>0</v>
      </c>
      <c r="D26" s="5">
        <v>1</v>
      </c>
    </row>
    <row r="27" spans="1:4" ht="18" customHeight="1" x14ac:dyDescent="0.15">
      <c r="A27" s="8">
        <v>18</v>
      </c>
      <c r="B27" s="21">
        <v>0</v>
      </c>
      <c r="C27" s="6">
        <v>2</v>
      </c>
      <c r="D27" s="5">
        <v>2</v>
      </c>
    </row>
    <row r="28" spans="1:4" ht="18" customHeight="1" x14ac:dyDescent="0.15">
      <c r="A28" s="8">
        <v>19</v>
      </c>
      <c r="B28" s="21">
        <v>0</v>
      </c>
      <c r="C28" s="6">
        <v>1</v>
      </c>
      <c r="D28" s="5">
        <v>1</v>
      </c>
    </row>
    <row r="29" spans="1:4" ht="18" customHeight="1" x14ac:dyDescent="0.15">
      <c r="A29" s="8" t="s">
        <v>21</v>
      </c>
      <c r="B29" s="21">
        <v>2</v>
      </c>
      <c r="C29" s="6">
        <v>3</v>
      </c>
      <c r="D29" s="5">
        <v>5</v>
      </c>
    </row>
    <row r="30" spans="1:4" ht="18" customHeight="1" x14ac:dyDescent="0.15">
      <c r="A30" s="8">
        <v>20</v>
      </c>
      <c r="B30" s="21">
        <v>1</v>
      </c>
      <c r="C30" s="6">
        <v>0</v>
      </c>
      <c r="D30" s="5">
        <v>1</v>
      </c>
    </row>
    <row r="31" spans="1:4" ht="18" customHeight="1" x14ac:dyDescent="0.15">
      <c r="A31" s="8">
        <v>21</v>
      </c>
      <c r="B31" s="21">
        <v>0</v>
      </c>
      <c r="C31" s="6">
        <v>0</v>
      </c>
      <c r="D31" s="5">
        <v>0</v>
      </c>
    </row>
    <row r="32" spans="1:4" ht="18" customHeight="1" x14ac:dyDescent="0.15">
      <c r="A32" s="8">
        <v>22</v>
      </c>
      <c r="B32" s="21">
        <v>0</v>
      </c>
      <c r="C32" s="6">
        <v>1</v>
      </c>
      <c r="D32" s="5">
        <v>1</v>
      </c>
    </row>
    <row r="33" spans="1:4" ht="18" customHeight="1" x14ac:dyDescent="0.15">
      <c r="A33" s="8">
        <v>23</v>
      </c>
      <c r="B33" s="21">
        <v>0</v>
      </c>
      <c r="C33" s="6">
        <v>0</v>
      </c>
      <c r="D33" s="5">
        <v>0</v>
      </c>
    </row>
    <row r="34" spans="1:4" ht="18" customHeight="1" x14ac:dyDescent="0.15">
      <c r="A34" s="8">
        <v>24</v>
      </c>
      <c r="B34" s="21">
        <v>0</v>
      </c>
      <c r="C34" s="6">
        <v>0</v>
      </c>
      <c r="D34" s="5">
        <v>0</v>
      </c>
    </row>
    <row r="35" spans="1:4" ht="18" customHeight="1" x14ac:dyDescent="0.15">
      <c r="A35" s="8" t="s">
        <v>20</v>
      </c>
      <c r="B35" s="21">
        <v>1</v>
      </c>
      <c r="C35" s="6">
        <v>1</v>
      </c>
      <c r="D35" s="5">
        <v>2</v>
      </c>
    </row>
    <row r="36" spans="1:4" ht="18" customHeight="1" x14ac:dyDescent="0.15">
      <c r="A36" s="8">
        <v>25</v>
      </c>
      <c r="B36" s="21">
        <v>0</v>
      </c>
      <c r="C36" s="6">
        <v>0</v>
      </c>
      <c r="D36" s="5">
        <v>0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2</v>
      </c>
      <c r="C39" s="6">
        <v>0</v>
      </c>
      <c r="D39" s="5">
        <v>2</v>
      </c>
    </row>
    <row r="40" spans="1:4" ht="18" customHeight="1" x14ac:dyDescent="0.15">
      <c r="A40" s="8">
        <v>29</v>
      </c>
      <c r="B40" s="21">
        <v>1</v>
      </c>
      <c r="C40" s="6">
        <v>0</v>
      </c>
      <c r="D40" s="5">
        <v>1</v>
      </c>
    </row>
    <row r="41" spans="1:4" ht="18" customHeight="1" x14ac:dyDescent="0.15">
      <c r="A41" s="8" t="s">
        <v>19</v>
      </c>
      <c r="B41" s="21">
        <v>3</v>
      </c>
      <c r="C41" s="6">
        <v>0</v>
      </c>
      <c r="D41" s="5">
        <v>3</v>
      </c>
    </row>
    <row r="42" spans="1:4" ht="18" customHeight="1" x14ac:dyDescent="0.15">
      <c r="A42" s="8">
        <v>30</v>
      </c>
      <c r="B42" s="21">
        <v>2</v>
      </c>
      <c r="C42" s="6">
        <v>0</v>
      </c>
      <c r="D42" s="5">
        <v>2</v>
      </c>
    </row>
    <row r="43" spans="1:4" ht="18" customHeight="1" x14ac:dyDescent="0.15">
      <c r="A43" s="8">
        <v>31</v>
      </c>
      <c r="B43" s="21">
        <v>0</v>
      </c>
      <c r="C43" s="6">
        <v>2</v>
      </c>
      <c r="D43" s="5">
        <v>2</v>
      </c>
    </row>
    <row r="44" spans="1:4" ht="18" customHeight="1" x14ac:dyDescent="0.15">
      <c r="A44" s="8">
        <v>32</v>
      </c>
      <c r="B44" s="21">
        <v>0</v>
      </c>
      <c r="C44" s="6">
        <v>1</v>
      </c>
      <c r="D44" s="5">
        <v>1</v>
      </c>
    </row>
    <row r="45" spans="1:4" ht="18" customHeight="1" x14ac:dyDescent="0.15">
      <c r="A45" s="8">
        <v>33</v>
      </c>
      <c r="B45" s="21">
        <v>1</v>
      </c>
      <c r="C45" s="6">
        <v>2</v>
      </c>
      <c r="D45" s="5">
        <v>3</v>
      </c>
    </row>
    <row r="46" spans="1:4" ht="18" customHeight="1" x14ac:dyDescent="0.15">
      <c r="A46" s="8">
        <v>34</v>
      </c>
      <c r="B46" s="21">
        <v>2</v>
      </c>
      <c r="C46" s="6">
        <v>0</v>
      </c>
      <c r="D46" s="5">
        <v>2</v>
      </c>
    </row>
    <row r="47" spans="1:4" ht="18" customHeight="1" x14ac:dyDescent="0.15">
      <c r="A47" s="8" t="s">
        <v>18</v>
      </c>
      <c r="B47" s="21">
        <v>5</v>
      </c>
      <c r="C47" s="6">
        <v>5</v>
      </c>
      <c r="D47" s="5">
        <v>10</v>
      </c>
    </row>
    <row r="48" spans="1:4" ht="18" customHeight="1" x14ac:dyDescent="0.15">
      <c r="A48" s="8">
        <v>35</v>
      </c>
      <c r="B48" s="21">
        <v>0</v>
      </c>
      <c r="C48" s="6">
        <v>1</v>
      </c>
      <c r="D48" s="5">
        <v>1</v>
      </c>
    </row>
    <row r="49" spans="1:4" ht="18" customHeight="1" x14ac:dyDescent="0.15">
      <c r="A49" s="8">
        <v>36</v>
      </c>
      <c r="B49" s="21">
        <v>1</v>
      </c>
      <c r="C49" s="6">
        <v>0</v>
      </c>
      <c r="D49" s="5">
        <v>1</v>
      </c>
    </row>
    <row r="50" spans="1:4" ht="18" customHeight="1" x14ac:dyDescent="0.15">
      <c r="A50" s="8">
        <v>37</v>
      </c>
      <c r="B50" s="21">
        <v>1</v>
      </c>
      <c r="C50" s="6">
        <v>0</v>
      </c>
      <c r="D50" s="5">
        <v>1</v>
      </c>
    </row>
    <row r="51" spans="1:4" ht="18" customHeight="1" x14ac:dyDescent="0.15">
      <c r="A51" s="8">
        <v>38</v>
      </c>
      <c r="B51" s="21">
        <v>1</v>
      </c>
      <c r="C51" s="6">
        <v>0</v>
      </c>
      <c r="D51" s="5">
        <v>1</v>
      </c>
    </row>
    <row r="52" spans="1:4" ht="18" customHeight="1" x14ac:dyDescent="0.15">
      <c r="A52" s="8">
        <v>39</v>
      </c>
      <c r="B52" s="21">
        <v>1</v>
      </c>
      <c r="C52" s="6">
        <v>1</v>
      </c>
      <c r="D52" s="5">
        <v>2</v>
      </c>
    </row>
    <row r="53" spans="1:4" ht="18" customHeight="1" x14ac:dyDescent="0.15">
      <c r="A53" s="8" t="s">
        <v>17</v>
      </c>
      <c r="B53" s="21">
        <v>4</v>
      </c>
      <c r="C53" s="6">
        <v>2</v>
      </c>
      <c r="D53" s="5">
        <v>6</v>
      </c>
    </row>
    <row r="54" spans="1:4" ht="18" customHeight="1" x14ac:dyDescent="0.15">
      <c r="A54" s="8">
        <v>40</v>
      </c>
      <c r="B54" s="21">
        <v>3</v>
      </c>
      <c r="C54" s="6">
        <v>1</v>
      </c>
      <c r="D54" s="5">
        <v>4</v>
      </c>
    </row>
    <row r="55" spans="1:4" ht="18" customHeight="1" x14ac:dyDescent="0.15">
      <c r="A55" s="8">
        <v>41</v>
      </c>
      <c r="B55" s="21">
        <v>1</v>
      </c>
      <c r="C55" s="6">
        <v>0</v>
      </c>
      <c r="D55" s="5">
        <v>1</v>
      </c>
    </row>
    <row r="56" spans="1:4" ht="18" customHeight="1" x14ac:dyDescent="0.15">
      <c r="A56" s="8">
        <v>42</v>
      </c>
      <c r="B56" s="21">
        <v>0</v>
      </c>
      <c r="C56" s="6">
        <v>0</v>
      </c>
      <c r="D56" s="5">
        <v>0</v>
      </c>
    </row>
    <row r="57" spans="1:4" ht="18" customHeight="1" x14ac:dyDescent="0.15">
      <c r="A57" s="8">
        <v>43</v>
      </c>
      <c r="B57" s="21">
        <v>0</v>
      </c>
      <c r="C57" s="6">
        <v>1</v>
      </c>
      <c r="D57" s="5">
        <v>1</v>
      </c>
    </row>
    <row r="58" spans="1:4" ht="18" customHeight="1" x14ac:dyDescent="0.15">
      <c r="A58" s="8">
        <v>44</v>
      </c>
      <c r="B58" s="21">
        <v>1</v>
      </c>
      <c r="C58" s="6">
        <v>0</v>
      </c>
      <c r="D58" s="5">
        <v>1</v>
      </c>
    </row>
    <row r="59" spans="1:4" ht="18" customHeight="1" x14ac:dyDescent="0.15">
      <c r="A59" s="8" t="s">
        <v>16</v>
      </c>
      <c r="B59" s="21">
        <v>5</v>
      </c>
      <c r="C59" s="6">
        <v>2</v>
      </c>
      <c r="D59" s="5">
        <v>7</v>
      </c>
    </row>
    <row r="60" spans="1:4" ht="18" customHeight="1" x14ac:dyDescent="0.15">
      <c r="A60" s="8">
        <v>45</v>
      </c>
      <c r="B60" s="21">
        <v>0</v>
      </c>
      <c r="C60" s="6">
        <v>1</v>
      </c>
      <c r="D60" s="5">
        <v>1</v>
      </c>
    </row>
    <row r="61" spans="1:4" ht="18" customHeight="1" x14ac:dyDescent="0.15">
      <c r="A61" s="8">
        <v>46</v>
      </c>
      <c r="B61" s="21">
        <v>1</v>
      </c>
      <c r="C61" s="6">
        <v>2</v>
      </c>
      <c r="D61" s="5">
        <v>3</v>
      </c>
    </row>
    <row r="62" spans="1:4" ht="18" customHeight="1" x14ac:dyDescent="0.15">
      <c r="A62" s="8">
        <v>47</v>
      </c>
      <c r="B62" s="21">
        <v>0</v>
      </c>
      <c r="C62" s="6">
        <v>1</v>
      </c>
      <c r="D62" s="5">
        <v>1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1</v>
      </c>
      <c r="C64" s="6">
        <v>0</v>
      </c>
      <c r="D64" s="5">
        <v>1</v>
      </c>
    </row>
    <row r="65" spans="1:4" ht="18" customHeight="1" x14ac:dyDescent="0.15">
      <c r="A65" s="8" t="s">
        <v>15</v>
      </c>
      <c r="B65" s="21">
        <v>2</v>
      </c>
      <c r="C65" s="6">
        <v>4</v>
      </c>
      <c r="D65" s="5">
        <v>6</v>
      </c>
    </row>
    <row r="66" spans="1:4" ht="18" customHeight="1" x14ac:dyDescent="0.15">
      <c r="A66" s="8">
        <v>50</v>
      </c>
      <c r="B66" s="21">
        <v>1</v>
      </c>
      <c r="C66" s="6">
        <v>1</v>
      </c>
      <c r="D66" s="5">
        <v>2</v>
      </c>
    </row>
    <row r="67" spans="1:4" ht="18" customHeight="1" x14ac:dyDescent="0.15">
      <c r="A67" s="8">
        <v>51</v>
      </c>
      <c r="B67" s="21">
        <v>0</v>
      </c>
      <c r="C67" s="6">
        <v>0</v>
      </c>
      <c r="D67" s="5">
        <v>0</v>
      </c>
    </row>
    <row r="68" spans="1:4" ht="18" customHeight="1" x14ac:dyDescent="0.15">
      <c r="A68" s="8">
        <v>52</v>
      </c>
      <c r="B68" s="21">
        <v>1</v>
      </c>
      <c r="C68" s="6">
        <v>2</v>
      </c>
      <c r="D68" s="5">
        <v>3</v>
      </c>
    </row>
    <row r="69" spans="1:4" ht="18" customHeight="1" x14ac:dyDescent="0.15">
      <c r="A69" s="8">
        <v>53</v>
      </c>
      <c r="B69" s="21">
        <v>3</v>
      </c>
      <c r="C69" s="6">
        <v>2</v>
      </c>
      <c r="D69" s="5">
        <v>5</v>
      </c>
    </row>
    <row r="70" spans="1:4" ht="18" customHeight="1" x14ac:dyDescent="0.15">
      <c r="A70" s="8">
        <v>54</v>
      </c>
      <c r="B70" s="21">
        <v>1</v>
      </c>
      <c r="C70" s="6">
        <v>4</v>
      </c>
      <c r="D70" s="5">
        <v>5</v>
      </c>
    </row>
    <row r="71" spans="1:4" ht="18" customHeight="1" x14ac:dyDescent="0.15">
      <c r="A71" s="8" t="s">
        <v>14</v>
      </c>
      <c r="B71" s="21">
        <v>6</v>
      </c>
      <c r="C71" s="6">
        <v>9</v>
      </c>
      <c r="D71" s="5">
        <v>15</v>
      </c>
    </row>
    <row r="72" spans="1:4" ht="18" customHeight="1" x14ac:dyDescent="0.15">
      <c r="A72" s="8">
        <v>55</v>
      </c>
      <c r="B72" s="21">
        <v>0</v>
      </c>
      <c r="C72" s="6">
        <v>1</v>
      </c>
      <c r="D72" s="5">
        <v>1</v>
      </c>
    </row>
    <row r="73" spans="1:4" ht="18" customHeight="1" x14ac:dyDescent="0.15">
      <c r="A73" s="8">
        <v>56</v>
      </c>
      <c r="B73" s="21">
        <v>3</v>
      </c>
      <c r="C73" s="6">
        <v>2</v>
      </c>
      <c r="D73" s="5">
        <v>5</v>
      </c>
    </row>
    <row r="74" spans="1:4" ht="18" customHeight="1" x14ac:dyDescent="0.15">
      <c r="A74" s="8">
        <v>57</v>
      </c>
      <c r="B74" s="21">
        <v>2</v>
      </c>
      <c r="C74" s="6">
        <v>1</v>
      </c>
      <c r="D74" s="5">
        <v>3</v>
      </c>
    </row>
    <row r="75" spans="1:4" ht="18" customHeight="1" x14ac:dyDescent="0.15">
      <c r="A75" s="8">
        <v>58</v>
      </c>
      <c r="B75" s="21">
        <v>1</v>
      </c>
      <c r="C75" s="6">
        <v>4</v>
      </c>
      <c r="D75" s="5">
        <v>5</v>
      </c>
    </row>
    <row r="76" spans="1:4" ht="18" customHeight="1" x14ac:dyDescent="0.15">
      <c r="A76" s="8">
        <v>59</v>
      </c>
      <c r="B76" s="21">
        <v>0</v>
      </c>
      <c r="C76" s="6">
        <v>2</v>
      </c>
      <c r="D76" s="5">
        <v>2</v>
      </c>
    </row>
    <row r="77" spans="1:4" ht="18" customHeight="1" x14ac:dyDescent="0.15">
      <c r="A77" s="8" t="s">
        <v>13</v>
      </c>
      <c r="B77" s="21">
        <v>6</v>
      </c>
      <c r="C77" s="6">
        <v>10</v>
      </c>
      <c r="D77" s="5">
        <v>16</v>
      </c>
    </row>
    <row r="78" spans="1:4" ht="18" customHeight="1" x14ac:dyDescent="0.15">
      <c r="A78" s="8">
        <v>60</v>
      </c>
      <c r="B78" s="21">
        <v>0</v>
      </c>
      <c r="C78" s="6">
        <v>2</v>
      </c>
      <c r="D78" s="5">
        <v>2</v>
      </c>
    </row>
    <row r="79" spans="1:4" ht="18" customHeight="1" x14ac:dyDescent="0.15">
      <c r="A79" s="8">
        <v>61</v>
      </c>
      <c r="B79" s="21">
        <v>1</v>
      </c>
      <c r="C79" s="6">
        <v>1</v>
      </c>
      <c r="D79" s="5">
        <v>2</v>
      </c>
    </row>
    <row r="80" spans="1:4" ht="18" customHeight="1" x14ac:dyDescent="0.15">
      <c r="A80" s="8">
        <v>62</v>
      </c>
      <c r="B80" s="21">
        <v>2</v>
      </c>
      <c r="C80" s="6">
        <v>1</v>
      </c>
      <c r="D80" s="5">
        <v>3</v>
      </c>
    </row>
    <row r="81" spans="1:4" ht="18" customHeight="1" x14ac:dyDescent="0.15">
      <c r="A81" s="8">
        <v>63</v>
      </c>
      <c r="B81" s="21">
        <v>3</v>
      </c>
      <c r="C81" s="6">
        <v>1</v>
      </c>
      <c r="D81" s="5">
        <v>4</v>
      </c>
    </row>
    <row r="82" spans="1:4" ht="18" customHeight="1" x14ac:dyDescent="0.15">
      <c r="A82" s="8">
        <v>64</v>
      </c>
      <c r="B82" s="21">
        <v>1</v>
      </c>
      <c r="C82" s="6">
        <v>1</v>
      </c>
      <c r="D82" s="5">
        <v>2</v>
      </c>
    </row>
    <row r="83" spans="1:4" ht="18" customHeight="1" x14ac:dyDescent="0.15">
      <c r="A83" s="8" t="s">
        <v>12</v>
      </c>
      <c r="B83" s="21">
        <v>7</v>
      </c>
      <c r="C83" s="6">
        <v>6</v>
      </c>
      <c r="D83" s="5">
        <v>13</v>
      </c>
    </row>
    <row r="84" spans="1:4" ht="18" customHeight="1" x14ac:dyDescent="0.15">
      <c r="A84" s="8" t="s">
        <v>11</v>
      </c>
      <c r="B84" s="21">
        <v>41</v>
      </c>
      <c r="C84" s="6">
        <v>42</v>
      </c>
      <c r="D84" s="5">
        <v>83</v>
      </c>
    </row>
    <row r="85" spans="1:4" ht="18" customHeight="1" x14ac:dyDescent="0.15">
      <c r="A85" s="8">
        <v>65</v>
      </c>
      <c r="B85" s="21">
        <v>1</v>
      </c>
      <c r="C85" s="6">
        <v>2</v>
      </c>
      <c r="D85" s="5">
        <v>3</v>
      </c>
    </row>
    <row r="86" spans="1:4" ht="18" customHeight="1" x14ac:dyDescent="0.15">
      <c r="A86" s="8">
        <v>66</v>
      </c>
      <c r="B86" s="21">
        <v>1</v>
      </c>
      <c r="C86" s="6">
        <v>2</v>
      </c>
      <c r="D86" s="5">
        <v>3</v>
      </c>
    </row>
    <row r="87" spans="1:4" ht="18" customHeight="1" x14ac:dyDescent="0.15">
      <c r="A87" s="8">
        <v>67</v>
      </c>
      <c r="B87" s="21">
        <v>4</v>
      </c>
      <c r="C87" s="6">
        <v>3</v>
      </c>
      <c r="D87" s="5">
        <v>7</v>
      </c>
    </row>
    <row r="88" spans="1:4" ht="18" customHeight="1" x14ac:dyDescent="0.15">
      <c r="A88" s="8">
        <v>68</v>
      </c>
      <c r="B88" s="21">
        <v>2</v>
      </c>
      <c r="C88" s="6">
        <v>2</v>
      </c>
      <c r="D88" s="5">
        <v>4</v>
      </c>
    </row>
    <row r="89" spans="1:4" ht="18" customHeight="1" x14ac:dyDescent="0.15">
      <c r="A89" s="8">
        <v>69</v>
      </c>
      <c r="B89" s="21">
        <v>0</v>
      </c>
      <c r="C89" s="6">
        <v>3</v>
      </c>
      <c r="D89" s="5">
        <v>3</v>
      </c>
    </row>
    <row r="90" spans="1:4" ht="18" customHeight="1" x14ac:dyDescent="0.15">
      <c r="A90" s="8" t="s">
        <v>10</v>
      </c>
      <c r="B90" s="21">
        <v>8</v>
      </c>
      <c r="C90" s="6">
        <v>12</v>
      </c>
      <c r="D90" s="5">
        <v>20</v>
      </c>
    </row>
    <row r="91" spans="1:4" ht="18" customHeight="1" x14ac:dyDescent="0.15">
      <c r="A91" s="8">
        <v>70</v>
      </c>
      <c r="B91" s="21">
        <v>2</v>
      </c>
      <c r="C91" s="6">
        <v>4</v>
      </c>
      <c r="D91" s="5">
        <v>6</v>
      </c>
    </row>
    <row r="92" spans="1:4" ht="18" customHeight="1" x14ac:dyDescent="0.15">
      <c r="A92" s="8">
        <v>71</v>
      </c>
      <c r="B92" s="21">
        <v>4</v>
      </c>
      <c r="C92" s="6">
        <v>4</v>
      </c>
      <c r="D92" s="5">
        <v>8</v>
      </c>
    </row>
    <row r="93" spans="1:4" ht="18" customHeight="1" x14ac:dyDescent="0.15">
      <c r="A93" s="8">
        <v>72</v>
      </c>
      <c r="B93" s="21">
        <v>3</v>
      </c>
      <c r="C93" s="6">
        <v>1</v>
      </c>
      <c r="D93" s="5">
        <v>4</v>
      </c>
    </row>
    <row r="94" spans="1:4" ht="18" customHeight="1" x14ac:dyDescent="0.15">
      <c r="A94" s="8">
        <v>73</v>
      </c>
      <c r="B94" s="21">
        <v>2</v>
      </c>
      <c r="C94" s="6">
        <v>2</v>
      </c>
      <c r="D94" s="5">
        <v>4</v>
      </c>
    </row>
    <row r="95" spans="1:4" ht="18" customHeight="1" x14ac:dyDescent="0.15">
      <c r="A95" s="8">
        <v>74</v>
      </c>
      <c r="B95" s="21">
        <v>3</v>
      </c>
      <c r="C95" s="6">
        <v>2</v>
      </c>
      <c r="D95" s="5">
        <v>5</v>
      </c>
    </row>
    <row r="96" spans="1:4" ht="18" customHeight="1" x14ac:dyDescent="0.15">
      <c r="A96" s="8" t="s">
        <v>9</v>
      </c>
      <c r="B96" s="21">
        <v>14</v>
      </c>
      <c r="C96" s="6">
        <v>13</v>
      </c>
      <c r="D96" s="5">
        <v>27</v>
      </c>
    </row>
    <row r="97" spans="1:4" ht="18" customHeight="1" x14ac:dyDescent="0.15">
      <c r="A97" s="8">
        <v>75</v>
      </c>
      <c r="B97" s="21">
        <v>4</v>
      </c>
      <c r="C97" s="6">
        <v>2</v>
      </c>
      <c r="D97" s="5">
        <v>6</v>
      </c>
    </row>
    <row r="98" spans="1:4" ht="18" customHeight="1" x14ac:dyDescent="0.15">
      <c r="A98" s="8">
        <v>76</v>
      </c>
      <c r="B98" s="21">
        <v>3</v>
      </c>
      <c r="C98" s="6">
        <v>2</v>
      </c>
      <c r="D98" s="5">
        <v>5</v>
      </c>
    </row>
    <row r="99" spans="1:4" ht="18" customHeight="1" x14ac:dyDescent="0.15">
      <c r="A99" s="8">
        <v>77</v>
      </c>
      <c r="B99" s="21">
        <v>3</v>
      </c>
      <c r="C99" s="6">
        <v>2</v>
      </c>
      <c r="D99" s="5">
        <v>5</v>
      </c>
    </row>
    <row r="100" spans="1:4" ht="18" customHeight="1" x14ac:dyDescent="0.15">
      <c r="A100" s="8">
        <v>78</v>
      </c>
      <c r="B100" s="21">
        <v>5</v>
      </c>
      <c r="C100" s="6">
        <v>3</v>
      </c>
      <c r="D100" s="5">
        <v>8</v>
      </c>
    </row>
    <row r="101" spans="1:4" ht="18" customHeight="1" x14ac:dyDescent="0.15">
      <c r="A101" s="8">
        <v>79</v>
      </c>
      <c r="B101" s="21">
        <v>0</v>
      </c>
      <c r="C101" s="6">
        <v>2</v>
      </c>
      <c r="D101" s="5">
        <v>2</v>
      </c>
    </row>
    <row r="102" spans="1:4" ht="18" customHeight="1" x14ac:dyDescent="0.15">
      <c r="A102" s="8" t="s">
        <v>8</v>
      </c>
      <c r="B102" s="21">
        <v>15</v>
      </c>
      <c r="C102" s="6">
        <v>11</v>
      </c>
      <c r="D102" s="5">
        <v>26</v>
      </c>
    </row>
    <row r="103" spans="1:4" ht="18" customHeight="1" x14ac:dyDescent="0.15">
      <c r="A103" s="8">
        <v>80</v>
      </c>
      <c r="B103" s="21">
        <v>3</v>
      </c>
      <c r="C103" s="6">
        <v>0</v>
      </c>
      <c r="D103" s="5">
        <v>3</v>
      </c>
    </row>
    <row r="104" spans="1:4" ht="18" customHeight="1" x14ac:dyDescent="0.15">
      <c r="A104" s="8">
        <v>81</v>
      </c>
      <c r="B104" s="21">
        <v>3</v>
      </c>
      <c r="C104" s="6">
        <v>4</v>
      </c>
      <c r="D104" s="5">
        <v>7</v>
      </c>
    </row>
    <row r="105" spans="1:4" ht="18" customHeight="1" x14ac:dyDescent="0.15">
      <c r="A105" s="8">
        <v>82</v>
      </c>
      <c r="B105" s="21">
        <v>1</v>
      </c>
      <c r="C105" s="6">
        <v>3</v>
      </c>
      <c r="D105" s="5">
        <v>4</v>
      </c>
    </row>
    <row r="106" spans="1:4" ht="18" customHeight="1" x14ac:dyDescent="0.15">
      <c r="A106" s="8">
        <v>83</v>
      </c>
      <c r="B106" s="21">
        <v>2</v>
      </c>
      <c r="C106" s="6">
        <v>2</v>
      </c>
      <c r="D106" s="5">
        <v>4</v>
      </c>
    </row>
    <row r="107" spans="1:4" ht="18" customHeight="1" x14ac:dyDescent="0.15">
      <c r="A107" s="8">
        <v>84</v>
      </c>
      <c r="B107" s="21">
        <v>2</v>
      </c>
      <c r="C107" s="6">
        <v>2</v>
      </c>
      <c r="D107" s="5">
        <v>4</v>
      </c>
    </row>
    <row r="108" spans="1:4" ht="18" customHeight="1" x14ac:dyDescent="0.15">
      <c r="A108" s="8" t="s">
        <v>7</v>
      </c>
      <c r="B108" s="21">
        <v>11</v>
      </c>
      <c r="C108" s="6">
        <v>11</v>
      </c>
      <c r="D108" s="5">
        <v>22</v>
      </c>
    </row>
    <row r="109" spans="1:4" ht="18" customHeight="1" x14ac:dyDescent="0.15">
      <c r="A109" s="8">
        <v>85</v>
      </c>
      <c r="B109" s="21">
        <v>1</v>
      </c>
      <c r="C109" s="6">
        <v>2</v>
      </c>
      <c r="D109" s="5">
        <v>3</v>
      </c>
    </row>
    <row r="110" spans="1:4" ht="18" customHeight="1" x14ac:dyDescent="0.15">
      <c r="A110" s="8">
        <v>86</v>
      </c>
      <c r="B110" s="21">
        <v>1</v>
      </c>
      <c r="C110" s="6">
        <v>3</v>
      </c>
      <c r="D110" s="5">
        <v>4</v>
      </c>
    </row>
    <row r="111" spans="1:4" ht="18" customHeight="1" x14ac:dyDescent="0.15">
      <c r="A111" s="8">
        <v>87</v>
      </c>
      <c r="B111" s="21">
        <v>3</v>
      </c>
      <c r="C111" s="6">
        <v>3</v>
      </c>
      <c r="D111" s="5">
        <v>6</v>
      </c>
    </row>
    <row r="112" spans="1:4" ht="18" customHeight="1" x14ac:dyDescent="0.15">
      <c r="A112" s="8">
        <v>88</v>
      </c>
      <c r="B112" s="21">
        <v>1</v>
      </c>
      <c r="C112" s="6">
        <v>1</v>
      </c>
      <c r="D112" s="5">
        <v>2</v>
      </c>
    </row>
    <row r="113" spans="1:4" ht="18" customHeight="1" x14ac:dyDescent="0.15">
      <c r="A113" s="8">
        <v>89</v>
      </c>
      <c r="B113" s="21">
        <v>0</v>
      </c>
      <c r="C113" s="6">
        <v>0</v>
      </c>
      <c r="D113" s="5">
        <v>0</v>
      </c>
    </row>
    <row r="114" spans="1:4" ht="18" customHeight="1" x14ac:dyDescent="0.15">
      <c r="A114" s="8" t="s">
        <v>6</v>
      </c>
      <c r="B114" s="21">
        <v>6</v>
      </c>
      <c r="C114" s="6">
        <v>9</v>
      </c>
      <c r="D114" s="5">
        <v>15</v>
      </c>
    </row>
    <row r="115" spans="1:4" ht="18" customHeight="1" x14ac:dyDescent="0.15">
      <c r="A115" s="8">
        <v>90</v>
      </c>
      <c r="B115" s="21">
        <v>0</v>
      </c>
      <c r="C115" s="6">
        <v>0</v>
      </c>
      <c r="D115" s="5">
        <v>0</v>
      </c>
    </row>
    <row r="116" spans="1:4" ht="18" customHeight="1" x14ac:dyDescent="0.15">
      <c r="A116" s="8">
        <v>91</v>
      </c>
      <c r="B116" s="21">
        <v>0</v>
      </c>
      <c r="C116" s="6">
        <v>2</v>
      </c>
      <c r="D116" s="5">
        <v>2</v>
      </c>
    </row>
    <row r="117" spans="1:4" ht="18" customHeight="1" x14ac:dyDescent="0.15">
      <c r="A117" s="8">
        <v>92</v>
      </c>
      <c r="B117" s="21">
        <v>0</v>
      </c>
      <c r="C117" s="6">
        <v>1</v>
      </c>
      <c r="D117" s="5">
        <v>1</v>
      </c>
    </row>
    <row r="118" spans="1:4" ht="18" customHeight="1" x14ac:dyDescent="0.15">
      <c r="A118" s="8">
        <v>93</v>
      </c>
      <c r="B118" s="21">
        <v>1</v>
      </c>
      <c r="C118" s="6">
        <v>4</v>
      </c>
      <c r="D118" s="5">
        <v>5</v>
      </c>
    </row>
    <row r="119" spans="1:4" ht="18" customHeight="1" x14ac:dyDescent="0.15">
      <c r="A119" s="8">
        <v>94</v>
      </c>
      <c r="B119" s="21">
        <v>0</v>
      </c>
      <c r="C119" s="6">
        <v>4</v>
      </c>
      <c r="D119" s="5">
        <v>4</v>
      </c>
    </row>
    <row r="120" spans="1:4" ht="18" customHeight="1" x14ac:dyDescent="0.15">
      <c r="A120" s="8" t="s">
        <v>5</v>
      </c>
      <c r="B120" s="21">
        <v>1</v>
      </c>
      <c r="C120" s="6">
        <v>11</v>
      </c>
      <c r="D120" s="5">
        <v>12</v>
      </c>
    </row>
    <row r="121" spans="1:4" ht="18" customHeight="1" x14ac:dyDescent="0.15">
      <c r="A121" s="8">
        <v>95</v>
      </c>
      <c r="B121" s="21">
        <v>0</v>
      </c>
      <c r="C121" s="6">
        <v>0</v>
      </c>
      <c r="D121" s="5">
        <v>0</v>
      </c>
    </row>
    <row r="122" spans="1:4" ht="18" customHeight="1" x14ac:dyDescent="0.15">
      <c r="A122" s="8">
        <v>96</v>
      </c>
      <c r="B122" s="21">
        <v>1</v>
      </c>
      <c r="C122" s="6">
        <v>1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2</v>
      </c>
      <c r="D126" s="5">
        <v>3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56</v>
      </c>
      <c r="C130" s="6">
        <v>70</v>
      </c>
      <c r="D130" s="5">
        <v>126</v>
      </c>
    </row>
    <row r="131" spans="1:4" ht="18" customHeight="1" x14ac:dyDescent="0.15">
      <c r="A131" s="4" t="s">
        <v>0</v>
      </c>
      <c r="B131" s="20">
        <v>101</v>
      </c>
      <c r="C131" s="2">
        <v>116</v>
      </c>
      <c r="D131" s="1">
        <v>2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B8F392-B55A-4CC0-9F0B-369B82626A13}">
  <sheetPr codeName="Sheet1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2</v>
      </c>
      <c r="C5" s="11">
        <v>7</v>
      </c>
      <c r="D5" s="10">
        <v>19</v>
      </c>
    </row>
    <row r="6" spans="1:4" ht="18" customHeight="1" x14ac:dyDescent="0.15">
      <c r="A6" s="8">
        <v>1</v>
      </c>
      <c r="B6" s="21">
        <v>6</v>
      </c>
      <c r="C6" s="6">
        <v>6</v>
      </c>
      <c r="D6" s="5">
        <v>12</v>
      </c>
    </row>
    <row r="7" spans="1:4" ht="18" customHeight="1" x14ac:dyDescent="0.15">
      <c r="A7" s="8">
        <v>2</v>
      </c>
      <c r="B7" s="21">
        <v>7</v>
      </c>
      <c r="C7" s="6">
        <v>7</v>
      </c>
      <c r="D7" s="5">
        <v>14</v>
      </c>
    </row>
    <row r="8" spans="1:4" ht="18" customHeight="1" x14ac:dyDescent="0.15">
      <c r="A8" s="8">
        <v>3</v>
      </c>
      <c r="B8" s="21">
        <v>7</v>
      </c>
      <c r="C8" s="6">
        <v>8</v>
      </c>
      <c r="D8" s="5">
        <v>15</v>
      </c>
    </row>
    <row r="9" spans="1:4" ht="18" customHeight="1" x14ac:dyDescent="0.15">
      <c r="A9" s="8">
        <v>4</v>
      </c>
      <c r="B9" s="21">
        <v>5</v>
      </c>
      <c r="C9" s="6">
        <v>9</v>
      </c>
      <c r="D9" s="5">
        <v>14</v>
      </c>
    </row>
    <row r="10" spans="1:4" ht="18" customHeight="1" x14ac:dyDescent="0.15">
      <c r="A10" s="8" t="s">
        <v>25</v>
      </c>
      <c r="B10" s="21">
        <v>37</v>
      </c>
      <c r="C10" s="6">
        <v>37</v>
      </c>
      <c r="D10" s="5">
        <v>74</v>
      </c>
    </row>
    <row r="11" spans="1:4" ht="18" customHeight="1" x14ac:dyDescent="0.15">
      <c r="A11" s="8">
        <v>5</v>
      </c>
      <c r="B11" s="21">
        <v>12</v>
      </c>
      <c r="C11" s="6">
        <v>5</v>
      </c>
      <c r="D11" s="5">
        <v>17</v>
      </c>
    </row>
    <row r="12" spans="1:4" ht="18" customHeight="1" x14ac:dyDescent="0.15">
      <c r="A12" s="8">
        <v>6</v>
      </c>
      <c r="B12" s="21">
        <v>8</v>
      </c>
      <c r="C12" s="6">
        <v>8</v>
      </c>
      <c r="D12" s="5">
        <v>16</v>
      </c>
    </row>
    <row r="13" spans="1:4" ht="18" customHeight="1" x14ac:dyDescent="0.15">
      <c r="A13" s="8">
        <v>7</v>
      </c>
      <c r="B13" s="21">
        <v>12</v>
      </c>
      <c r="C13" s="6">
        <v>5</v>
      </c>
      <c r="D13" s="5">
        <v>17</v>
      </c>
    </row>
    <row r="14" spans="1:4" ht="18" customHeight="1" x14ac:dyDescent="0.15">
      <c r="A14" s="8">
        <v>8</v>
      </c>
      <c r="B14" s="21">
        <v>10</v>
      </c>
      <c r="C14" s="6">
        <v>9</v>
      </c>
      <c r="D14" s="5">
        <v>19</v>
      </c>
    </row>
    <row r="15" spans="1:4" ht="18" customHeight="1" x14ac:dyDescent="0.15">
      <c r="A15" s="8">
        <v>9</v>
      </c>
      <c r="B15" s="21">
        <v>10</v>
      </c>
      <c r="C15" s="6">
        <v>9</v>
      </c>
      <c r="D15" s="5">
        <v>19</v>
      </c>
    </row>
    <row r="16" spans="1:4" ht="18" customHeight="1" x14ac:dyDescent="0.15">
      <c r="A16" s="8" t="s">
        <v>24</v>
      </c>
      <c r="B16" s="21">
        <v>52</v>
      </c>
      <c r="C16" s="6">
        <v>36</v>
      </c>
      <c r="D16" s="5">
        <v>88</v>
      </c>
    </row>
    <row r="17" spans="1:4" ht="18" customHeight="1" x14ac:dyDescent="0.15">
      <c r="A17" s="8">
        <v>10</v>
      </c>
      <c r="B17" s="21">
        <v>6</v>
      </c>
      <c r="C17" s="6">
        <v>8</v>
      </c>
      <c r="D17" s="5">
        <v>14</v>
      </c>
    </row>
    <row r="18" spans="1:4" ht="18" customHeight="1" x14ac:dyDescent="0.15">
      <c r="A18" s="8">
        <v>11</v>
      </c>
      <c r="B18" s="21">
        <v>9</v>
      </c>
      <c r="C18" s="6">
        <v>14</v>
      </c>
      <c r="D18" s="5">
        <v>23</v>
      </c>
    </row>
    <row r="19" spans="1:4" ht="18" customHeight="1" x14ac:dyDescent="0.15">
      <c r="A19" s="8">
        <v>12</v>
      </c>
      <c r="B19" s="21">
        <v>5</v>
      </c>
      <c r="C19" s="6">
        <v>12</v>
      </c>
      <c r="D19" s="5">
        <v>17</v>
      </c>
    </row>
    <row r="20" spans="1:4" ht="18" customHeight="1" x14ac:dyDescent="0.15">
      <c r="A20" s="8">
        <v>13</v>
      </c>
      <c r="B20" s="21">
        <v>6</v>
      </c>
      <c r="C20" s="6">
        <v>3</v>
      </c>
      <c r="D20" s="5">
        <v>9</v>
      </c>
    </row>
    <row r="21" spans="1:4" ht="18" customHeight="1" x14ac:dyDescent="0.15">
      <c r="A21" s="8">
        <v>14</v>
      </c>
      <c r="B21" s="21">
        <v>11</v>
      </c>
      <c r="C21" s="6">
        <v>6</v>
      </c>
      <c r="D21" s="5">
        <v>17</v>
      </c>
    </row>
    <row r="22" spans="1:4" ht="18" customHeight="1" x14ac:dyDescent="0.15">
      <c r="A22" s="8" t="s">
        <v>23</v>
      </c>
      <c r="B22" s="21">
        <v>37</v>
      </c>
      <c r="C22" s="6">
        <v>43</v>
      </c>
      <c r="D22" s="5">
        <v>80</v>
      </c>
    </row>
    <row r="23" spans="1:4" ht="18" customHeight="1" x14ac:dyDescent="0.15">
      <c r="A23" s="8" t="s">
        <v>22</v>
      </c>
      <c r="B23" s="21">
        <v>126</v>
      </c>
      <c r="C23" s="6">
        <v>116</v>
      </c>
      <c r="D23" s="5">
        <v>242</v>
      </c>
    </row>
    <row r="24" spans="1:4" ht="18" customHeight="1" x14ac:dyDescent="0.15">
      <c r="A24" s="8">
        <v>15</v>
      </c>
      <c r="B24" s="21">
        <v>8</v>
      </c>
      <c r="C24" s="6">
        <v>11</v>
      </c>
      <c r="D24" s="5">
        <v>19</v>
      </c>
    </row>
    <row r="25" spans="1:4" ht="18" customHeight="1" x14ac:dyDescent="0.15">
      <c r="A25" s="8">
        <v>16</v>
      </c>
      <c r="B25" s="21">
        <v>11</v>
      </c>
      <c r="C25" s="6">
        <v>10</v>
      </c>
      <c r="D25" s="5">
        <v>21</v>
      </c>
    </row>
    <row r="26" spans="1:4" ht="18" customHeight="1" x14ac:dyDescent="0.15">
      <c r="A26" s="8">
        <v>17</v>
      </c>
      <c r="B26" s="21">
        <v>11</v>
      </c>
      <c r="C26" s="6">
        <v>7</v>
      </c>
      <c r="D26" s="5">
        <v>18</v>
      </c>
    </row>
    <row r="27" spans="1:4" ht="18" customHeight="1" x14ac:dyDescent="0.15">
      <c r="A27" s="8">
        <v>18</v>
      </c>
      <c r="B27" s="21">
        <v>9</v>
      </c>
      <c r="C27" s="6">
        <v>11</v>
      </c>
      <c r="D27" s="5">
        <v>20</v>
      </c>
    </row>
    <row r="28" spans="1:4" ht="18" customHeight="1" x14ac:dyDescent="0.15">
      <c r="A28" s="8">
        <v>19</v>
      </c>
      <c r="B28" s="21">
        <v>7</v>
      </c>
      <c r="C28" s="6">
        <v>5</v>
      </c>
      <c r="D28" s="5">
        <v>12</v>
      </c>
    </row>
    <row r="29" spans="1:4" ht="18" customHeight="1" x14ac:dyDescent="0.15">
      <c r="A29" s="8" t="s">
        <v>21</v>
      </c>
      <c r="B29" s="21">
        <v>46</v>
      </c>
      <c r="C29" s="6">
        <v>44</v>
      </c>
      <c r="D29" s="5">
        <v>90</v>
      </c>
    </row>
    <row r="30" spans="1:4" ht="18" customHeight="1" x14ac:dyDescent="0.15">
      <c r="A30" s="8">
        <v>20</v>
      </c>
      <c r="B30" s="21">
        <v>10</v>
      </c>
      <c r="C30" s="6">
        <v>12</v>
      </c>
      <c r="D30" s="5">
        <v>22</v>
      </c>
    </row>
    <row r="31" spans="1:4" ht="18" customHeight="1" x14ac:dyDescent="0.15">
      <c r="A31" s="8">
        <v>21</v>
      </c>
      <c r="B31" s="21">
        <v>4</v>
      </c>
      <c r="C31" s="6">
        <v>13</v>
      </c>
      <c r="D31" s="5">
        <v>17</v>
      </c>
    </row>
    <row r="32" spans="1:4" ht="18" customHeight="1" x14ac:dyDescent="0.15">
      <c r="A32" s="8">
        <v>22</v>
      </c>
      <c r="B32" s="21">
        <v>8</v>
      </c>
      <c r="C32" s="6">
        <v>6</v>
      </c>
      <c r="D32" s="5">
        <v>14</v>
      </c>
    </row>
    <row r="33" spans="1:4" ht="18" customHeight="1" x14ac:dyDescent="0.15">
      <c r="A33" s="8">
        <v>23</v>
      </c>
      <c r="B33" s="21">
        <v>11</v>
      </c>
      <c r="C33" s="6">
        <v>5</v>
      </c>
      <c r="D33" s="5">
        <v>16</v>
      </c>
    </row>
    <row r="34" spans="1:4" ht="18" customHeight="1" x14ac:dyDescent="0.15">
      <c r="A34" s="8">
        <v>24</v>
      </c>
      <c r="B34" s="21">
        <v>11</v>
      </c>
      <c r="C34" s="6">
        <v>4</v>
      </c>
      <c r="D34" s="5">
        <v>15</v>
      </c>
    </row>
    <row r="35" spans="1:4" ht="18" customHeight="1" x14ac:dyDescent="0.15">
      <c r="A35" s="8" t="s">
        <v>20</v>
      </c>
      <c r="B35" s="21">
        <v>44</v>
      </c>
      <c r="C35" s="6">
        <v>40</v>
      </c>
      <c r="D35" s="5">
        <v>84</v>
      </c>
    </row>
    <row r="36" spans="1:4" ht="18" customHeight="1" x14ac:dyDescent="0.15">
      <c r="A36" s="8">
        <v>25</v>
      </c>
      <c r="B36" s="21">
        <v>16</v>
      </c>
      <c r="C36" s="6">
        <v>10</v>
      </c>
      <c r="D36" s="5">
        <v>26</v>
      </c>
    </row>
    <row r="37" spans="1:4" ht="18" customHeight="1" x14ac:dyDescent="0.15">
      <c r="A37" s="8">
        <v>26</v>
      </c>
      <c r="B37" s="21">
        <v>10</v>
      </c>
      <c r="C37" s="6">
        <v>8</v>
      </c>
      <c r="D37" s="5">
        <v>18</v>
      </c>
    </row>
    <row r="38" spans="1:4" ht="18" customHeight="1" x14ac:dyDescent="0.15">
      <c r="A38" s="8">
        <v>27</v>
      </c>
      <c r="B38" s="21">
        <v>8</v>
      </c>
      <c r="C38" s="6">
        <v>7</v>
      </c>
      <c r="D38" s="5">
        <v>15</v>
      </c>
    </row>
    <row r="39" spans="1:4" ht="18" customHeight="1" x14ac:dyDescent="0.15">
      <c r="A39" s="8">
        <v>28</v>
      </c>
      <c r="B39" s="21">
        <v>6</v>
      </c>
      <c r="C39" s="6">
        <v>8</v>
      </c>
      <c r="D39" s="5">
        <v>14</v>
      </c>
    </row>
    <row r="40" spans="1:4" ht="18" customHeight="1" x14ac:dyDescent="0.15">
      <c r="A40" s="8">
        <v>29</v>
      </c>
      <c r="B40" s="21">
        <v>10</v>
      </c>
      <c r="C40" s="6">
        <v>10</v>
      </c>
      <c r="D40" s="5">
        <v>20</v>
      </c>
    </row>
    <row r="41" spans="1:4" ht="18" customHeight="1" x14ac:dyDescent="0.15">
      <c r="A41" s="8" t="s">
        <v>19</v>
      </c>
      <c r="B41" s="21">
        <v>50</v>
      </c>
      <c r="C41" s="6">
        <v>43</v>
      </c>
      <c r="D41" s="5">
        <v>93</v>
      </c>
    </row>
    <row r="42" spans="1:4" ht="18" customHeight="1" x14ac:dyDescent="0.15">
      <c r="A42" s="8">
        <v>30</v>
      </c>
      <c r="B42" s="21">
        <v>11</v>
      </c>
      <c r="C42" s="6">
        <v>7</v>
      </c>
      <c r="D42" s="5">
        <v>18</v>
      </c>
    </row>
    <row r="43" spans="1:4" ht="18" customHeight="1" x14ac:dyDescent="0.15">
      <c r="A43" s="8">
        <v>31</v>
      </c>
      <c r="B43" s="21">
        <v>10</v>
      </c>
      <c r="C43" s="6">
        <v>7</v>
      </c>
      <c r="D43" s="5">
        <v>17</v>
      </c>
    </row>
    <row r="44" spans="1:4" ht="18" customHeight="1" x14ac:dyDescent="0.15">
      <c r="A44" s="8">
        <v>32</v>
      </c>
      <c r="B44" s="21">
        <v>8</v>
      </c>
      <c r="C44" s="6">
        <v>7</v>
      </c>
      <c r="D44" s="5">
        <v>15</v>
      </c>
    </row>
    <row r="45" spans="1:4" ht="18" customHeight="1" x14ac:dyDescent="0.15">
      <c r="A45" s="8">
        <v>33</v>
      </c>
      <c r="B45" s="21">
        <v>12</v>
      </c>
      <c r="C45" s="6">
        <v>13</v>
      </c>
      <c r="D45" s="5">
        <v>25</v>
      </c>
    </row>
    <row r="46" spans="1:4" ht="18" customHeight="1" x14ac:dyDescent="0.15">
      <c r="A46" s="8">
        <v>34</v>
      </c>
      <c r="B46" s="21">
        <v>10</v>
      </c>
      <c r="C46" s="6">
        <v>14</v>
      </c>
      <c r="D46" s="5">
        <v>24</v>
      </c>
    </row>
    <row r="47" spans="1:4" ht="18" customHeight="1" x14ac:dyDescent="0.15">
      <c r="A47" s="8" t="s">
        <v>18</v>
      </c>
      <c r="B47" s="21">
        <v>51</v>
      </c>
      <c r="C47" s="6">
        <v>48</v>
      </c>
      <c r="D47" s="5">
        <v>99</v>
      </c>
    </row>
    <row r="48" spans="1:4" ht="18" customHeight="1" x14ac:dyDescent="0.15">
      <c r="A48" s="8">
        <v>35</v>
      </c>
      <c r="B48" s="21">
        <v>9</v>
      </c>
      <c r="C48" s="6">
        <v>6</v>
      </c>
      <c r="D48" s="5">
        <v>15</v>
      </c>
    </row>
    <row r="49" spans="1:4" ht="18" customHeight="1" x14ac:dyDescent="0.15">
      <c r="A49" s="8">
        <v>36</v>
      </c>
      <c r="B49" s="21">
        <v>17</v>
      </c>
      <c r="C49" s="6">
        <v>10</v>
      </c>
      <c r="D49" s="5">
        <v>27</v>
      </c>
    </row>
    <row r="50" spans="1:4" ht="18" customHeight="1" x14ac:dyDescent="0.15">
      <c r="A50" s="8">
        <v>37</v>
      </c>
      <c r="B50" s="21">
        <v>8</v>
      </c>
      <c r="C50" s="6">
        <v>11</v>
      </c>
      <c r="D50" s="5">
        <v>19</v>
      </c>
    </row>
    <row r="51" spans="1:4" ht="18" customHeight="1" x14ac:dyDescent="0.15">
      <c r="A51" s="8">
        <v>38</v>
      </c>
      <c r="B51" s="21">
        <v>14</v>
      </c>
      <c r="C51" s="6">
        <v>17</v>
      </c>
      <c r="D51" s="5">
        <v>31</v>
      </c>
    </row>
    <row r="52" spans="1:4" ht="18" customHeight="1" x14ac:dyDescent="0.15">
      <c r="A52" s="8">
        <v>39</v>
      </c>
      <c r="B52" s="21">
        <v>22</v>
      </c>
      <c r="C52" s="6">
        <v>18</v>
      </c>
      <c r="D52" s="5">
        <v>40</v>
      </c>
    </row>
    <row r="53" spans="1:4" ht="18" customHeight="1" x14ac:dyDescent="0.15">
      <c r="A53" s="8" t="s">
        <v>17</v>
      </c>
      <c r="B53" s="21">
        <v>70</v>
      </c>
      <c r="C53" s="6">
        <v>62</v>
      </c>
      <c r="D53" s="5">
        <v>132</v>
      </c>
    </row>
    <row r="54" spans="1:4" ht="18" customHeight="1" x14ac:dyDescent="0.15">
      <c r="A54" s="8">
        <v>40</v>
      </c>
      <c r="B54" s="21">
        <v>12</v>
      </c>
      <c r="C54" s="6">
        <v>19</v>
      </c>
      <c r="D54" s="5">
        <v>31</v>
      </c>
    </row>
    <row r="55" spans="1:4" ht="18" customHeight="1" x14ac:dyDescent="0.15">
      <c r="A55" s="8">
        <v>41</v>
      </c>
      <c r="B55" s="21">
        <v>13</v>
      </c>
      <c r="C55" s="6">
        <v>13</v>
      </c>
      <c r="D55" s="5">
        <v>26</v>
      </c>
    </row>
    <row r="56" spans="1:4" ht="18" customHeight="1" x14ac:dyDescent="0.15">
      <c r="A56" s="8">
        <v>42</v>
      </c>
      <c r="B56" s="21">
        <v>12</v>
      </c>
      <c r="C56" s="6">
        <v>17</v>
      </c>
      <c r="D56" s="5">
        <v>29</v>
      </c>
    </row>
    <row r="57" spans="1:4" ht="18" customHeight="1" x14ac:dyDescent="0.15">
      <c r="A57" s="8">
        <v>43</v>
      </c>
      <c r="B57" s="21">
        <v>14</v>
      </c>
      <c r="C57" s="6">
        <v>19</v>
      </c>
      <c r="D57" s="5">
        <v>33</v>
      </c>
    </row>
    <row r="58" spans="1:4" ht="18" customHeight="1" x14ac:dyDescent="0.15">
      <c r="A58" s="8">
        <v>44</v>
      </c>
      <c r="B58" s="21">
        <v>19</v>
      </c>
      <c r="C58" s="6">
        <v>16</v>
      </c>
      <c r="D58" s="5">
        <v>35</v>
      </c>
    </row>
    <row r="59" spans="1:4" ht="18" customHeight="1" x14ac:dyDescent="0.15">
      <c r="A59" s="8" t="s">
        <v>16</v>
      </c>
      <c r="B59" s="21">
        <v>70</v>
      </c>
      <c r="C59" s="6">
        <v>84</v>
      </c>
      <c r="D59" s="5">
        <v>154</v>
      </c>
    </row>
    <row r="60" spans="1:4" ht="18" customHeight="1" x14ac:dyDescent="0.15">
      <c r="A60" s="8">
        <v>45</v>
      </c>
      <c r="B60" s="21">
        <v>10</v>
      </c>
      <c r="C60" s="6">
        <v>15</v>
      </c>
      <c r="D60" s="5">
        <v>25</v>
      </c>
    </row>
    <row r="61" spans="1:4" ht="18" customHeight="1" x14ac:dyDescent="0.15">
      <c r="A61" s="8">
        <v>46</v>
      </c>
      <c r="B61" s="21">
        <v>17</v>
      </c>
      <c r="C61" s="6">
        <v>7</v>
      </c>
      <c r="D61" s="5">
        <v>24</v>
      </c>
    </row>
    <row r="62" spans="1:4" ht="18" customHeight="1" x14ac:dyDescent="0.15">
      <c r="A62" s="8">
        <v>47</v>
      </c>
      <c r="B62" s="21">
        <v>10</v>
      </c>
      <c r="C62" s="6">
        <v>14</v>
      </c>
      <c r="D62" s="5">
        <v>24</v>
      </c>
    </row>
    <row r="63" spans="1:4" ht="18" customHeight="1" x14ac:dyDescent="0.15">
      <c r="A63" s="8">
        <v>48</v>
      </c>
      <c r="B63" s="21">
        <v>14</v>
      </c>
      <c r="C63" s="6">
        <v>11</v>
      </c>
      <c r="D63" s="5">
        <v>25</v>
      </c>
    </row>
    <row r="64" spans="1:4" ht="18" customHeight="1" x14ac:dyDescent="0.15">
      <c r="A64" s="8">
        <v>49</v>
      </c>
      <c r="B64" s="21">
        <v>20</v>
      </c>
      <c r="C64" s="6">
        <v>19</v>
      </c>
      <c r="D64" s="5">
        <v>39</v>
      </c>
    </row>
    <row r="65" spans="1:4" ht="18" customHeight="1" x14ac:dyDescent="0.15">
      <c r="A65" s="8" t="s">
        <v>15</v>
      </c>
      <c r="B65" s="21">
        <v>71</v>
      </c>
      <c r="C65" s="6">
        <v>66</v>
      </c>
      <c r="D65" s="5">
        <v>137</v>
      </c>
    </row>
    <row r="66" spans="1:4" ht="18" customHeight="1" x14ac:dyDescent="0.15">
      <c r="A66" s="8">
        <v>50</v>
      </c>
      <c r="B66" s="21">
        <v>16</v>
      </c>
      <c r="C66" s="6">
        <v>14</v>
      </c>
      <c r="D66" s="5">
        <v>30</v>
      </c>
    </row>
    <row r="67" spans="1:4" ht="18" customHeight="1" x14ac:dyDescent="0.15">
      <c r="A67" s="8">
        <v>51</v>
      </c>
      <c r="B67" s="21">
        <v>28</v>
      </c>
      <c r="C67" s="6">
        <v>28</v>
      </c>
      <c r="D67" s="5">
        <v>56</v>
      </c>
    </row>
    <row r="68" spans="1:4" ht="18" customHeight="1" x14ac:dyDescent="0.15">
      <c r="A68" s="8">
        <v>52</v>
      </c>
      <c r="B68" s="21">
        <v>20</v>
      </c>
      <c r="C68" s="6">
        <v>26</v>
      </c>
      <c r="D68" s="5">
        <v>46</v>
      </c>
    </row>
    <row r="69" spans="1:4" ht="18" customHeight="1" x14ac:dyDescent="0.15">
      <c r="A69" s="8">
        <v>53</v>
      </c>
      <c r="B69" s="21">
        <v>29</v>
      </c>
      <c r="C69" s="6">
        <v>13</v>
      </c>
      <c r="D69" s="5">
        <v>42</v>
      </c>
    </row>
    <row r="70" spans="1:4" ht="18" customHeight="1" x14ac:dyDescent="0.15">
      <c r="A70" s="8">
        <v>54</v>
      </c>
      <c r="B70" s="21">
        <v>22</v>
      </c>
      <c r="C70" s="6">
        <v>21</v>
      </c>
      <c r="D70" s="5">
        <v>43</v>
      </c>
    </row>
    <row r="71" spans="1:4" ht="18" customHeight="1" x14ac:dyDescent="0.15">
      <c r="A71" s="8" t="s">
        <v>14</v>
      </c>
      <c r="B71" s="21">
        <v>115</v>
      </c>
      <c r="C71" s="6">
        <v>102</v>
      </c>
      <c r="D71" s="5">
        <v>217</v>
      </c>
    </row>
    <row r="72" spans="1:4" ht="18" customHeight="1" x14ac:dyDescent="0.15">
      <c r="A72" s="8">
        <v>55</v>
      </c>
      <c r="B72" s="21">
        <v>27</v>
      </c>
      <c r="C72" s="6">
        <v>22</v>
      </c>
      <c r="D72" s="5">
        <v>49</v>
      </c>
    </row>
    <row r="73" spans="1:4" ht="18" customHeight="1" x14ac:dyDescent="0.15">
      <c r="A73" s="8">
        <v>56</v>
      </c>
      <c r="B73" s="21">
        <v>22</v>
      </c>
      <c r="C73" s="6">
        <v>19</v>
      </c>
      <c r="D73" s="5">
        <v>41</v>
      </c>
    </row>
    <row r="74" spans="1:4" ht="18" customHeight="1" x14ac:dyDescent="0.15">
      <c r="A74" s="8">
        <v>57</v>
      </c>
      <c r="B74" s="21">
        <v>19</v>
      </c>
      <c r="C74" s="6">
        <v>16</v>
      </c>
      <c r="D74" s="5">
        <v>35</v>
      </c>
    </row>
    <row r="75" spans="1:4" ht="18" customHeight="1" x14ac:dyDescent="0.15">
      <c r="A75" s="8">
        <v>58</v>
      </c>
      <c r="B75" s="21">
        <v>27</v>
      </c>
      <c r="C75" s="6">
        <v>16</v>
      </c>
      <c r="D75" s="5">
        <v>43</v>
      </c>
    </row>
    <row r="76" spans="1:4" ht="18" customHeight="1" x14ac:dyDescent="0.15">
      <c r="A76" s="8">
        <v>59</v>
      </c>
      <c r="B76" s="21">
        <v>6</v>
      </c>
      <c r="C76" s="6">
        <v>17</v>
      </c>
      <c r="D76" s="5">
        <v>23</v>
      </c>
    </row>
    <row r="77" spans="1:4" ht="18" customHeight="1" x14ac:dyDescent="0.15">
      <c r="A77" s="8" t="s">
        <v>13</v>
      </c>
      <c r="B77" s="21">
        <v>101</v>
      </c>
      <c r="C77" s="6">
        <v>90</v>
      </c>
      <c r="D77" s="5">
        <v>191</v>
      </c>
    </row>
    <row r="78" spans="1:4" ht="18" customHeight="1" x14ac:dyDescent="0.15">
      <c r="A78" s="8">
        <v>60</v>
      </c>
      <c r="B78" s="21">
        <v>22</v>
      </c>
      <c r="C78" s="6">
        <v>26</v>
      </c>
      <c r="D78" s="5">
        <v>48</v>
      </c>
    </row>
    <row r="79" spans="1:4" ht="18" customHeight="1" x14ac:dyDescent="0.15">
      <c r="A79" s="8">
        <v>61</v>
      </c>
      <c r="B79" s="21">
        <v>13</v>
      </c>
      <c r="C79" s="6">
        <v>22</v>
      </c>
      <c r="D79" s="5">
        <v>35</v>
      </c>
    </row>
    <row r="80" spans="1:4" ht="18" customHeight="1" x14ac:dyDescent="0.15">
      <c r="A80" s="8">
        <v>62</v>
      </c>
      <c r="B80" s="21">
        <v>19</v>
      </c>
      <c r="C80" s="6">
        <v>7</v>
      </c>
      <c r="D80" s="5">
        <v>26</v>
      </c>
    </row>
    <row r="81" spans="1:4" ht="18" customHeight="1" x14ac:dyDescent="0.15">
      <c r="A81" s="8">
        <v>63</v>
      </c>
      <c r="B81" s="21">
        <v>16</v>
      </c>
      <c r="C81" s="6">
        <v>14</v>
      </c>
      <c r="D81" s="5">
        <v>30</v>
      </c>
    </row>
    <row r="82" spans="1:4" ht="18" customHeight="1" x14ac:dyDescent="0.15">
      <c r="A82" s="8">
        <v>64</v>
      </c>
      <c r="B82" s="21">
        <v>22</v>
      </c>
      <c r="C82" s="6">
        <v>16</v>
      </c>
      <c r="D82" s="5">
        <v>38</v>
      </c>
    </row>
    <row r="83" spans="1:4" ht="18" customHeight="1" x14ac:dyDescent="0.15">
      <c r="A83" s="8" t="s">
        <v>12</v>
      </c>
      <c r="B83" s="21">
        <v>92</v>
      </c>
      <c r="C83" s="6">
        <v>85</v>
      </c>
      <c r="D83" s="5">
        <v>177</v>
      </c>
    </row>
    <row r="84" spans="1:4" ht="18" customHeight="1" x14ac:dyDescent="0.15">
      <c r="A84" s="8" t="s">
        <v>11</v>
      </c>
      <c r="B84" s="21">
        <v>710</v>
      </c>
      <c r="C84" s="6">
        <v>664</v>
      </c>
      <c r="D84" s="5">
        <v>1374</v>
      </c>
    </row>
    <row r="85" spans="1:4" ht="18" customHeight="1" x14ac:dyDescent="0.15">
      <c r="A85" s="8">
        <v>65</v>
      </c>
      <c r="B85" s="21">
        <v>18</v>
      </c>
      <c r="C85" s="6">
        <v>18</v>
      </c>
      <c r="D85" s="5">
        <v>36</v>
      </c>
    </row>
    <row r="86" spans="1:4" ht="18" customHeight="1" x14ac:dyDescent="0.15">
      <c r="A86" s="8">
        <v>66</v>
      </c>
      <c r="B86" s="21">
        <v>16</v>
      </c>
      <c r="C86" s="6">
        <v>24</v>
      </c>
      <c r="D86" s="5">
        <v>40</v>
      </c>
    </row>
    <row r="87" spans="1:4" ht="18" customHeight="1" x14ac:dyDescent="0.15">
      <c r="A87" s="8">
        <v>67</v>
      </c>
      <c r="B87" s="21">
        <v>14</v>
      </c>
      <c r="C87" s="6">
        <v>20</v>
      </c>
      <c r="D87" s="5">
        <v>34</v>
      </c>
    </row>
    <row r="88" spans="1:4" ht="18" customHeight="1" x14ac:dyDescent="0.15">
      <c r="A88" s="8">
        <v>68</v>
      </c>
      <c r="B88" s="21">
        <v>11</v>
      </c>
      <c r="C88" s="6">
        <v>18</v>
      </c>
      <c r="D88" s="5">
        <v>29</v>
      </c>
    </row>
    <row r="89" spans="1:4" ht="18" customHeight="1" x14ac:dyDescent="0.15">
      <c r="A89" s="8">
        <v>69</v>
      </c>
      <c r="B89" s="21">
        <v>20</v>
      </c>
      <c r="C89" s="6">
        <v>14</v>
      </c>
      <c r="D89" s="5">
        <v>34</v>
      </c>
    </row>
    <row r="90" spans="1:4" ht="18" customHeight="1" x14ac:dyDescent="0.15">
      <c r="A90" s="8" t="s">
        <v>10</v>
      </c>
      <c r="B90" s="21">
        <v>79</v>
      </c>
      <c r="C90" s="6">
        <v>94</v>
      </c>
      <c r="D90" s="5">
        <v>173</v>
      </c>
    </row>
    <row r="91" spans="1:4" ht="18" customHeight="1" x14ac:dyDescent="0.15">
      <c r="A91" s="8">
        <v>70</v>
      </c>
      <c r="B91" s="21">
        <v>17</v>
      </c>
      <c r="C91" s="6">
        <v>16</v>
      </c>
      <c r="D91" s="5">
        <v>33</v>
      </c>
    </row>
    <row r="92" spans="1:4" ht="18" customHeight="1" x14ac:dyDescent="0.15">
      <c r="A92" s="8">
        <v>71</v>
      </c>
      <c r="B92" s="21">
        <v>16</v>
      </c>
      <c r="C92" s="6">
        <v>16</v>
      </c>
      <c r="D92" s="5">
        <v>32</v>
      </c>
    </row>
    <row r="93" spans="1:4" ht="18" customHeight="1" x14ac:dyDescent="0.15">
      <c r="A93" s="8">
        <v>72</v>
      </c>
      <c r="B93" s="21">
        <v>17</v>
      </c>
      <c r="C93" s="6">
        <v>18</v>
      </c>
      <c r="D93" s="5">
        <v>35</v>
      </c>
    </row>
    <row r="94" spans="1:4" ht="18" customHeight="1" x14ac:dyDescent="0.15">
      <c r="A94" s="8">
        <v>73</v>
      </c>
      <c r="B94" s="21">
        <v>17</v>
      </c>
      <c r="C94" s="6">
        <v>15</v>
      </c>
      <c r="D94" s="5">
        <v>32</v>
      </c>
    </row>
    <row r="95" spans="1:4" ht="18" customHeight="1" x14ac:dyDescent="0.15">
      <c r="A95" s="8">
        <v>74</v>
      </c>
      <c r="B95" s="21">
        <v>16</v>
      </c>
      <c r="C95" s="6">
        <v>23</v>
      </c>
      <c r="D95" s="5">
        <v>39</v>
      </c>
    </row>
    <row r="96" spans="1:4" ht="18" customHeight="1" x14ac:dyDescent="0.15">
      <c r="A96" s="8" t="s">
        <v>9</v>
      </c>
      <c r="B96" s="21">
        <v>83</v>
      </c>
      <c r="C96" s="6">
        <v>88</v>
      </c>
      <c r="D96" s="5">
        <v>171</v>
      </c>
    </row>
    <row r="97" spans="1:4" ht="18" customHeight="1" x14ac:dyDescent="0.15">
      <c r="A97" s="8">
        <v>75</v>
      </c>
      <c r="B97" s="21">
        <v>17</v>
      </c>
      <c r="C97" s="6">
        <v>21</v>
      </c>
      <c r="D97" s="5">
        <v>38</v>
      </c>
    </row>
    <row r="98" spans="1:4" ht="18" customHeight="1" x14ac:dyDescent="0.15">
      <c r="A98" s="8">
        <v>76</v>
      </c>
      <c r="B98" s="21">
        <v>23</v>
      </c>
      <c r="C98" s="6">
        <v>22</v>
      </c>
      <c r="D98" s="5">
        <v>45</v>
      </c>
    </row>
    <row r="99" spans="1:4" ht="18" customHeight="1" x14ac:dyDescent="0.15">
      <c r="A99" s="8">
        <v>77</v>
      </c>
      <c r="B99" s="21">
        <v>17</v>
      </c>
      <c r="C99" s="6">
        <v>26</v>
      </c>
      <c r="D99" s="5">
        <v>43</v>
      </c>
    </row>
    <row r="100" spans="1:4" ht="18" customHeight="1" x14ac:dyDescent="0.15">
      <c r="A100" s="8">
        <v>78</v>
      </c>
      <c r="B100" s="21">
        <v>28</v>
      </c>
      <c r="C100" s="6">
        <v>36</v>
      </c>
      <c r="D100" s="5">
        <v>64</v>
      </c>
    </row>
    <row r="101" spans="1:4" ht="18" customHeight="1" x14ac:dyDescent="0.15">
      <c r="A101" s="8">
        <v>79</v>
      </c>
      <c r="B101" s="21">
        <v>10</v>
      </c>
      <c r="C101" s="6">
        <v>17</v>
      </c>
      <c r="D101" s="5">
        <v>27</v>
      </c>
    </row>
    <row r="102" spans="1:4" ht="18" customHeight="1" x14ac:dyDescent="0.15">
      <c r="A102" s="8" t="s">
        <v>8</v>
      </c>
      <c r="B102" s="21">
        <v>95</v>
      </c>
      <c r="C102" s="6">
        <v>122</v>
      </c>
      <c r="D102" s="5">
        <v>217</v>
      </c>
    </row>
    <row r="103" spans="1:4" ht="18" customHeight="1" x14ac:dyDescent="0.15">
      <c r="A103" s="8">
        <v>80</v>
      </c>
      <c r="B103" s="21">
        <v>14</v>
      </c>
      <c r="C103" s="6">
        <v>15</v>
      </c>
      <c r="D103" s="5">
        <v>29</v>
      </c>
    </row>
    <row r="104" spans="1:4" ht="18" customHeight="1" x14ac:dyDescent="0.15">
      <c r="A104" s="8">
        <v>81</v>
      </c>
      <c r="B104" s="21">
        <v>16</v>
      </c>
      <c r="C104" s="6">
        <v>24</v>
      </c>
      <c r="D104" s="5">
        <v>40</v>
      </c>
    </row>
    <row r="105" spans="1:4" ht="18" customHeight="1" x14ac:dyDescent="0.15">
      <c r="A105" s="8">
        <v>82</v>
      </c>
      <c r="B105" s="21">
        <v>11</v>
      </c>
      <c r="C105" s="6">
        <v>16</v>
      </c>
      <c r="D105" s="5">
        <v>27</v>
      </c>
    </row>
    <row r="106" spans="1:4" ht="18" customHeight="1" x14ac:dyDescent="0.15">
      <c r="A106" s="8">
        <v>83</v>
      </c>
      <c r="B106" s="21">
        <v>13</v>
      </c>
      <c r="C106" s="6">
        <v>16</v>
      </c>
      <c r="D106" s="5">
        <v>29</v>
      </c>
    </row>
    <row r="107" spans="1:4" ht="18" customHeight="1" x14ac:dyDescent="0.15">
      <c r="A107" s="8">
        <v>84</v>
      </c>
      <c r="B107" s="21">
        <v>11</v>
      </c>
      <c r="C107" s="6">
        <v>17</v>
      </c>
      <c r="D107" s="5">
        <v>28</v>
      </c>
    </row>
    <row r="108" spans="1:4" ht="18" customHeight="1" x14ac:dyDescent="0.15">
      <c r="A108" s="8" t="s">
        <v>7</v>
      </c>
      <c r="B108" s="21">
        <v>65</v>
      </c>
      <c r="C108" s="6">
        <v>88</v>
      </c>
      <c r="D108" s="5">
        <v>153</v>
      </c>
    </row>
    <row r="109" spans="1:4" ht="18" customHeight="1" x14ac:dyDescent="0.15">
      <c r="A109" s="8">
        <v>85</v>
      </c>
      <c r="B109" s="21">
        <v>14</v>
      </c>
      <c r="C109" s="6">
        <v>14</v>
      </c>
      <c r="D109" s="5">
        <v>28</v>
      </c>
    </row>
    <row r="110" spans="1:4" ht="18" customHeight="1" x14ac:dyDescent="0.15">
      <c r="A110" s="8">
        <v>86</v>
      </c>
      <c r="B110" s="21">
        <v>12</v>
      </c>
      <c r="C110" s="6">
        <v>12</v>
      </c>
      <c r="D110" s="5">
        <v>24</v>
      </c>
    </row>
    <row r="111" spans="1:4" ht="18" customHeight="1" x14ac:dyDescent="0.15">
      <c r="A111" s="8">
        <v>87</v>
      </c>
      <c r="B111" s="21">
        <v>5</v>
      </c>
      <c r="C111" s="6">
        <v>12</v>
      </c>
      <c r="D111" s="5">
        <v>17</v>
      </c>
    </row>
    <row r="112" spans="1:4" ht="18" customHeight="1" x14ac:dyDescent="0.15">
      <c r="A112" s="8">
        <v>88</v>
      </c>
      <c r="B112" s="21">
        <v>8</v>
      </c>
      <c r="C112" s="6">
        <v>18</v>
      </c>
      <c r="D112" s="5">
        <v>26</v>
      </c>
    </row>
    <row r="113" spans="1:4" ht="18" customHeight="1" x14ac:dyDescent="0.15">
      <c r="A113" s="8">
        <v>89</v>
      </c>
      <c r="B113" s="21">
        <v>9</v>
      </c>
      <c r="C113" s="6">
        <v>17</v>
      </c>
      <c r="D113" s="5">
        <v>26</v>
      </c>
    </row>
    <row r="114" spans="1:4" ht="18" customHeight="1" x14ac:dyDescent="0.15">
      <c r="A114" s="8" t="s">
        <v>6</v>
      </c>
      <c r="B114" s="21">
        <v>48</v>
      </c>
      <c r="C114" s="6">
        <v>73</v>
      </c>
      <c r="D114" s="5">
        <v>121</v>
      </c>
    </row>
    <row r="115" spans="1:4" ht="18" customHeight="1" x14ac:dyDescent="0.15">
      <c r="A115" s="8">
        <v>90</v>
      </c>
      <c r="B115" s="21">
        <v>5</v>
      </c>
      <c r="C115" s="6">
        <v>9</v>
      </c>
      <c r="D115" s="5">
        <v>14</v>
      </c>
    </row>
    <row r="116" spans="1:4" ht="18" customHeight="1" x14ac:dyDescent="0.15">
      <c r="A116" s="8">
        <v>91</v>
      </c>
      <c r="B116" s="21">
        <v>6</v>
      </c>
      <c r="C116" s="6">
        <v>8</v>
      </c>
      <c r="D116" s="5">
        <v>14</v>
      </c>
    </row>
    <row r="117" spans="1:4" ht="18" customHeight="1" x14ac:dyDescent="0.15">
      <c r="A117" s="8">
        <v>92</v>
      </c>
      <c r="B117" s="21">
        <v>3</v>
      </c>
      <c r="C117" s="6">
        <v>14</v>
      </c>
      <c r="D117" s="5">
        <v>17</v>
      </c>
    </row>
    <row r="118" spans="1:4" ht="18" customHeight="1" x14ac:dyDescent="0.15">
      <c r="A118" s="8">
        <v>93</v>
      </c>
      <c r="B118" s="21">
        <v>1</v>
      </c>
      <c r="C118" s="6">
        <v>8</v>
      </c>
      <c r="D118" s="5">
        <v>9</v>
      </c>
    </row>
    <row r="119" spans="1:4" ht="18" customHeight="1" x14ac:dyDescent="0.15">
      <c r="A119" s="8">
        <v>94</v>
      </c>
      <c r="B119" s="21">
        <v>2</v>
      </c>
      <c r="C119" s="6">
        <v>7</v>
      </c>
      <c r="D119" s="5">
        <v>9</v>
      </c>
    </row>
    <row r="120" spans="1:4" ht="18" customHeight="1" x14ac:dyDescent="0.15">
      <c r="A120" s="8" t="s">
        <v>5</v>
      </c>
      <c r="B120" s="21">
        <v>17</v>
      </c>
      <c r="C120" s="6">
        <v>46</v>
      </c>
      <c r="D120" s="5">
        <v>63</v>
      </c>
    </row>
    <row r="121" spans="1:4" ht="18" customHeight="1" x14ac:dyDescent="0.15">
      <c r="A121" s="8">
        <v>95</v>
      </c>
      <c r="B121" s="21">
        <v>3</v>
      </c>
      <c r="C121" s="6">
        <v>5</v>
      </c>
      <c r="D121" s="5">
        <v>8</v>
      </c>
    </row>
    <row r="122" spans="1:4" ht="18" customHeight="1" x14ac:dyDescent="0.15">
      <c r="A122" s="8">
        <v>96</v>
      </c>
      <c r="B122" s="21">
        <v>2</v>
      </c>
      <c r="C122" s="6">
        <v>3</v>
      </c>
      <c r="D122" s="5">
        <v>5</v>
      </c>
    </row>
    <row r="123" spans="1:4" ht="18" customHeight="1" x14ac:dyDescent="0.15">
      <c r="A123" s="8">
        <v>97</v>
      </c>
      <c r="B123" s="21">
        <v>1</v>
      </c>
      <c r="C123" s="6">
        <v>2</v>
      </c>
      <c r="D123" s="5">
        <v>3</v>
      </c>
    </row>
    <row r="124" spans="1:4" ht="18" customHeight="1" x14ac:dyDescent="0.15">
      <c r="A124" s="8">
        <v>98</v>
      </c>
      <c r="B124" s="21">
        <v>1</v>
      </c>
      <c r="C124" s="6">
        <v>3</v>
      </c>
      <c r="D124" s="5">
        <v>4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7</v>
      </c>
      <c r="C126" s="6">
        <v>16</v>
      </c>
      <c r="D126" s="5">
        <v>23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394</v>
      </c>
      <c r="C130" s="6">
        <v>530</v>
      </c>
      <c r="D130" s="5">
        <v>924</v>
      </c>
    </row>
    <row r="131" spans="1:4" ht="18" customHeight="1" x14ac:dyDescent="0.15">
      <c r="A131" s="4" t="s">
        <v>0</v>
      </c>
      <c r="B131" s="20">
        <v>1230</v>
      </c>
      <c r="C131" s="2">
        <v>1310</v>
      </c>
      <c r="D131" s="1">
        <v>254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7897AE-C454-4E64-A5CE-C3EB3ABF545D}">
  <sheetPr codeName="Sheet10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1</v>
      </c>
      <c r="D5" s="30">
        <v>2</v>
      </c>
    </row>
    <row r="6" spans="1:4" ht="18" customHeight="1" x14ac:dyDescent="0.15">
      <c r="A6" s="8">
        <v>1</v>
      </c>
      <c r="B6" s="26">
        <v>3</v>
      </c>
      <c r="C6" s="6">
        <v>2</v>
      </c>
      <c r="D6" s="5">
        <v>5</v>
      </c>
    </row>
    <row r="7" spans="1:4" ht="18" customHeight="1" x14ac:dyDescent="0.15">
      <c r="A7" s="8">
        <v>2</v>
      </c>
      <c r="B7" s="26">
        <v>1</v>
      </c>
      <c r="C7" s="6">
        <v>3</v>
      </c>
      <c r="D7" s="5">
        <v>4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1</v>
      </c>
      <c r="C9" s="28">
        <v>4</v>
      </c>
      <c r="D9" s="27">
        <v>5</v>
      </c>
    </row>
    <row r="10" spans="1:4" ht="18" customHeight="1" x14ac:dyDescent="0.15">
      <c r="A10" s="8" t="s">
        <v>25</v>
      </c>
      <c r="B10" s="21">
        <v>6</v>
      </c>
      <c r="C10" s="6">
        <v>10</v>
      </c>
      <c r="D10" s="5">
        <v>16</v>
      </c>
    </row>
    <row r="11" spans="1:4" ht="18" customHeight="1" x14ac:dyDescent="0.15">
      <c r="A11" s="8">
        <v>5</v>
      </c>
      <c r="B11" s="26">
        <v>2</v>
      </c>
      <c r="C11" s="6">
        <v>3</v>
      </c>
      <c r="D11" s="5">
        <v>5</v>
      </c>
    </row>
    <row r="12" spans="1:4" ht="18" customHeight="1" x14ac:dyDescent="0.15">
      <c r="A12" s="8">
        <v>6</v>
      </c>
      <c r="B12" s="26">
        <v>1</v>
      </c>
      <c r="C12" s="6">
        <v>2</v>
      </c>
      <c r="D12" s="5">
        <v>3</v>
      </c>
    </row>
    <row r="13" spans="1:4" ht="18" customHeight="1" x14ac:dyDescent="0.15">
      <c r="A13" s="8">
        <v>7</v>
      </c>
      <c r="B13" s="26">
        <v>0</v>
      </c>
      <c r="C13" s="6">
        <v>1</v>
      </c>
      <c r="D13" s="5">
        <v>1</v>
      </c>
    </row>
    <row r="14" spans="1:4" ht="18" customHeight="1" x14ac:dyDescent="0.15">
      <c r="A14" s="8">
        <v>8</v>
      </c>
      <c r="B14" s="26">
        <v>2</v>
      </c>
      <c r="C14" s="6">
        <v>2</v>
      </c>
      <c r="D14" s="5">
        <v>4</v>
      </c>
    </row>
    <row r="15" spans="1:4" ht="18" customHeight="1" x14ac:dyDescent="0.15">
      <c r="A15" s="8">
        <v>9</v>
      </c>
      <c r="B15" s="26">
        <v>2</v>
      </c>
      <c r="C15" s="6">
        <v>1</v>
      </c>
      <c r="D15" s="5">
        <v>3</v>
      </c>
    </row>
    <row r="16" spans="1:4" ht="18" customHeight="1" x14ac:dyDescent="0.15">
      <c r="A16" s="8" t="s">
        <v>24</v>
      </c>
      <c r="B16" s="21">
        <v>7</v>
      </c>
      <c r="C16" s="6">
        <v>9</v>
      </c>
      <c r="D16" s="5">
        <v>16</v>
      </c>
    </row>
    <row r="17" spans="1:4" ht="18" customHeight="1" x14ac:dyDescent="0.15">
      <c r="A17" s="8">
        <v>10</v>
      </c>
      <c r="B17" s="21">
        <v>2</v>
      </c>
      <c r="C17" s="6">
        <v>4</v>
      </c>
      <c r="D17" s="5">
        <v>6</v>
      </c>
    </row>
    <row r="18" spans="1:4" ht="18" customHeight="1" x14ac:dyDescent="0.15">
      <c r="A18" s="8">
        <v>11</v>
      </c>
      <c r="B18" s="21">
        <v>2</v>
      </c>
      <c r="C18" s="6">
        <v>1</v>
      </c>
      <c r="D18" s="5">
        <v>3</v>
      </c>
    </row>
    <row r="19" spans="1:4" ht="18" customHeight="1" x14ac:dyDescent="0.15">
      <c r="A19" s="8">
        <v>12</v>
      </c>
      <c r="B19" s="21">
        <v>2</v>
      </c>
      <c r="C19" s="6">
        <v>1</v>
      </c>
      <c r="D19" s="5">
        <v>3</v>
      </c>
    </row>
    <row r="20" spans="1:4" ht="18" customHeight="1" x14ac:dyDescent="0.15">
      <c r="A20" s="8">
        <v>13</v>
      </c>
      <c r="B20" s="21">
        <v>4</v>
      </c>
      <c r="C20" s="6">
        <v>2</v>
      </c>
      <c r="D20" s="5">
        <v>6</v>
      </c>
    </row>
    <row r="21" spans="1:4" ht="18" customHeight="1" x14ac:dyDescent="0.15">
      <c r="A21" s="8">
        <v>14</v>
      </c>
      <c r="B21" s="21">
        <v>7</v>
      </c>
      <c r="C21" s="6">
        <v>2</v>
      </c>
      <c r="D21" s="5">
        <v>9</v>
      </c>
    </row>
    <row r="22" spans="1:4" ht="18" customHeight="1" x14ac:dyDescent="0.15">
      <c r="A22" s="8" t="s">
        <v>23</v>
      </c>
      <c r="B22" s="21">
        <v>17</v>
      </c>
      <c r="C22" s="6">
        <v>10</v>
      </c>
      <c r="D22" s="5">
        <v>27</v>
      </c>
    </row>
    <row r="23" spans="1:4" ht="18" customHeight="1" x14ac:dyDescent="0.15">
      <c r="A23" s="8" t="s">
        <v>22</v>
      </c>
      <c r="B23" s="21">
        <v>30</v>
      </c>
      <c r="C23" s="6">
        <v>29</v>
      </c>
      <c r="D23" s="5">
        <v>59</v>
      </c>
    </row>
    <row r="24" spans="1:4" ht="18" customHeight="1" x14ac:dyDescent="0.15">
      <c r="A24" s="8">
        <v>15</v>
      </c>
      <c r="B24" s="21">
        <v>8</v>
      </c>
      <c r="C24" s="6">
        <v>1</v>
      </c>
      <c r="D24" s="5">
        <v>9</v>
      </c>
    </row>
    <row r="25" spans="1:4" ht="18" customHeight="1" x14ac:dyDescent="0.15">
      <c r="A25" s="8">
        <v>16</v>
      </c>
      <c r="B25" s="21">
        <v>7</v>
      </c>
      <c r="C25" s="6">
        <v>2</v>
      </c>
      <c r="D25" s="5">
        <v>9</v>
      </c>
    </row>
    <row r="26" spans="1:4" ht="18" customHeight="1" x14ac:dyDescent="0.15">
      <c r="A26" s="8">
        <v>17</v>
      </c>
      <c r="B26" s="21">
        <v>3</v>
      </c>
      <c r="C26" s="6">
        <v>2</v>
      </c>
      <c r="D26" s="5">
        <v>5</v>
      </c>
    </row>
    <row r="27" spans="1:4" ht="18" customHeight="1" x14ac:dyDescent="0.15">
      <c r="A27" s="8">
        <v>18</v>
      </c>
      <c r="B27" s="21">
        <v>7</v>
      </c>
      <c r="C27" s="6">
        <v>4</v>
      </c>
      <c r="D27" s="5">
        <v>11</v>
      </c>
    </row>
    <row r="28" spans="1:4" ht="18" customHeight="1" x14ac:dyDescent="0.15">
      <c r="A28" s="8">
        <v>19</v>
      </c>
      <c r="B28" s="21">
        <v>7</v>
      </c>
      <c r="C28" s="6">
        <v>6</v>
      </c>
      <c r="D28" s="5">
        <v>13</v>
      </c>
    </row>
    <row r="29" spans="1:4" ht="18" customHeight="1" x14ac:dyDescent="0.15">
      <c r="A29" s="8" t="s">
        <v>21</v>
      </c>
      <c r="B29" s="21">
        <v>32</v>
      </c>
      <c r="C29" s="6">
        <v>15</v>
      </c>
      <c r="D29" s="5">
        <v>47</v>
      </c>
    </row>
    <row r="30" spans="1:4" ht="18" customHeight="1" x14ac:dyDescent="0.15">
      <c r="A30" s="8">
        <v>20</v>
      </c>
      <c r="B30" s="21">
        <v>6</v>
      </c>
      <c r="C30" s="6">
        <v>3</v>
      </c>
      <c r="D30" s="5">
        <v>9</v>
      </c>
    </row>
    <row r="31" spans="1:4" ht="18" customHeight="1" x14ac:dyDescent="0.15">
      <c r="A31" s="8">
        <v>21</v>
      </c>
      <c r="B31" s="21">
        <v>7</v>
      </c>
      <c r="C31" s="6">
        <v>5</v>
      </c>
      <c r="D31" s="5">
        <v>12</v>
      </c>
    </row>
    <row r="32" spans="1:4" ht="18" customHeight="1" x14ac:dyDescent="0.15">
      <c r="A32" s="8">
        <v>22</v>
      </c>
      <c r="B32" s="21">
        <v>5</v>
      </c>
      <c r="C32" s="6">
        <v>7</v>
      </c>
      <c r="D32" s="5">
        <v>12</v>
      </c>
    </row>
    <row r="33" spans="1:4" ht="18" customHeight="1" x14ac:dyDescent="0.15">
      <c r="A33" s="8">
        <v>23</v>
      </c>
      <c r="B33" s="21">
        <v>1</v>
      </c>
      <c r="C33" s="6">
        <v>3</v>
      </c>
      <c r="D33" s="5">
        <v>4</v>
      </c>
    </row>
    <row r="34" spans="1:4" ht="18" customHeight="1" x14ac:dyDescent="0.15">
      <c r="A34" s="8">
        <v>24</v>
      </c>
      <c r="B34" s="21">
        <v>1</v>
      </c>
      <c r="C34" s="6">
        <v>5</v>
      </c>
      <c r="D34" s="5">
        <v>6</v>
      </c>
    </row>
    <row r="35" spans="1:4" ht="18" customHeight="1" x14ac:dyDescent="0.15">
      <c r="A35" s="8" t="s">
        <v>20</v>
      </c>
      <c r="B35" s="21">
        <v>20</v>
      </c>
      <c r="C35" s="6">
        <v>23</v>
      </c>
      <c r="D35" s="5">
        <v>43</v>
      </c>
    </row>
    <row r="36" spans="1:4" ht="18" customHeight="1" x14ac:dyDescent="0.15">
      <c r="A36" s="8">
        <v>25</v>
      </c>
      <c r="B36" s="21">
        <v>3</v>
      </c>
      <c r="C36" s="6">
        <v>1</v>
      </c>
      <c r="D36" s="5">
        <v>4</v>
      </c>
    </row>
    <row r="37" spans="1:4" ht="18" customHeight="1" x14ac:dyDescent="0.15">
      <c r="A37" s="8">
        <v>26</v>
      </c>
      <c r="B37" s="21">
        <v>2</v>
      </c>
      <c r="C37" s="6">
        <v>2</v>
      </c>
      <c r="D37" s="5">
        <v>4</v>
      </c>
    </row>
    <row r="38" spans="1:4" ht="18" customHeight="1" x14ac:dyDescent="0.15">
      <c r="A38" s="8">
        <v>27</v>
      </c>
      <c r="B38" s="21">
        <v>6</v>
      </c>
      <c r="C38" s="6">
        <v>3</v>
      </c>
      <c r="D38" s="5">
        <v>9</v>
      </c>
    </row>
    <row r="39" spans="1:4" ht="18" customHeight="1" x14ac:dyDescent="0.15">
      <c r="A39" s="8">
        <v>28</v>
      </c>
      <c r="B39" s="21">
        <v>3</v>
      </c>
      <c r="C39" s="6">
        <v>1</v>
      </c>
      <c r="D39" s="5">
        <v>4</v>
      </c>
    </row>
    <row r="40" spans="1:4" ht="18" customHeight="1" x14ac:dyDescent="0.15">
      <c r="A40" s="8">
        <v>29</v>
      </c>
      <c r="B40" s="21">
        <v>5</v>
      </c>
      <c r="C40" s="6">
        <v>4</v>
      </c>
      <c r="D40" s="5">
        <v>9</v>
      </c>
    </row>
    <row r="41" spans="1:4" ht="18" customHeight="1" x14ac:dyDescent="0.15">
      <c r="A41" s="8" t="s">
        <v>19</v>
      </c>
      <c r="B41" s="21">
        <v>19</v>
      </c>
      <c r="C41" s="6">
        <v>11</v>
      </c>
      <c r="D41" s="5">
        <v>30</v>
      </c>
    </row>
    <row r="42" spans="1:4" ht="18" customHeight="1" x14ac:dyDescent="0.15">
      <c r="A42" s="8">
        <v>30</v>
      </c>
      <c r="B42" s="21">
        <v>4</v>
      </c>
      <c r="C42" s="6">
        <v>3</v>
      </c>
      <c r="D42" s="5">
        <v>7</v>
      </c>
    </row>
    <row r="43" spans="1:4" ht="18" customHeight="1" x14ac:dyDescent="0.15">
      <c r="A43" s="8">
        <v>31</v>
      </c>
      <c r="B43" s="21">
        <v>1</v>
      </c>
      <c r="C43" s="6">
        <v>7</v>
      </c>
      <c r="D43" s="5">
        <v>8</v>
      </c>
    </row>
    <row r="44" spans="1:4" ht="18" customHeight="1" x14ac:dyDescent="0.15">
      <c r="A44" s="8">
        <v>32</v>
      </c>
      <c r="B44" s="21">
        <v>1</v>
      </c>
      <c r="C44" s="6">
        <v>2</v>
      </c>
      <c r="D44" s="5">
        <v>3</v>
      </c>
    </row>
    <row r="45" spans="1:4" ht="18" customHeight="1" x14ac:dyDescent="0.15">
      <c r="A45" s="8">
        <v>33</v>
      </c>
      <c r="B45" s="21">
        <v>4</v>
      </c>
      <c r="C45" s="6">
        <v>4</v>
      </c>
      <c r="D45" s="5">
        <v>8</v>
      </c>
    </row>
    <row r="46" spans="1:4" ht="18" customHeight="1" x14ac:dyDescent="0.15">
      <c r="A46" s="8">
        <v>34</v>
      </c>
      <c r="B46" s="21">
        <v>7</v>
      </c>
      <c r="C46" s="6">
        <v>1</v>
      </c>
      <c r="D46" s="5">
        <v>8</v>
      </c>
    </row>
    <row r="47" spans="1:4" ht="18" customHeight="1" x14ac:dyDescent="0.15">
      <c r="A47" s="8" t="s">
        <v>18</v>
      </c>
      <c r="B47" s="21">
        <v>17</v>
      </c>
      <c r="C47" s="6">
        <v>17</v>
      </c>
      <c r="D47" s="5">
        <v>34</v>
      </c>
    </row>
    <row r="48" spans="1:4" ht="18" customHeight="1" x14ac:dyDescent="0.15">
      <c r="A48" s="8">
        <v>35</v>
      </c>
      <c r="B48" s="21">
        <v>2</v>
      </c>
      <c r="C48" s="6">
        <v>2</v>
      </c>
      <c r="D48" s="5">
        <v>4</v>
      </c>
    </row>
    <row r="49" spans="1:4" ht="18" customHeight="1" x14ac:dyDescent="0.15">
      <c r="A49" s="8">
        <v>36</v>
      </c>
      <c r="B49" s="21">
        <v>5</v>
      </c>
      <c r="C49" s="6">
        <v>1</v>
      </c>
      <c r="D49" s="5">
        <v>6</v>
      </c>
    </row>
    <row r="50" spans="1:4" ht="18" customHeight="1" x14ac:dyDescent="0.15">
      <c r="A50" s="8">
        <v>37</v>
      </c>
      <c r="B50" s="21">
        <v>2</v>
      </c>
      <c r="C50" s="6">
        <v>4</v>
      </c>
      <c r="D50" s="5">
        <v>6</v>
      </c>
    </row>
    <row r="51" spans="1:4" ht="18" customHeight="1" x14ac:dyDescent="0.15">
      <c r="A51" s="8">
        <v>38</v>
      </c>
      <c r="B51" s="21">
        <v>3</v>
      </c>
      <c r="C51" s="6">
        <v>0</v>
      </c>
      <c r="D51" s="5">
        <v>3</v>
      </c>
    </row>
    <row r="52" spans="1:4" ht="18" customHeight="1" x14ac:dyDescent="0.15">
      <c r="A52" s="8">
        <v>39</v>
      </c>
      <c r="B52" s="21">
        <v>5</v>
      </c>
      <c r="C52" s="6">
        <v>7</v>
      </c>
      <c r="D52" s="5">
        <v>12</v>
      </c>
    </row>
    <row r="53" spans="1:4" ht="18" customHeight="1" x14ac:dyDescent="0.15">
      <c r="A53" s="8" t="s">
        <v>17</v>
      </c>
      <c r="B53" s="21">
        <v>17</v>
      </c>
      <c r="C53" s="6">
        <v>14</v>
      </c>
      <c r="D53" s="5">
        <v>31</v>
      </c>
    </row>
    <row r="54" spans="1:4" ht="18" customHeight="1" x14ac:dyDescent="0.15">
      <c r="A54" s="8">
        <v>40</v>
      </c>
      <c r="B54" s="21">
        <v>7</v>
      </c>
      <c r="C54" s="6">
        <v>3</v>
      </c>
      <c r="D54" s="5">
        <v>10</v>
      </c>
    </row>
    <row r="55" spans="1:4" ht="18" customHeight="1" x14ac:dyDescent="0.15">
      <c r="A55" s="8">
        <v>41</v>
      </c>
      <c r="B55" s="21">
        <v>4</v>
      </c>
      <c r="C55" s="6">
        <v>6</v>
      </c>
      <c r="D55" s="5">
        <v>10</v>
      </c>
    </row>
    <row r="56" spans="1:4" ht="18" customHeight="1" x14ac:dyDescent="0.15">
      <c r="A56" s="8">
        <v>42</v>
      </c>
      <c r="B56" s="21">
        <v>8</v>
      </c>
      <c r="C56" s="6">
        <v>0</v>
      </c>
      <c r="D56" s="5">
        <v>8</v>
      </c>
    </row>
    <row r="57" spans="1:4" ht="18" customHeight="1" x14ac:dyDescent="0.15">
      <c r="A57" s="8">
        <v>43</v>
      </c>
      <c r="B57" s="21">
        <v>5</v>
      </c>
      <c r="C57" s="6">
        <v>2</v>
      </c>
      <c r="D57" s="5">
        <v>7</v>
      </c>
    </row>
    <row r="58" spans="1:4" ht="18" customHeight="1" x14ac:dyDescent="0.15">
      <c r="A58" s="8">
        <v>44</v>
      </c>
      <c r="B58" s="21">
        <v>4</v>
      </c>
      <c r="C58" s="6">
        <v>2</v>
      </c>
      <c r="D58" s="5">
        <v>6</v>
      </c>
    </row>
    <row r="59" spans="1:4" ht="18" customHeight="1" x14ac:dyDescent="0.15">
      <c r="A59" s="8" t="s">
        <v>16</v>
      </c>
      <c r="B59" s="21">
        <v>28</v>
      </c>
      <c r="C59" s="6">
        <v>13</v>
      </c>
      <c r="D59" s="5">
        <v>41</v>
      </c>
    </row>
    <row r="60" spans="1:4" ht="18" customHeight="1" x14ac:dyDescent="0.15">
      <c r="A60" s="8">
        <v>45</v>
      </c>
      <c r="B60" s="21">
        <v>6</v>
      </c>
      <c r="C60" s="6">
        <v>9</v>
      </c>
      <c r="D60" s="5">
        <v>15</v>
      </c>
    </row>
    <row r="61" spans="1:4" ht="18" customHeight="1" x14ac:dyDescent="0.15">
      <c r="A61" s="8">
        <v>46</v>
      </c>
      <c r="B61" s="21">
        <v>4</v>
      </c>
      <c r="C61" s="6">
        <v>7</v>
      </c>
      <c r="D61" s="5">
        <v>11</v>
      </c>
    </row>
    <row r="62" spans="1:4" ht="18" customHeight="1" x14ac:dyDescent="0.15">
      <c r="A62" s="8">
        <v>47</v>
      </c>
      <c r="B62" s="21">
        <v>7</v>
      </c>
      <c r="C62" s="6">
        <v>3</v>
      </c>
      <c r="D62" s="5">
        <v>10</v>
      </c>
    </row>
    <row r="63" spans="1:4" ht="18" customHeight="1" x14ac:dyDescent="0.15">
      <c r="A63" s="8">
        <v>48</v>
      </c>
      <c r="B63" s="21">
        <v>6</v>
      </c>
      <c r="C63" s="6">
        <v>2</v>
      </c>
      <c r="D63" s="5">
        <v>8</v>
      </c>
    </row>
    <row r="64" spans="1:4" ht="18" customHeight="1" x14ac:dyDescent="0.15">
      <c r="A64" s="8">
        <v>49</v>
      </c>
      <c r="B64" s="21">
        <v>11</v>
      </c>
      <c r="C64" s="6">
        <v>6</v>
      </c>
      <c r="D64" s="5">
        <v>17</v>
      </c>
    </row>
    <row r="65" spans="1:4" ht="18" customHeight="1" x14ac:dyDescent="0.15">
      <c r="A65" s="8" t="s">
        <v>15</v>
      </c>
      <c r="B65" s="21">
        <v>34</v>
      </c>
      <c r="C65" s="6">
        <v>27</v>
      </c>
      <c r="D65" s="5">
        <v>61</v>
      </c>
    </row>
    <row r="66" spans="1:4" ht="18" customHeight="1" x14ac:dyDescent="0.15">
      <c r="A66" s="8">
        <v>50</v>
      </c>
      <c r="B66" s="21">
        <v>7</v>
      </c>
      <c r="C66" s="6">
        <v>8</v>
      </c>
      <c r="D66" s="5">
        <v>15</v>
      </c>
    </row>
    <row r="67" spans="1:4" ht="18" customHeight="1" x14ac:dyDescent="0.15">
      <c r="A67" s="8">
        <v>51</v>
      </c>
      <c r="B67" s="21">
        <v>8</v>
      </c>
      <c r="C67" s="6">
        <v>5</v>
      </c>
      <c r="D67" s="5">
        <v>13</v>
      </c>
    </row>
    <row r="68" spans="1:4" ht="18" customHeight="1" x14ac:dyDescent="0.15">
      <c r="A68" s="8">
        <v>52</v>
      </c>
      <c r="B68" s="21">
        <v>9</v>
      </c>
      <c r="C68" s="6">
        <v>11</v>
      </c>
      <c r="D68" s="5">
        <v>20</v>
      </c>
    </row>
    <row r="69" spans="1:4" ht="18" customHeight="1" x14ac:dyDescent="0.15">
      <c r="A69" s="8">
        <v>53</v>
      </c>
      <c r="B69" s="21">
        <v>10</v>
      </c>
      <c r="C69" s="6">
        <v>7</v>
      </c>
      <c r="D69" s="5">
        <v>17</v>
      </c>
    </row>
    <row r="70" spans="1:4" ht="18" customHeight="1" x14ac:dyDescent="0.15">
      <c r="A70" s="8">
        <v>54</v>
      </c>
      <c r="B70" s="21">
        <v>4</v>
      </c>
      <c r="C70" s="6">
        <v>11</v>
      </c>
      <c r="D70" s="5">
        <v>15</v>
      </c>
    </row>
    <row r="71" spans="1:4" ht="18" customHeight="1" x14ac:dyDescent="0.15">
      <c r="A71" s="8" t="s">
        <v>14</v>
      </c>
      <c r="B71" s="21">
        <v>38</v>
      </c>
      <c r="C71" s="6">
        <v>42</v>
      </c>
      <c r="D71" s="5">
        <v>80</v>
      </c>
    </row>
    <row r="72" spans="1:4" ht="18" customHeight="1" x14ac:dyDescent="0.15">
      <c r="A72" s="8">
        <v>55</v>
      </c>
      <c r="B72" s="21">
        <v>6</v>
      </c>
      <c r="C72" s="6">
        <v>10</v>
      </c>
      <c r="D72" s="5">
        <v>16</v>
      </c>
    </row>
    <row r="73" spans="1:4" ht="18" customHeight="1" x14ac:dyDescent="0.15">
      <c r="A73" s="8">
        <v>56</v>
      </c>
      <c r="B73" s="21">
        <v>9</v>
      </c>
      <c r="C73" s="6">
        <v>9</v>
      </c>
      <c r="D73" s="5">
        <v>18</v>
      </c>
    </row>
    <row r="74" spans="1:4" ht="18" customHeight="1" x14ac:dyDescent="0.15">
      <c r="A74" s="8">
        <v>57</v>
      </c>
      <c r="B74" s="21">
        <v>8</v>
      </c>
      <c r="C74" s="6">
        <v>8</v>
      </c>
      <c r="D74" s="5">
        <v>16</v>
      </c>
    </row>
    <row r="75" spans="1:4" ht="18" customHeight="1" x14ac:dyDescent="0.15">
      <c r="A75" s="8">
        <v>58</v>
      </c>
      <c r="B75" s="21">
        <v>6</v>
      </c>
      <c r="C75" s="6">
        <v>7</v>
      </c>
      <c r="D75" s="5">
        <v>13</v>
      </c>
    </row>
    <row r="76" spans="1:4" ht="18" customHeight="1" x14ac:dyDescent="0.15">
      <c r="A76" s="8">
        <v>59</v>
      </c>
      <c r="B76" s="21">
        <v>5</v>
      </c>
      <c r="C76" s="6">
        <v>7</v>
      </c>
      <c r="D76" s="5">
        <v>12</v>
      </c>
    </row>
    <row r="77" spans="1:4" ht="18" customHeight="1" x14ac:dyDescent="0.15">
      <c r="A77" s="8" t="s">
        <v>13</v>
      </c>
      <c r="B77" s="21">
        <v>34</v>
      </c>
      <c r="C77" s="6">
        <v>41</v>
      </c>
      <c r="D77" s="5">
        <v>75</v>
      </c>
    </row>
    <row r="78" spans="1:4" ht="18" customHeight="1" x14ac:dyDescent="0.15">
      <c r="A78" s="8">
        <v>60</v>
      </c>
      <c r="B78" s="21">
        <v>2</v>
      </c>
      <c r="C78" s="6">
        <v>8</v>
      </c>
      <c r="D78" s="5">
        <v>10</v>
      </c>
    </row>
    <row r="79" spans="1:4" ht="18" customHeight="1" x14ac:dyDescent="0.15">
      <c r="A79" s="8">
        <v>61</v>
      </c>
      <c r="B79" s="21">
        <v>7</v>
      </c>
      <c r="C79" s="6">
        <v>4</v>
      </c>
      <c r="D79" s="5">
        <v>11</v>
      </c>
    </row>
    <row r="80" spans="1:4" ht="18" customHeight="1" x14ac:dyDescent="0.15">
      <c r="A80" s="8">
        <v>62</v>
      </c>
      <c r="B80" s="21">
        <v>8</v>
      </c>
      <c r="C80" s="6">
        <v>8</v>
      </c>
      <c r="D80" s="5">
        <v>16</v>
      </c>
    </row>
    <row r="81" spans="1:4" ht="18" customHeight="1" x14ac:dyDescent="0.15">
      <c r="A81" s="8">
        <v>63</v>
      </c>
      <c r="B81" s="21">
        <v>9</v>
      </c>
      <c r="C81" s="6">
        <v>5</v>
      </c>
      <c r="D81" s="5">
        <v>14</v>
      </c>
    </row>
    <row r="82" spans="1:4" ht="18" customHeight="1" x14ac:dyDescent="0.15">
      <c r="A82" s="8">
        <v>64</v>
      </c>
      <c r="B82" s="21">
        <v>6</v>
      </c>
      <c r="C82" s="6">
        <v>8</v>
      </c>
      <c r="D82" s="5">
        <v>14</v>
      </c>
    </row>
    <row r="83" spans="1:4" ht="18" customHeight="1" x14ac:dyDescent="0.15">
      <c r="A83" s="8" t="s">
        <v>12</v>
      </c>
      <c r="B83" s="21">
        <v>32</v>
      </c>
      <c r="C83" s="6">
        <v>33</v>
      </c>
      <c r="D83" s="5">
        <v>65</v>
      </c>
    </row>
    <row r="84" spans="1:4" ht="18" customHeight="1" x14ac:dyDescent="0.15">
      <c r="A84" s="8" t="s">
        <v>11</v>
      </c>
      <c r="B84" s="21">
        <v>271</v>
      </c>
      <c r="C84" s="6">
        <v>236</v>
      </c>
      <c r="D84" s="5">
        <v>507</v>
      </c>
    </row>
    <row r="85" spans="1:4" ht="18" customHeight="1" x14ac:dyDescent="0.15">
      <c r="A85" s="8">
        <v>65</v>
      </c>
      <c r="B85" s="21">
        <v>5</v>
      </c>
      <c r="C85" s="6">
        <v>6</v>
      </c>
      <c r="D85" s="5">
        <v>11</v>
      </c>
    </row>
    <row r="86" spans="1:4" ht="18" customHeight="1" x14ac:dyDescent="0.15">
      <c r="A86" s="8">
        <v>66</v>
      </c>
      <c r="B86" s="21">
        <v>7</v>
      </c>
      <c r="C86" s="6">
        <v>13</v>
      </c>
      <c r="D86" s="5">
        <v>20</v>
      </c>
    </row>
    <row r="87" spans="1:4" ht="18" customHeight="1" x14ac:dyDescent="0.15">
      <c r="A87" s="8">
        <v>67</v>
      </c>
      <c r="B87" s="21">
        <v>11</v>
      </c>
      <c r="C87" s="6">
        <v>7</v>
      </c>
      <c r="D87" s="5">
        <v>18</v>
      </c>
    </row>
    <row r="88" spans="1:4" ht="18" customHeight="1" x14ac:dyDescent="0.15">
      <c r="A88" s="8">
        <v>68</v>
      </c>
      <c r="B88" s="21">
        <v>6</v>
      </c>
      <c r="C88" s="6">
        <v>6</v>
      </c>
      <c r="D88" s="5">
        <v>12</v>
      </c>
    </row>
    <row r="89" spans="1:4" ht="18" customHeight="1" x14ac:dyDescent="0.15">
      <c r="A89" s="8">
        <v>69</v>
      </c>
      <c r="B89" s="21">
        <v>6</v>
      </c>
      <c r="C89" s="6">
        <v>7</v>
      </c>
      <c r="D89" s="5">
        <v>13</v>
      </c>
    </row>
    <row r="90" spans="1:4" ht="18" customHeight="1" x14ac:dyDescent="0.15">
      <c r="A90" s="8" t="s">
        <v>10</v>
      </c>
      <c r="B90" s="21">
        <v>35</v>
      </c>
      <c r="C90" s="6">
        <v>39</v>
      </c>
      <c r="D90" s="5">
        <v>74</v>
      </c>
    </row>
    <row r="91" spans="1:4" ht="18" customHeight="1" x14ac:dyDescent="0.15">
      <c r="A91" s="8">
        <v>70</v>
      </c>
      <c r="B91" s="21">
        <v>6</v>
      </c>
      <c r="C91" s="6">
        <v>14</v>
      </c>
      <c r="D91" s="5">
        <v>20</v>
      </c>
    </row>
    <row r="92" spans="1:4" ht="18" customHeight="1" x14ac:dyDescent="0.15">
      <c r="A92" s="8">
        <v>71</v>
      </c>
      <c r="B92" s="21">
        <v>14</v>
      </c>
      <c r="C92" s="6">
        <v>15</v>
      </c>
      <c r="D92" s="5">
        <v>29</v>
      </c>
    </row>
    <row r="93" spans="1:4" ht="18" customHeight="1" x14ac:dyDescent="0.15">
      <c r="A93" s="8">
        <v>72</v>
      </c>
      <c r="B93" s="21">
        <v>13</v>
      </c>
      <c r="C93" s="6">
        <v>6</v>
      </c>
      <c r="D93" s="5">
        <v>19</v>
      </c>
    </row>
    <row r="94" spans="1:4" ht="18" customHeight="1" x14ac:dyDescent="0.15">
      <c r="A94" s="8">
        <v>73</v>
      </c>
      <c r="B94" s="21">
        <v>12</v>
      </c>
      <c r="C94" s="6">
        <v>5</v>
      </c>
      <c r="D94" s="5">
        <v>17</v>
      </c>
    </row>
    <row r="95" spans="1:4" ht="18" customHeight="1" x14ac:dyDescent="0.15">
      <c r="A95" s="8">
        <v>74</v>
      </c>
      <c r="B95" s="21">
        <v>11</v>
      </c>
      <c r="C95" s="6">
        <v>11</v>
      </c>
      <c r="D95" s="5">
        <v>22</v>
      </c>
    </row>
    <row r="96" spans="1:4" ht="18" customHeight="1" x14ac:dyDescent="0.15">
      <c r="A96" s="8" t="s">
        <v>9</v>
      </c>
      <c r="B96" s="21">
        <v>56</v>
      </c>
      <c r="C96" s="6">
        <v>51</v>
      </c>
      <c r="D96" s="5">
        <v>107</v>
      </c>
    </row>
    <row r="97" spans="1:4" ht="18" customHeight="1" x14ac:dyDescent="0.15">
      <c r="A97" s="8">
        <v>75</v>
      </c>
      <c r="B97" s="21">
        <v>10</v>
      </c>
      <c r="C97" s="6">
        <v>13</v>
      </c>
      <c r="D97" s="5">
        <v>23</v>
      </c>
    </row>
    <row r="98" spans="1:4" ht="18" customHeight="1" x14ac:dyDescent="0.15">
      <c r="A98" s="8">
        <v>76</v>
      </c>
      <c r="B98" s="21">
        <v>12</v>
      </c>
      <c r="C98" s="6">
        <v>14</v>
      </c>
      <c r="D98" s="5">
        <v>26</v>
      </c>
    </row>
    <row r="99" spans="1:4" ht="18" customHeight="1" x14ac:dyDescent="0.15">
      <c r="A99" s="8">
        <v>77</v>
      </c>
      <c r="B99" s="21">
        <v>11</v>
      </c>
      <c r="C99" s="6">
        <v>15</v>
      </c>
      <c r="D99" s="5">
        <v>26</v>
      </c>
    </row>
    <row r="100" spans="1:4" ht="18" customHeight="1" x14ac:dyDescent="0.15">
      <c r="A100" s="8">
        <v>78</v>
      </c>
      <c r="B100" s="21">
        <v>13</v>
      </c>
      <c r="C100" s="6">
        <v>23</v>
      </c>
      <c r="D100" s="5">
        <v>36</v>
      </c>
    </row>
    <row r="101" spans="1:4" ht="18" customHeight="1" x14ac:dyDescent="0.15">
      <c r="A101" s="8">
        <v>79</v>
      </c>
      <c r="B101" s="21">
        <v>11</v>
      </c>
      <c r="C101" s="6">
        <v>9</v>
      </c>
      <c r="D101" s="5">
        <v>20</v>
      </c>
    </row>
    <row r="102" spans="1:4" ht="18" customHeight="1" x14ac:dyDescent="0.15">
      <c r="A102" s="8" t="s">
        <v>8</v>
      </c>
      <c r="B102" s="21">
        <v>57</v>
      </c>
      <c r="C102" s="6">
        <v>74</v>
      </c>
      <c r="D102" s="5">
        <v>131</v>
      </c>
    </row>
    <row r="103" spans="1:4" ht="18" customHeight="1" x14ac:dyDescent="0.15">
      <c r="A103" s="8">
        <v>80</v>
      </c>
      <c r="B103" s="21">
        <v>6</v>
      </c>
      <c r="C103" s="6">
        <v>4</v>
      </c>
      <c r="D103" s="5">
        <v>10</v>
      </c>
    </row>
    <row r="104" spans="1:4" ht="18" customHeight="1" x14ac:dyDescent="0.15">
      <c r="A104" s="8">
        <v>81</v>
      </c>
      <c r="B104" s="21">
        <v>12</v>
      </c>
      <c r="C104" s="6">
        <v>11</v>
      </c>
      <c r="D104" s="5">
        <v>23</v>
      </c>
    </row>
    <row r="105" spans="1:4" ht="18" customHeight="1" x14ac:dyDescent="0.15">
      <c r="A105" s="8">
        <v>82</v>
      </c>
      <c r="B105" s="21">
        <v>5</v>
      </c>
      <c r="C105" s="6">
        <v>12</v>
      </c>
      <c r="D105" s="5">
        <v>17</v>
      </c>
    </row>
    <row r="106" spans="1:4" ht="18" customHeight="1" x14ac:dyDescent="0.15">
      <c r="A106" s="8">
        <v>83</v>
      </c>
      <c r="B106" s="21">
        <v>6</v>
      </c>
      <c r="C106" s="6">
        <v>10</v>
      </c>
      <c r="D106" s="5">
        <v>16</v>
      </c>
    </row>
    <row r="107" spans="1:4" ht="18" customHeight="1" x14ac:dyDescent="0.15">
      <c r="A107" s="8">
        <v>84</v>
      </c>
      <c r="B107" s="21">
        <v>7</v>
      </c>
      <c r="C107" s="6">
        <v>8</v>
      </c>
      <c r="D107" s="5">
        <v>15</v>
      </c>
    </row>
    <row r="108" spans="1:4" ht="18" customHeight="1" x14ac:dyDescent="0.15">
      <c r="A108" s="8" t="s">
        <v>7</v>
      </c>
      <c r="B108" s="21">
        <v>36</v>
      </c>
      <c r="C108" s="6">
        <v>45</v>
      </c>
      <c r="D108" s="5">
        <v>81</v>
      </c>
    </row>
    <row r="109" spans="1:4" ht="18" customHeight="1" x14ac:dyDescent="0.15">
      <c r="A109" s="8">
        <v>85</v>
      </c>
      <c r="B109" s="21">
        <v>1</v>
      </c>
      <c r="C109" s="6">
        <v>3</v>
      </c>
      <c r="D109" s="5">
        <v>4</v>
      </c>
    </row>
    <row r="110" spans="1:4" ht="18" customHeight="1" x14ac:dyDescent="0.15">
      <c r="A110" s="8">
        <v>86</v>
      </c>
      <c r="B110" s="21">
        <v>6</v>
      </c>
      <c r="C110" s="6">
        <v>9</v>
      </c>
      <c r="D110" s="5">
        <v>15</v>
      </c>
    </row>
    <row r="111" spans="1:4" ht="18" customHeight="1" x14ac:dyDescent="0.15">
      <c r="A111" s="8">
        <v>87</v>
      </c>
      <c r="B111" s="21">
        <v>4</v>
      </c>
      <c r="C111" s="6">
        <v>14</v>
      </c>
      <c r="D111" s="5">
        <v>18</v>
      </c>
    </row>
    <row r="112" spans="1:4" ht="18" customHeight="1" x14ac:dyDescent="0.15">
      <c r="A112" s="8">
        <v>88</v>
      </c>
      <c r="B112" s="21">
        <v>3</v>
      </c>
      <c r="C112" s="6">
        <v>4</v>
      </c>
      <c r="D112" s="5">
        <v>7</v>
      </c>
    </row>
    <row r="113" spans="1:4" ht="18" customHeight="1" x14ac:dyDescent="0.15">
      <c r="A113" s="8">
        <v>89</v>
      </c>
      <c r="B113" s="21">
        <v>4</v>
      </c>
      <c r="C113" s="6">
        <v>3</v>
      </c>
      <c r="D113" s="5">
        <v>7</v>
      </c>
    </row>
    <row r="114" spans="1:4" ht="18" customHeight="1" x14ac:dyDescent="0.15">
      <c r="A114" s="8" t="s">
        <v>6</v>
      </c>
      <c r="B114" s="21">
        <v>18</v>
      </c>
      <c r="C114" s="6">
        <v>33</v>
      </c>
      <c r="D114" s="5">
        <v>51</v>
      </c>
    </row>
    <row r="115" spans="1:4" ht="18" customHeight="1" x14ac:dyDescent="0.15">
      <c r="A115" s="8">
        <v>90</v>
      </c>
      <c r="B115" s="21">
        <v>3</v>
      </c>
      <c r="C115" s="6">
        <v>6</v>
      </c>
      <c r="D115" s="5">
        <v>9</v>
      </c>
    </row>
    <row r="116" spans="1:4" ht="18" customHeight="1" x14ac:dyDescent="0.15">
      <c r="A116" s="8">
        <v>91</v>
      </c>
      <c r="B116" s="21">
        <v>2</v>
      </c>
      <c r="C116" s="6">
        <v>4</v>
      </c>
      <c r="D116" s="5">
        <v>6</v>
      </c>
    </row>
    <row r="117" spans="1:4" ht="18" customHeight="1" x14ac:dyDescent="0.15">
      <c r="A117" s="8">
        <v>92</v>
      </c>
      <c r="B117" s="21">
        <v>3</v>
      </c>
      <c r="C117" s="6">
        <v>3</v>
      </c>
      <c r="D117" s="5">
        <v>6</v>
      </c>
    </row>
    <row r="118" spans="1:4" ht="18" customHeight="1" x14ac:dyDescent="0.15">
      <c r="A118" s="8">
        <v>93</v>
      </c>
      <c r="B118" s="21">
        <v>2</v>
      </c>
      <c r="C118" s="6">
        <v>8</v>
      </c>
      <c r="D118" s="5">
        <v>10</v>
      </c>
    </row>
    <row r="119" spans="1:4" ht="18" customHeight="1" x14ac:dyDescent="0.15">
      <c r="A119" s="8">
        <v>94</v>
      </c>
      <c r="B119" s="21">
        <v>0</v>
      </c>
      <c r="C119" s="6">
        <v>7</v>
      </c>
      <c r="D119" s="5">
        <v>7</v>
      </c>
    </row>
    <row r="120" spans="1:4" ht="18" customHeight="1" x14ac:dyDescent="0.15">
      <c r="A120" s="8" t="s">
        <v>5</v>
      </c>
      <c r="B120" s="21">
        <v>10</v>
      </c>
      <c r="C120" s="6">
        <v>28</v>
      </c>
      <c r="D120" s="5">
        <v>38</v>
      </c>
    </row>
    <row r="121" spans="1:4" ht="18" customHeight="1" x14ac:dyDescent="0.15">
      <c r="A121" s="8">
        <v>95</v>
      </c>
      <c r="B121" s="21">
        <v>2</v>
      </c>
      <c r="C121" s="6">
        <v>3</v>
      </c>
      <c r="D121" s="5">
        <v>5</v>
      </c>
    </row>
    <row r="122" spans="1:4" ht="18" customHeight="1" x14ac:dyDescent="0.15">
      <c r="A122" s="8">
        <v>96</v>
      </c>
      <c r="B122" s="21">
        <v>1</v>
      </c>
      <c r="C122" s="6">
        <v>3</v>
      </c>
      <c r="D122" s="5">
        <v>4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4</v>
      </c>
      <c r="C126" s="6">
        <v>8</v>
      </c>
      <c r="D126" s="5">
        <v>12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216</v>
      </c>
      <c r="C130" s="6">
        <v>282</v>
      </c>
      <c r="D130" s="5">
        <v>498</v>
      </c>
    </row>
    <row r="131" spans="1:4" ht="18" customHeight="1" x14ac:dyDescent="0.15">
      <c r="A131" s="4" t="s">
        <v>0</v>
      </c>
      <c r="B131" s="20">
        <v>517</v>
      </c>
      <c r="C131" s="2">
        <v>547</v>
      </c>
      <c r="D131" s="1">
        <v>106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5-11-06T05:44:31Z</dcterms:created>
  <dcterms:modified xsi:type="dcterms:W3CDTF">2025-11-06T05:54:15Z</dcterms:modified>
</cp:coreProperties>
</file>